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2.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3.xml" ContentType="application/vnd.openxmlformats-officedocument.presentationml.tags+xml"/>
  <Override PartName="/ppt/changesInfos/changesInfo1.xml" ContentType="application/vnd.ms-powerpoint.changes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15"/>
  </p:notesMasterIdLst>
  <p:sldIdLst>
    <p:sldId id="257" r:id="rId2"/>
    <p:sldId id="2147476512" r:id="rId3"/>
    <p:sldId id="258" r:id="rId4"/>
    <p:sldId id="2147476486" r:id="rId5"/>
    <p:sldId id="2147476489" r:id="rId6"/>
    <p:sldId id="2147476491" r:id="rId7"/>
    <p:sldId id="2147476492" r:id="rId8"/>
    <p:sldId id="2147476502" r:id="rId9"/>
    <p:sldId id="2147476497" r:id="rId10"/>
    <p:sldId id="2147476504" r:id="rId11"/>
    <p:sldId id="2147476506" r:id="rId12"/>
    <p:sldId id="261" r:id="rId13"/>
    <p:sldId id="278" r:id="rId14"/>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813FE5BA-10CF-9370-A304-E141E6EEAF8D}" name="Sara Mastrorosa" initials="SM" userId="S::sara.mastrorosa@ericsson.com::d159c406-3740-4568-9f4d-6092b2495d2a"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0"/>
      </p:ext>
    </p:extLst>
  </p:showPr>
  <p:clrMru>
    <a:srgbClr val="ECEFF4"/>
    <a:srgbClr val="AF78D2"/>
    <a:srgbClr val="0082F0"/>
    <a:srgbClr val="4ABEB8"/>
    <a:srgbClr val="F17385"/>
    <a:srgbClr val="00B050"/>
    <a:srgbClr val="FF8C0A"/>
    <a:srgbClr val="EAEDF2"/>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 uri="{1BD7E111-0CB8-44D6-8891-C1BB2F81B7CC}">
      <p1710:readonlyRecommended xmlns:p1710="http://schemas.microsoft.com/office/powerpoint/2017/10/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0428" autoAdjust="0"/>
    <p:restoredTop sz="93890" autoAdjust="0"/>
  </p:normalViewPr>
  <p:slideViewPr>
    <p:cSldViewPr snapToGrid="0">
      <p:cViewPr varScale="1">
        <p:scale>
          <a:sx n="89" d="100"/>
          <a:sy n="89" d="100"/>
        </p:scale>
        <p:origin x="139" y="82"/>
      </p:cViewPr>
      <p:guideLst/>
    </p:cSldViewPr>
  </p:slideViewPr>
  <p:notesTextViewPr>
    <p:cViewPr>
      <p:scale>
        <a:sx n="3" d="2"/>
        <a:sy n="3" d="2"/>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theme" Target="theme/theme1.xml"/><Relationship Id="rId3" Type="http://schemas.openxmlformats.org/officeDocument/2006/relationships/slide" Target="slides/slide2.xml"/><Relationship Id="rId21" Type="http://schemas.microsoft.com/office/2018/10/relationships/authors" Target="author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presProps" Target="presProps.xml"/><Relationship Id="rId20" Type="http://schemas.microsoft.com/office/2016/11/relationships/changesInfo" Target="changesInfos/changesInfo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notesMaster" Target="notesMasters/notesMaster1.xml"/><Relationship Id="rId10" Type="http://schemas.openxmlformats.org/officeDocument/2006/relationships/slide" Target="slides/slide9.xml"/><Relationship Id="rId19" Type="http://schemas.openxmlformats.org/officeDocument/2006/relationships/tableStyles" Target="tableStyle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Ivan Vendraminetto" userId="S::ivan.vendraminetto@ericsson.com::3f4ddeca-a031-4f31-ac95-5d318ca21e52" providerId="AD" clId="Web-{6AC50C8E-3262-4132-B02E-32F099EA7EFA}"/>
    <pc:docChg chg="modSld">
      <pc:chgData name="Ivan Vendraminetto" userId="S::ivan.vendraminetto@ericsson.com::3f4ddeca-a031-4f31-ac95-5d318ca21e52" providerId="AD" clId="Web-{6AC50C8E-3262-4132-B02E-32F099EA7EFA}" dt="2023-10-20T10:39:51.320" v="228" actId="20577"/>
      <pc:docMkLst>
        <pc:docMk/>
      </pc:docMkLst>
      <pc:sldChg chg="modSp">
        <pc:chgData name="Ivan Vendraminetto" userId="S::ivan.vendraminetto@ericsson.com::3f4ddeca-a031-4f31-ac95-5d318ca21e52" providerId="AD" clId="Web-{6AC50C8E-3262-4132-B02E-32F099EA7EFA}" dt="2023-10-20T10:39:51.320" v="228" actId="20577"/>
        <pc:sldMkLst>
          <pc:docMk/>
          <pc:sldMk cId="416358408" sldId="2147476491"/>
        </pc:sldMkLst>
        <pc:spChg chg="mod">
          <ac:chgData name="Ivan Vendraminetto" userId="S::ivan.vendraminetto@ericsson.com::3f4ddeca-a031-4f31-ac95-5d318ca21e52" providerId="AD" clId="Web-{6AC50C8E-3262-4132-B02E-32F099EA7EFA}" dt="2023-10-20T10:39:51.320" v="228" actId="20577"/>
          <ac:spMkLst>
            <pc:docMk/>
            <pc:sldMk cId="416358408" sldId="2147476491"/>
            <ac:spMk id="3" creationId="{855EE29A-3013-5921-FF12-41B654304065}"/>
          </ac:spMkLst>
        </pc:spChg>
      </pc:sldChg>
    </pc:docChg>
  </pc:docChgLst>
  <pc:docChgLst>
    <pc:chgData name="Sara Mastrorosa" userId="d159c406-3740-4568-9f4d-6092b2495d2a" providerId="ADAL" clId="{996995E6-FB3B-4D49-B35A-1D14E80A352A}"/>
    <pc:docChg chg="custSel delSld">
      <pc:chgData name="Sara Mastrorosa" userId="d159c406-3740-4568-9f4d-6092b2495d2a" providerId="ADAL" clId="{996995E6-FB3B-4D49-B35A-1D14E80A352A}" dt="2023-10-19T15:11:09.056" v="1" actId="47"/>
      <pc:docMkLst>
        <pc:docMk/>
      </pc:docMkLst>
      <pc:sldChg chg="del">
        <pc:chgData name="Sara Mastrorosa" userId="d159c406-3740-4568-9f4d-6092b2495d2a" providerId="ADAL" clId="{996995E6-FB3B-4D49-B35A-1D14E80A352A}" dt="2023-10-19T15:11:09.056" v="1" actId="47"/>
        <pc:sldMkLst>
          <pc:docMk/>
          <pc:sldMk cId="3841284841" sldId="259"/>
        </pc:sldMkLst>
      </pc:sldChg>
      <pc:sldChg chg="del">
        <pc:chgData name="Sara Mastrorosa" userId="d159c406-3740-4568-9f4d-6092b2495d2a" providerId="ADAL" clId="{996995E6-FB3B-4D49-B35A-1D14E80A352A}" dt="2023-10-19T15:11:09.056" v="1" actId="47"/>
        <pc:sldMkLst>
          <pc:docMk/>
          <pc:sldMk cId="1399112610" sldId="264"/>
        </pc:sldMkLst>
      </pc:sldChg>
      <pc:sldChg chg="del">
        <pc:chgData name="Sara Mastrorosa" userId="d159c406-3740-4568-9f4d-6092b2495d2a" providerId="ADAL" clId="{996995E6-FB3B-4D49-B35A-1D14E80A352A}" dt="2023-10-19T15:11:09.056" v="1" actId="47"/>
        <pc:sldMkLst>
          <pc:docMk/>
          <pc:sldMk cId="3274860537" sldId="266"/>
        </pc:sldMkLst>
      </pc:sldChg>
      <pc:sldChg chg="del">
        <pc:chgData name="Sara Mastrorosa" userId="d159c406-3740-4568-9f4d-6092b2495d2a" providerId="ADAL" clId="{996995E6-FB3B-4D49-B35A-1D14E80A352A}" dt="2023-10-19T15:11:09.056" v="1" actId="47"/>
        <pc:sldMkLst>
          <pc:docMk/>
          <pc:sldMk cId="3143300882" sldId="267"/>
        </pc:sldMkLst>
      </pc:sldChg>
      <pc:sldChg chg="del">
        <pc:chgData name="Sara Mastrorosa" userId="d159c406-3740-4568-9f4d-6092b2495d2a" providerId="ADAL" clId="{996995E6-FB3B-4D49-B35A-1D14E80A352A}" dt="2023-10-19T15:11:09.056" v="1" actId="47"/>
        <pc:sldMkLst>
          <pc:docMk/>
          <pc:sldMk cId="2927232286" sldId="270"/>
        </pc:sldMkLst>
      </pc:sldChg>
      <pc:sldChg chg="del">
        <pc:chgData name="Sara Mastrorosa" userId="d159c406-3740-4568-9f4d-6092b2495d2a" providerId="ADAL" clId="{996995E6-FB3B-4D49-B35A-1D14E80A352A}" dt="2023-10-19T15:11:09.056" v="1" actId="47"/>
        <pc:sldMkLst>
          <pc:docMk/>
          <pc:sldMk cId="1740496174" sldId="274"/>
        </pc:sldMkLst>
      </pc:sldChg>
      <pc:sldChg chg="del">
        <pc:chgData name="Sara Mastrorosa" userId="d159c406-3740-4568-9f4d-6092b2495d2a" providerId="ADAL" clId="{996995E6-FB3B-4D49-B35A-1D14E80A352A}" dt="2023-10-19T15:11:09.056" v="1" actId="47"/>
        <pc:sldMkLst>
          <pc:docMk/>
          <pc:sldMk cId="1723061386" sldId="276"/>
        </pc:sldMkLst>
      </pc:sldChg>
      <pc:sldChg chg="del">
        <pc:chgData name="Sara Mastrorosa" userId="d159c406-3740-4568-9f4d-6092b2495d2a" providerId="ADAL" clId="{996995E6-FB3B-4D49-B35A-1D14E80A352A}" dt="2023-10-19T15:11:09.056" v="1" actId="47"/>
        <pc:sldMkLst>
          <pc:docMk/>
          <pc:sldMk cId="2835756511" sldId="277"/>
        </pc:sldMkLst>
      </pc:sldChg>
      <pc:sldChg chg="del">
        <pc:chgData name="Sara Mastrorosa" userId="d159c406-3740-4568-9f4d-6092b2495d2a" providerId="ADAL" clId="{996995E6-FB3B-4D49-B35A-1D14E80A352A}" dt="2023-10-19T15:11:09.056" v="1" actId="47"/>
        <pc:sldMkLst>
          <pc:docMk/>
          <pc:sldMk cId="3262192175" sldId="2147476483"/>
        </pc:sldMkLst>
      </pc:sldChg>
      <pc:sldChg chg="del">
        <pc:chgData name="Sara Mastrorosa" userId="d159c406-3740-4568-9f4d-6092b2495d2a" providerId="ADAL" clId="{996995E6-FB3B-4D49-B35A-1D14E80A352A}" dt="2023-10-19T15:11:09.056" v="1" actId="47"/>
        <pc:sldMkLst>
          <pc:docMk/>
          <pc:sldMk cId="3654612524" sldId="2147476484"/>
        </pc:sldMkLst>
      </pc:sldChg>
      <pc:sldChg chg="del">
        <pc:chgData name="Sara Mastrorosa" userId="d159c406-3740-4568-9f4d-6092b2495d2a" providerId="ADAL" clId="{996995E6-FB3B-4D49-B35A-1D14E80A352A}" dt="2023-10-19T15:11:09.056" v="1" actId="47"/>
        <pc:sldMkLst>
          <pc:docMk/>
          <pc:sldMk cId="1158962777" sldId="2147476485"/>
        </pc:sldMkLst>
      </pc:sldChg>
      <pc:sldChg chg="del">
        <pc:chgData name="Sara Mastrorosa" userId="d159c406-3740-4568-9f4d-6092b2495d2a" providerId="ADAL" clId="{996995E6-FB3B-4D49-B35A-1D14E80A352A}" dt="2023-10-19T15:11:09.056" v="1" actId="47"/>
        <pc:sldMkLst>
          <pc:docMk/>
          <pc:sldMk cId="1481276143" sldId="2147476488"/>
        </pc:sldMkLst>
      </pc:sldChg>
      <pc:sldChg chg="del">
        <pc:chgData name="Sara Mastrorosa" userId="d159c406-3740-4568-9f4d-6092b2495d2a" providerId="ADAL" clId="{996995E6-FB3B-4D49-B35A-1D14E80A352A}" dt="2023-10-19T15:11:09.056" v="1" actId="47"/>
        <pc:sldMkLst>
          <pc:docMk/>
          <pc:sldMk cId="1779934251" sldId="2147476494"/>
        </pc:sldMkLst>
      </pc:sldChg>
      <pc:sldChg chg="del">
        <pc:chgData name="Sara Mastrorosa" userId="d159c406-3740-4568-9f4d-6092b2495d2a" providerId="ADAL" clId="{996995E6-FB3B-4D49-B35A-1D14E80A352A}" dt="2023-10-19T15:11:09.056" v="1" actId="47"/>
        <pc:sldMkLst>
          <pc:docMk/>
          <pc:sldMk cId="2102000062" sldId="2147476495"/>
        </pc:sldMkLst>
      </pc:sldChg>
      <pc:sldChg chg="del">
        <pc:chgData name="Sara Mastrorosa" userId="d159c406-3740-4568-9f4d-6092b2495d2a" providerId="ADAL" clId="{996995E6-FB3B-4D49-B35A-1D14E80A352A}" dt="2023-10-19T15:11:09.056" v="1" actId="47"/>
        <pc:sldMkLst>
          <pc:docMk/>
          <pc:sldMk cId="1846647078" sldId="2147476496"/>
        </pc:sldMkLst>
      </pc:sldChg>
      <pc:sldChg chg="del">
        <pc:chgData name="Sara Mastrorosa" userId="d159c406-3740-4568-9f4d-6092b2495d2a" providerId="ADAL" clId="{996995E6-FB3B-4D49-B35A-1D14E80A352A}" dt="2023-10-19T15:11:09.056" v="1" actId="47"/>
        <pc:sldMkLst>
          <pc:docMk/>
          <pc:sldMk cId="1241465649" sldId="2147476500"/>
        </pc:sldMkLst>
      </pc:sldChg>
      <pc:sldChg chg="del">
        <pc:chgData name="Sara Mastrorosa" userId="d159c406-3740-4568-9f4d-6092b2495d2a" providerId="ADAL" clId="{996995E6-FB3B-4D49-B35A-1D14E80A352A}" dt="2023-10-19T15:11:09.056" v="1" actId="47"/>
        <pc:sldMkLst>
          <pc:docMk/>
          <pc:sldMk cId="3180154879" sldId="2147476501"/>
        </pc:sldMkLst>
      </pc:sldChg>
      <pc:sldChg chg="del">
        <pc:chgData name="Sara Mastrorosa" userId="d159c406-3740-4568-9f4d-6092b2495d2a" providerId="ADAL" clId="{996995E6-FB3B-4D49-B35A-1D14E80A352A}" dt="2023-10-19T15:11:09.056" v="1" actId="47"/>
        <pc:sldMkLst>
          <pc:docMk/>
          <pc:sldMk cId="2289591968" sldId="2147476503"/>
        </pc:sldMkLst>
      </pc:sldChg>
      <pc:sldChg chg="del">
        <pc:chgData name="Sara Mastrorosa" userId="d159c406-3740-4568-9f4d-6092b2495d2a" providerId="ADAL" clId="{996995E6-FB3B-4D49-B35A-1D14E80A352A}" dt="2023-10-19T15:11:09.056" v="1" actId="47"/>
        <pc:sldMkLst>
          <pc:docMk/>
          <pc:sldMk cId="7393120" sldId="2147476505"/>
        </pc:sldMkLst>
      </pc:sldChg>
      <pc:sldChg chg="del">
        <pc:chgData name="Sara Mastrorosa" userId="d159c406-3740-4568-9f4d-6092b2495d2a" providerId="ADAL" clId="{996995E6-FB3B-4D49-B35A-1D14E80A352A}" dt="2023-10-19T15:11:09.056" v="1" actId="47"/>
        <pc:sldMkLst>
          <pc:docMk/>
          <pc:sldMk cId="1458398931" sldId="2147476507"/>
        </pc:sldMkLst>
      </pc:sldChg>
    </pc:docChg>
  </pc:docChgLst>
  <pc:docChgLst>
    <pc:chgData name="Sara Mastrorosa" userId="d159c406-3740-4568-9f4d-6092b2495d2a" providerId="ADAL" clId="{68E68552-334A-49D4-906D-42EB7454986A}"/>
    <pc:docChg chg="undo redo custSel addSld delSld modSld sldOrd">
      <pc:chgData name="Sara Mastrorosa" userId="d159c406-3740-4568-9f4d-6092b2495d2a" providerId="ADAL" clId="{68E68552-334A-49D4-906D-42EB7454986A}" dt="2023-10-19T15:10:29.785" v="10091" actId="1076"/>
      <pc:docMkLst>
        <pc:docMk/>
      </pc:docMkLst>
      <pc:sldChg chg="addSp modSp mod">
        <pc:chgData name="Sara Mastrorosa" userId="d159c406-3740-4568-9f4d-6092b2495d2a" providerId="ADAL" clId="{68E68552-334A-49D4-906D-42EB7454986A}" dt="2023-10-16T12:02:18.337" v="2011" actId="207"/>
        <pc:sldMkLst>
          <pc:docMk/>
          <pc:sldMk cId="3174659431" sldId="258"/>
        </pc:sldMkLst>
        <pc:spChg chg="mod">
          <ac:chgData name="Sara Mastrorosa" userId="d159c406-3740-4568-9f4d-6092b2495d2a" providerId="ADAL" clId="{68E68552-334A-49D4-906D-42EB7454986A}" dt="2023-10-16T08:03:53.573" v="608" actId="1035"/>
          <ac:spMkLst>
            <pc:docMk/>
            <pc:sldMk cId="3174659431" sldId="258"/>
            <ac:spMk id="2" creationId="{9EFEF520-5244-4819-DD31-76B665454865}"/>
          </ac:spMkLst>
        </pc:spChg>
        <pc:spChg chg="mod">
          <ac:chgData name="Sara Mastrorosa" userId="d159c406-3740-4568-9f4d-6092b2495d2a" providerId="ADAL" clId="{68E68552-334A-49D4-906D-42EB7454986A}" dt="2023-10-16T08:03:53.573" v="608" actId="1035"/>
          <ac:spMkLst>
            <pc:docMk/>
            <pc:sldMk cId="3174659431" sldId="258"/>
            <ac:spMk id="4" creationId="{F0071D4B-7C67-BF6E-378E-0ECB8EF83409}"/>
          </ac:spMkLst>
        </pc:spChg>
        <pc:spChg chg="mod ord">
          <ac:chgData name="Sara Mastrorosa" userId="d159c406-3740-4568-9f4d-6092b2495d2a" providerId="ADAL" clId="{68E68552-334A-49D4-906D-42EB7454986A}" dt="2023-10-16T08:03:53.573" v="608" actId="1035"/>
          <ac:spMkLst>
            <pc:docMk/>
            <pc:sldMk cId="3174659431" sldId="258"/>
            <ac:spMk id="7" creationId="{2FAEE8AC-8D75-56F5-1DC5-7ED0B27E6821}"/>
          </ac:spMkLst>
        </pc:spChg>
        <pc:spChg chg="mod">
          <ac:chgData name="Sara Mastrorosa" userId="d159c406-3740-4568-9f4d-6092b2495d2a" providerId="ADAL" clId="{68E68552-334A-49D4-906D-42EB7454986A}" dt="2023-10-16T08:03:53.573" v="608" actId="1035"/>
          <ac:spMkLst>
            <pc:docMk/>
            <pc:sldMk cId="3174659431" sldId="258"/>
            <ac:spMk id="8" creationId="{E2457DC9-3EAC-2BF7-3FBF-77C9553E2D83}"/>
          </ac:spMkLst>
        </pc:spChg>
        <pc:spChg chg="mod">
          <ac:chgData name="Sara Mastrorosa" userId="d159c406-3740-4568-9f4d-6092b2495d2a" providerId="ADAL" clId="{68E68552-334A-49D4-906D-42EB7454986A}" dt="2023-10-16T08:03:53.573" v="608" actId="1035"/>
          <ac:spMkLst>
            <pc:docMk/>
            <pc:sldMk cId="3174659431" sldId="258"/>
            <ac:spMk id="9" creationId="{C25695B7-F62D-3FF8-9DE2-349A49A7122E}"/>
          </ac:spMkLst>
        </pc:spChg>
        <pc:spChg chg="mod">
          <ac:chgData name="Sara Mastrorosa" userId="d159c406-3740-4568-9f4d-6092b2495d2a" providerId="ADAL" clId="{68E68552-334A-49D4-906D-42EB7454986A}" dt="2023-10-16T08:03:53.573" v="608" actId="1035"/>
          <ac:spMkLst>
            <pc:docMk/>
            <pc:sldMk cId="3174659431" sldId="258"/>
            <ac:spMk id="10" creationId="{367D835D-4A4F-B0DB-C4D5-11B2AAC09904}"/>
          </ac:spMkLst>
        </pc:spChg>
        <pc:spChg chg="mod">
          <ac:chgData name="Sara Mastrorosa" userId="d159c406-3740-4568-9f4d-6092b2495d2a" providerId="ADAL" clId="{68E68552-334A-49D4-906D-42EB7454986A}" dt="2023-10-16T08:03:53.573" v="608" actId="1035"/>
          <ac:spMkLst>
            <pc:docMk/>
            <pc:sldMk cId="3174659431" sldId="258"/>
            <ac:spMk id="11" creationId="{CA6604CE-E156-E357-5E98-960E26C3B7AE}"/>
          </ac:spMkLst>
        </pc:spChg>
        <pc:spChg chg="mod">
          <ac:chgData name="Sara Mastrorosa" userId="d159c406-3740-4568-9f4d-6092b2495d2a" providerId="ADAL" clId="{68E68552-334A-49D4-906D-42EB7454986A}" dt="2023-10-16T12:02:04.492" v="2009" actId="207"/>
          <ac:spMkLst>
            <pc:docMk/>
            <pc:sldMk cId="3174659431" sldId="258"/>
            <ac:spMk id="12" creationId="{56DAE976-D2BA-3824-9F50-77FE1557A7E9}"/>
          </ac:spMkLst>
        </pc:spChg>
        <pc:spChg chg="mod">
          <ac:chgData name="Sara Mastrorosa" userId="d159c406-3740-4568-9f4d-6092b2495d2a" providerId="ADAL" clId="{68E68552-334A-49D4-906D-42EB7454986A}" dt="2023-10-16T12:02:18.337" v="2011" actId="207"/>
          <ac:spMkLst>
            <pc:docMk/>
            <pc:sldMk cId="3174659431" sldId="258"/>
            <ac:spMk id="13" creationId="{5C1D8CDE-BD48-743E-5CF4-54670514E615}"/>
          </ac:spMkLst>
        </pc:spChg>
        <pc:spChg chg="mod">
          <ac:chgData name="Sara Mastrorosa" userId="d159c406-3740-4568-9f4d-6092b2495d2a" providerId="ADAL" clId="{68E68552-334A-49D4-906D-42EB7454986A}" dt="2023-10-16T08:03:53.573" v="608" actId="1035"/>
          <ac:spMkLst>
            <pc:docMk/>
            <pc:sldMk cId="3174659431" sldId="258"/>
            <ac:spMk id="14" creationId="{5D327C5D-FA31-5877-9895-D57159B89DAA}"/>
          </ac:spMkLst>
        </pc:spChg>
        <pc:spChg chg="mod">
          <ac:chgData name="Sara Mastrorosa" userId="d159c406-3740-4568-9f4d-6092b2495d2a" providerId="ADAL" clId="{68E68552-334A-49D4-906D-42EB7454986A}" dt="2023-10-16T08:03:53.573" v="608" actId="1035"/>
          <ac:spMkLst>
            <pc:docMk/>
            <pc:sldMk cId="3174659431" sldId="258"/>
            <ac:spMk id="15" creationId="{9546402D-F929-FED9-EAF7-2EC7BF9387E9}"/>
          </ac:spMkLst>
        </pc:spChg>
        <pc:spChg chg="mod">
          <ac:chgData name="Sara Mastrorosa" userId="d159c406-3740-4568-9f4d-6092b2495d2a" providerId="ADAL" clId="{68E68552-334A-49D4-906D-42EB7454986A}" dt="2023-10-16T08:03:53.573" v="608" actId="1035"/>
          <ac:spMkLst>
            <pc:docMk/>
            <pc:sldMk cId="3174659431" sldId="258"/>
            <ac:spMk id="16" creationId="{A76465BC-8D6C-CA49-874D-86578693B60F}"/>
          </ac:spMkLst>
        </pc:spChg>
        <pc:spChg chg="mod ord">
          <ac:chgData name="Sara Mastrorosa" userId="d159c406-3740-4568-9f4d-6092b2495d2a" providerId="ADAL" clId="{68E68552-334A-49D4-906D-42EB7454986A}" dt="2023-10-16T08:03:53.573" v="608" actId="1035"/>
          <ac:spMkLst>
            <pc:docMk/>
            <pc:sldMk cId="3174659431" sldId="258"/>
            <ac:spMk id="27" creationId="{21AB6530-1AEC-948F-7EDC-227E08E9D6B7}"/>
          </ac:spMkLst>
        </pc:spChg>
        <pc:spChg chg="mod">
          <ac:chgData name="Sara Mastrorosa" userId="d159c406-3740-4568-9f4d-6092b2495d2a" providerId="ADAL" clId="{68E68552-334A-49D4-906D-42EB7454986A}" dt="2023-10-16T08:03:53.573" v="608" actId="1035"/>
          <ac:spMkLst>
            <pc:docMk/>
            <pc:sldMk cId="3174659431" sldId="258"/>
            <ac:spMk id="28" creationId="{F6D566D4-5728-B63F-330B-04CF3F0DEEF8}"/>
          </ac:spMkLst>
        </pc:spChg>
        <pc:spChg chg="mod">
          <ac:chgData name="Sara Mastrorosa" userId="d159c406-3740-4568-9f4d-6092b2495d2a" providerId="ADAL" clId="{68E68552-334A-49D4-906D-42EB7454986A}" dt="2023-10-16T08:03:53.573" v="608" actId="1035"/>
          <ac:spMkLst>
            <pc:docMk/>
            <pc:sldMk cId="3174659431" sldId="258"/>
            <ac:spMk id="30" creationId="{218EE9D3-E816-1EBD-AAB2-7C59D5110888}"/>
          </ac:spMkLst>
        </pc:spChg>
        <pc:spChg chg="mod">
          <ac:chgData name="Sara Mastrorosa" userId="d159c406-3740-4568-9f4d-6092b2495d2a" providerId="ADAL" clId="{68E68552-334A-49D4-906D-42EB7454986A}" dt="2023-10-16T08:03:53.573" v="608" actId="1035"/>
          <ac:spMkLst>
            <pc:docMk/>
            <pc:sldMk cId="3174659431" sldId="258"/>
            <ac:spMk id="31" creationId="{6D2D662F-3D4B-0639-1BCF-4071E255EE7F}"/>
          </ac:spMkLst>
        </pc:spChg>
        <pc:spChg chg="mod">
          <ac:chgData name="Sara Mastrorosa" userId="d159c406-3740-4568-9f4d-6092b2495d2a" providerId="ADAL" clId="{68E68552-334A-49D4-906D-42EB7454986A}" dt="2023-10-16T08:03:53.573" v="608" actId="1035"/>
          <ac:spMkLst>
            <pc:docMk/>
            <pc:sldMk cId="3174659431" sldId="258"/>
            <ac:spMk id="32" creationId="{4F9777F5-705F-2148-74EB-49E065997FC3}"/>
          </ac:spMkLst>
        </pc:spChg>
        <pc:picChg chg="add mod">
          <ac:chgData name="Sara Mastrorosa" userId="d159c406-3740-4568-9f4d-6092b2495d2a" providerId="ADAL" clId="{68E68552-334A-49D4-906D-42EB7454986A}" dt="2023-10-16T08:03:53.573" v="608" actId="1035"/>
          <ac:picMkLst>
            <pc:docMk/>
            <pc:sldMk cId="3174659431" sldId="258"/>
            <ac:picMk id="6" creationId="{203F1CE8-DD08-1AE8-0A6E-0D17DF7DB7BF}"/>
          </ac:picMkLst>
        </pc:picChg>
        <pc:picChg chg="mod">
          <ac:chgData name="Sara Mastrorosa" userId="d159c406-3740-4568-9f4d-6092b2495d2a" providerId="ADAL" clId="{68E68552-334A-49D4-906D-42EB7454986A}" dt="2023-10-16T08:03:53.573" v="608" actId="1035"/>
          <ac:picMkLst>
            <pc:docMk/>
            <pc:sldMk cId="3174659431" sldId="258"/>
            <ac:picMk id="18" creationId="{96C72BAD-394B-8409-6AA3-733B8742A678}"/>
          </ac:picMkLst>
        </pc:picChg>
        <pc:picChg chg="mod">
          <ac:chgData name="Sara Mastrorosa" userId="d159c406-3740-4568-9f4d-6092b2495d2a" providerId="ADAL" clId="{68E68552-334A-49D4-906D-42EB7454986A}" dt="2023-10-16T12:02:11.384" v="2010" actId="207"/>
          <ac:picMkLst>
            <pc:docMk/>
            <pc:sldMk cId="3174659431" sldId="258"/>
            <ac:picMk id="24" creationId="{B2320A0C-ECD0-1E5B-D1C6-E62F0D7A5603}"/>
          </ac:picMkLst>
        </pc:picChg>
        <pc:picChg chg="mod">
          <ac:chgData name="Sara Mastrorosa" userId="d159c406-3740-4568-9f4d-6092b2495d2a" providerId="ADAL" clId="{68E68552-334A-49D4-906D-42EB7454986A}" dt="2023-10-16T08:03:53.573" v="608" actId="1035"/>
          <ac:picMkLst>
            <pc:docMk/>
            <pc:sldMk cId="3174659431" sldId="258"/>
            <ac:picMk id="26" creationId="{F315E41D-9436-F02D-CB25-4229A1A8DEDD}"/>
          </ac:picMkLst>
        </pc:picChg>
      </pc:sldChg>
      <pc:sldChg chg="mod ord modShow">
        <pc:chgData name="Sara Mastrorosa" userId="d159c406-3740-4568-9f4d-6092b2495d2a" providerId="ADAL" clId="{68E68552-334A-49D4-906D-42EB7454986A}" dt="2023-10-16T07:50:06.649" v="476" actId="729"/>
        <pc:sldMkLst>
          <pc:docMk/>
          <pc:sldMk cId="3841284841" sldId="259"/>
        </pc:sldMkLst>
      </pc:sldChg>
      <pc:sldChg chg="mod ord modShow">
        <pc:chgData name="Sara Mastrorosa" userId="d159c406-3740-4568-9f4d-6092b2495d2a" providerId="ADAL" clId="{68E68552-334A-49D4-906D-42EB7454986A}" dt="2023-10-16T10:41:53.931" v="1520" actId="729"/>
        <pc:sldMkLst>
          <pc:docMk/>
          <pc:sldMk cId="1399112610" sldId="264"/>
        </pc:sldMkLst>
      </pc:sldChg>
      <pc:sldChg chg="modSp mod ord modShow">
        <pc:chgData name="Sara Mastrorosa" userId="d159c406-3740-4568-9f4d-6092b2495d2a" providerId="ADAL" clId="{68E68552-334A-49D4-906D-42EB7454986A}" dt="2023-10-16T12:17:01.323" v="2216" actId="729"/>
        <pc:sldMkLst>
          <pc:docMk/>
          <pc:sldMk cId="3143300882" sldId="267"/>
        </pc:sldMkLst>
        <pc:spChg chg="mod">
          <ac:chgData name="Sara Mastrorosa" userId="d159c406-3740-4568-9f4d-6092b2495d2a" providerId="ADAL" clId="{68E68552-334A-49D4-906D-42EB7454986A}" dt="2023-10-16T10:43:15.283" v="1576" actId="207"/>
          <ac:spMkLst>
            <pc:docMk/>
            <pc:sldMk cId="3143300882" sldId="267"/>
            <ac:spMk id="3" creationId="{58BB20F9-0383-6B17-B25C-EBC97B50B312}"/>
          </ac:spMkLst>
        </pc:spChg>
        <pc:spChg chg="mod">
          <ac:chgData name="Sara Mastrorosa" userId="d159c406-3740-4568-9f4d-6092b2495d2a" providerId="ADAL" clId="{68E68552-334A-49D4-906D-42EB7454986A}" dt="2023-10-16T10:43:21.571" v="1598" actId="1037"/>
          <ac:spMkLst>
            <pc:docMk/>
            <pc:sldMk cId="3143300882" sldId="267"/>
            <ac:spMk id="5" creationId="{08F2B45B-2BC1-44B2-4465-F8FD2B97328F}"/>
          </ac:spMkLst>
        </pc:spChg>
        <pc:spChg chg="mod">
          <ac:chgData name="Sara Mastrorosa" userId="d159c406-3740-4568-9f4d-6092b2495d2a" providerId="ADAL" clId="{68E68552-334A-49D4-906D-42EB7454986A}" dt="2023-10-16T10:43:08.531" v="1575" actId="1036"/>
          <ac:spMkLst>
            <pc:docMk/>
            <pc:sldMk cId="3143300882" sldId="267"/>
            <ac:spMk id="6" creationId="{5DFEE4FC-CB7A-6246-952B-FFB874944E08}"/>
          </ac:spMkLst>
        </pc:spChg>
        <pc:spChg chg="mod">
          <ac:chgData name="Sara Mastrorosa" userId="d159c406-3740-4568-9f4d-6092b2495d2a" providerId="ADAL" clId="{68E68552-334A-49D4-906D-42EB7454986A}" dt="2023-10-16T12:02:58.158" v="2015" actId="1076"/>
          <ac:spMkLst>
            <pc:docMk/>
            <pc:sldMk cId="3143300882" sldId="267"/>
            <ac:spMk id="7" creationId="{616ADD8D-3297-D2F9-C2A8-D1A9C88EE8C8}"/>
          </ac:spMkLst>
        </pc:spChg>
        <pc:spChg chg="mod">
          <ac:chgData name="Sara Mastrorosa" userId="d159c406-3740-4568-9f4d-6092b2495d2a" providerId="ADAL" clId="{68E68552-334A-49D4-906D-42EB7454986A}" dt="2023-10-16T10:42:58.543" v="1555" actId="1036"/>
          <ac:spMkLst>
            <pc:docMk/>
            <pc:sldMk cId="3143300882" sldId="267"/>
            <ac:spMk id="9" creationId="{4A2FF5E8-B7C8-D3F0-C830-4717E2FD30F2}"/>
          </ac:spMkLst>
        </pc:spChg>
        <pc:picChg chg="mod">
          <ac:chgData name="Sara Mastrorosa" userId="d159c406-3740-4568-9f4d-6092b2495d2a" providerId="ADAL" clId="{68E68552-334A-49D4-906D-42EB7454986A}" dt="2023-10-16T10:42:53.506" v="1545" actId="1036"/>
          <ac:picMkLst>
            <pc:docMk/>
            <pc:sldMk cId="3143300882" sldId="267"/>
            <ac:picMk id="14" creationId="{15C60654-0836-0300-DBD9-25C8FC1E3FA4}"/>
          </ac:picMkLst>
        </pc:picChg>
      </pc:sldChg>
      <pc:sldChg chg="delSp modSp mod ord modShow">
        <pc:chgData name="Sara Mastrorosa" userId="d159c406-3740-4568-9f4d-6092b2495d2a" providerId="ADAL" clId="{68E68552-334A-49D4-906D-42EB7454986A}" dt="2023-10-18T08:57:04.054" v="7766" actId="729"/>
        <pc:sldMkLst>
          <pc:docMk/>
          <pc:sldMk cId="2927232286" sldId="270"/>
        </pc:sldMkLst>
        <pc:spChg chg="del">
          <ac:chgData name="Sara Mastrorosa" userId="d159c406-3740-4568-9f4d-6092b2495d2a" providerId="ADAL" clId="{68E68552-334A-49D4-906D-42EB7454986A}" dt="2023-10-16T12:19:02.829" v="2220" actId="478"/>
          <ac:spMkLst>
            <pc:docMk/>
            <pc:sldMk cId="2927232286" sldId="270"/>
            <ac:spMk id="2" creationId="{468645D2-DB08-EAD6-F9F2-CDDCD4EB88CB}"/>
          </ac:spMkLst>
        </pc:spChg>
        <pc:spChg chg="del">
          <ac:chgData name="Sara Mastrorosa" userId="d159c406-3740-4568-9f4d-6092b2495d2a" providerId="ADAL" clId="{68E68552-334A-49D4-906D-42EB7454986A}" dt="2023-10-16T12:19:00.292" v="2219" actId="478"/>
          <ac:spMkLst>
            <pc:docMk/>
            <pc:sldMk cId="2927232286" sldId="270"/>
            <ac:spMk id="4" creationId="{E6E0D3AF-0714-BA47-0A4F-E6FF6F9EA3A6}"/>
          </ac:spMkLst>
        </pc:spChg>
        <pc:spChg chg="mod">
          <ac:chgData name="Sara Mastrorosa" userId="d159c406-3740-4568-9f4d-6092b2495d2a" providerId="ADAL" clId="{68E68552-334A-49D4-906D-42EB7454986A}" dt="2023-10-16T12:19:12.031" v="2251" actId="1038"/>
          <ac:spMkLst>
            <pc:docMk/>
            <pc:sldMk cId="2927232286" sldId="270"/>
            <ac:spMk id="5" creationId="{08F2B45B-2BC1-44B2-4465-F8FD2B97328F}"/>
          </ac:spMkLst>
        </pc:spChg>
        <pc:spChg chg="del">
          <ac:chgData name="Sara Mastrorosa" userId="d159c406-3740-4568-9f4d-6092b2495d2a" providerId="ADAL" clId="{68E68552-334A-49D4-906D-42EB7454986A}" dt="2023-10-17T10:03:06.160" v="4428" actId="478"/>
          <ac:spMkLst>
            <pc:docMk/>
            <pc:sldMk cId="2927232286" sldId="270"/>
            <ac:spMk id="36" creationId="{492EB4CB-7A16-5710-E4BE-FE17978CFF08}"/>
          </ac:spMkLst>
        </pc:spChg>
        <pc:spChg chg="mod">
          <ac:chgData name="Sara Mastrorosa" userId="d159c406-3740-4568-9f4d-6092b2495d2a" providerId="ADAL" clId="{68E68552-334A-49D4-906D-42EB7454986A}" dt="2023-10-17T11:47:27.516" v="4788" actId="1076"/>
          <ac:spMkLst>
            <pc:docMk/>
            <pc:sldMk cId="2927232286" sldId="270"/>
            <ac:spMk id="42" creationId="{362B0B57-0A51-5280-6771-E12ACDC08227}"/>
          </ac:spMkLst>
        </pc:spChg>
        <pc:spChg chg="mod">
          <ac:chgData name="Sara Mastrorosa" userId="d159c406-3740-4568-9f4d-6092b2495d2a" providerId="ADAL" clId="{68E68552-334A-49D4-906D-42EB7454986A}" dt="2023-10-17T11:47:22.251" v="4787" actId="1035"/>
          <ac:spMkLst>
            <pc:docMk/>
            <pc:sldMk cId="2927232286" sldId="270"/>
            <ac:spMk id="43" creationId="{16374F37-375A-23A0-7CE3-3E948C5AB6A0}"/>
          </ac:spMkLst>
        </pc:spChg>
        <pc:spChg chg="mod">
          <ac:chgData name="Sara Mastrorosa" userId="d159c406-3740-4568-9f4d-6092b2495d2a" providerId="ADAL" clId="{68E68552-334A-49D4-906D-42EB7454986A}" dt="2023-10-17T10:05:29.413" v="4641" actId="1037"/>
          <ac:spMkLst>
            <pc:docMk/>
            <pc:sldMk cId="2927232286" sldId="270"/>
            <ac:spMk id="45" creationId="{54665D35-74ED-C78B-6EE3-0CB57D24B6C1}"/>
          </ac:spMkLst>
        </pc:spChg>
        <pc:spChg chg="mod">
          <ac:chgData name="Sara Mastrorosa" userId="d159c406-3740-4568-9f4d-6092b2495d2a" providerId="ADAL" clId="{68E68552-334A-49D4-906D-42EB7454986A}" dt="2023-10-17T10:05:29.413" v="4641" actId="1037"/>
          <ac:spMkLst>
            <pc:docMk/>
            <pc:sldMk cId="2927232286" sldId="270"/>
            <ac:spMk id="54" creationId="{0F01E45A-4303-C138-51F2-CEC5DC8BF428}"/>
          </ac:spMkLst>
        </pc:spChg>
        <pc:spChg chg="mod">
          <ac:chgData name="Sara Mastrorosa" userId="d159c406-3740-4568-9f4d-6092b2495d2a" providerId="ADAL" clId="{68E68552-334A-49D4-906D-42EB7454986A}" dt="2023-10-17T11:46:26.963" v="4710" actId="1036"/>
          <ac:spMkLst>
            <pc:docMk/>
            <pc:sldMk cId="2927232286" sldId="270"/>
            <ac:spMk id="55" creationId="{DC3852E2-61FE-3CC5-3ABD-6396ABF8DF94}"/>
          </ac:spMkLst>
        </pc:spChg>
        <pc:spChg chg="mod">
          <ac:chgData name="Sara Mastrorosa" userId="d159c406-3740-4568-9f4d-6092b2495d2a" providerId="ADAL" clId="{68E68552-334A-49D4-906D-42EB7454986A}" dt="2023-10-17T11:46:41.522" v="4766" actId="1036"/>
          <ac:spMkLst>
            <pc:docMk/>
            <pc:sldMk cId="2927232286" sldId="270"/>
            <ac:spMk id="59" creationId="{0F4F246B-7794-46E4-263E-9B9AF53D066B}"/>
          </ac:spMkLst>
        </pc:spChg>
        <pc:spChg chg="del mod">
          <ac:chgData name="Sara Mastrorosa" userId="d159c406-3740-4568-9f4d-6092b2495d2a" providerId="ADAL" clId="{68E68552-334A-49D4-906D-42EB7454986A}" dt="2023-10-17T10:05:16.327" v="4601" actId="478"/>
          <ac:spMkLst>
            <pc:docMk/>
            <pc:sldMk cId="2927232286" sldId="270"/>
            <ac:spMk id="61" creationId="{C46C8158-79C7-5924-A32F-8DB40875BD99}"/>
          </ac:spMkLst>
        </pc:spChg>
        <pc:spChg chg="mod">
          <ac:chgData name="Sara Mastrorosa" userId="d159c406-3740-4568-9f4d-6092b2495d2a" providerId="ADAL" clId="{68E68552-334A-49D4-906D-42EB7454986A}" dt="2023-10-17T10:04:56.028" v="4584" actId="1035"/>
          <ac:spMkLst>
            <pc:docMk/>
            <pc:sldMk cId="2927232286" sldId="270"/>
            <ac:spMk id="64" creationId="{300DA665-49E6-B1DD-8F57-8433E8FFDBA7}"/>
          </ac:spMkLst>
        </pc:spChg>
        <pc:spChg chg="mod">
          <ac:chgData name="Sara Mastrorosa" userId="d159c406-3740-4568-9f4d-6092b2495d2a" providerId="ADAL" clId="{68E68552-334A-49D4-906D-42EB7454986A}" dt="2023-10-17T10:05:01.895" v="4598" actId="1037"/>
          <ac:spMkLst>
            <pc:docMk/>
            <pc:sldMk cId="2927232286" sldId="270"/>
            <ac:spMk id="66" creationId="{8F0A41EB-73D5-4769-A415-91697569D61C}"/>
          </ac:spMkLst>
        </pc:spChg>
        <pc:spChg chg="mod">
          <ac:chgData name="Sara Mastrorosa" userId="d159c406-3740-4568-9f4d-6092b2495d2a" providerId="ADAL" clId="{68E68552-334A-49D4-906D-42EB7454986A}" dt="2023-10-17T10:05:12.959" v="4600" actId="14100"/>
          <ac:spMkLst>
            <pc:docMk/>
            <pc:sldMk cId="2927232286" sldId="270"/>
            <ac:spMk id="70" creationId="{7ABDA84D-53D1-321F-48E0-83CEDD7E2DA6}"/>
          </ac:spMkLst>
        </pc:spChg>
        <pc:spChg chg="mod">
          <ac:chgData name="Sara Mastrorosa" userId="d159c406-3740-4568-9f4d-6092b2495d2a" providerId="ADAL" clId="{68E68552-334A-49D4-906D-42EB7454986A}" dt="2023-10-17T10:03:16.180" v="4449" actId="1038"/>
          <ac:spMkLst>
            <pc:docMk/>
            <pc:sldMk cId="2927232286" sldId="270"/>
            <ac:spMk id="73" creationId="{59AA887F-7653-8E10-64EF-FF0398D6C03B}"/>
          </ac:spMkLst>
        </pc:spChg>
        <pc:spChg chg="mod">
          <ac:chgData name="Sara Mastrorosa" userId="d159c406-3740-4568-9f4d-6092b2495d2a" providerId="ADAL" clId="{68E68552-334A-49D4-906D-42EB7454986A}" dt="2023-10-17T10:03:16.180" v="4449" actId="1038"/>
          <ac:spMkLst>
            <pc:docMk/>
            <pc:sldMk cId="2927232286" sldId="270"/>
            <ac:spMk id="74" creationId="{0349247A-E9B6-6300-6E0C-633CF2A241D2}"/>
          </ac:spMkLst>
        </pc:spChg>
        <pc:spChg chg="del">
          <ac:chgData name="Sara Mastrorosa" userId="d159c406-3740-4568-9f4d-6092b2495d2a" providerId="ADAL" clId="{68E68552-334A-49D4-906D-42EB7454986A}" dt="2023-10-17T10:02:26.813" v="4378" actId="478"/>
          <ac:spMkLst>
            <pc:docMk/>
            <pc:sldMk cId="2927232286" sldId="270"/>
            <ac:spMk id="79" creationId="{E7936AAC-309C-558E-4242-1D24150AA787}"/>
          </ac:spMkLst>
        </pc:spChg>
        <pc:spChg chg="del">
          <ac:chgData name="Sara Mastrorosa" userId="d159c406-3740-4568-9f4d-6092b2495d2a" providerId="ADAL" clId="{68E68552-334A-49D4-906D-42EB7454986A}" dt="2023-10-17T10:02:26.813" v="4378" actId="478"/>
          <ac:spMkLst>
            <pc:docMk/>
            <pc:sldMk cId="2927232286" sldId="270"/>
            <ac:spMk id="80" creationId="{F2D81254-91FD-4D6E-3C91-8A3563BBDC3D}"/>
          </ac:spMkLst>
        </pc:spChg>
        <pc:spChg chg="mod">
          <ac:chgData name="Sara Mastrorosa" userId="d159c406-3740-4568-9f4d-6092b2495d2a" providerId="ADAL" clId="{68E68552-334A-49D4-906D-42EB7454986A}" dt="2023-10-17T11:46:26.963" v="4710" actId="1036"/>
          <ac:spMkLst>
            <pc:docMk/>
            <pc:sldMk cId="2927232286" sldId="270"/>
            <ac:spMk id="81" creationId="{E412A24A-8804-6513-6B8E-79F66B450C71}"/>
          </ac:spMkLst>
        </pc:spChg>
        <pc:picChg chg="del">
          <ac:chgData name="Sara Mastrorosa" userId="d159c406-3740-4568-9f4d-6092b2495d2a" providerId="ADAL" clId="{68E68552-334A-49D4-906D-42EB7454986A}" dt="2023-10-16T12:19:00.292" v="2219" actId="478"/>
          <ac:picMkLst>
            <pc:docMk/>
            <pc:sldMk cId="2927232286" sldId="270"/>
            <ac:picMk id="10" creationId="{1E0E1F18-2DCF-8652-0156-3AE294AD23B7}"/>
          </ac:picMkLst>
        </pc:picChg>
        <pc:picChg chg="mod">
          <ac:chgData name="Sara Mastrorosa" userId="d159c406-3740-4568-9f4d-6092b2495d2a" providerId="ADAL" clId="{68E68552-334A-49D4-906D-42EB7454986A}" dt="2023-10-17T10:05:46.652" v="4666" actId="1037"/>
          <ac:picMkLst>
            <pc:docMk/>
            <pc:sldMk cId="2927232286" sldId="270"/>
            <ac:picMk id="46" creationId="{79464C6F-6DA5-164A-AC48-EA0229FC1653}"/>
          </ac:picMkLst>
        </pc:picChg>
        <pc:picChg chg="mod">
          <ac:chgData name="Sara Mastrorosa" userId="d159c406-3740-4568-9f4d-6092b2495d2a" providerId="ADAL" clId="{68E68552-334A-49D4-906D-42EB7454986A}" dt="2023-10-17T10:03:16.180" v="4449" actId="1038"/>
          <ac:picMkLst>
            <pc:docMk/>
            <pc:sldMk cId="2927232286" sldId="270"/>
            <ac:picMk id="77" creationId="{64E80AE5-E8B7-D1F4-694C-12E7C811D4BB}"/>
          </ac:picMkLst>
        </pc:picChg>
        <pc:picChg chg="del">
          <ac:chgData name="Sara Mastrorosa" userId="d159c406-3740-4568-9f4d-6092b2495d2a" providerId="ADAL" clId="{68E68552-334A-49D4-906D-42EB7454986A}" dt="2023-10-17T10:02:26.813" v="4378" actId="478"/>
          <ac:picMkLst>
            <pc:docMk/>
            <pc:sldMk cId="2927232286" sldId="270"/>
            <ac:picMk id="78" creationId="{C2481979-AFAA-1345-53B4-44604A3D9EDF}"/>
          </ac:picMkLst>
        </pc:picChg>
        <pc:cxnChg chg="del">
          <ac:chgData name="Sara Mastrorosa" userId="d159c406-3740-4568-9f4d-6092b2495d2a" providerId="ADAL" clId="{68E68552-334A-49D4-906D-42EB7454986A}" dt="2023-10-17T10:03:03.932" v="4427" actId="478"/>
          <ac:cxnSpMkLst>
            <pc:docMk/>
            <pc:sldMk cId="2927232286" sldId="270"/>
            <ac:cxnSpMk id="7" creationId="{FFDA3582-104E-9CD6-7168-AA8F2D628D3D}"/>
          </ac:cxnSpMkLst>
        </pc:cxnChg>
        <pc:cxnChg chg="del mod">
          <ac:chgData name="Sara Mastrorosa" userId="d159c406-3740-4568-9f4d-6092b2495d2a" providerId="ADAL" clId="{68E68552-334A-49D4-906D-42EB7454986A}" dt="2023-10-17T10:03:02.270" v="4426" actId="478"/>
          <ac:cxnSpMkLst>
            <pc:docMk/>
            <pc:sldMk cId="2927232286" sldId="270"/>
            <ac:cxnSpMk id="9" creationId="{8FFCD365-CAB6-CB07-2BC1-86C3FCB80644}"/>
          </ac:cxnSpMkLst>
        </pc:cxnChg>
        <pc:cxnChg chg="mod">
          <ac:chgData name="Sara Mastrorosa" userId="d159c406-3740-4568-9f4d-6092b2495d2a" providerId="ADAL" clId="{68E68552-334A-49D4-906D-42EB7454986A}" dt="2023-10-17T10:05:29.413" v="4641" actId="1037"/>
          <ac:cxnSpMkLst>
            <pc:docMk/>
            <pc:sldMk cId="2927232286" sldId="270"/>
            <ac:cxnSpMk id="11" creationId="{B551F8D9-2BED-14B9-3D60-EB65C28A4EC2}"/>
          </ac:cxnSpMkLst>
        </pc:cxnChg>
        <pc:cxnChg chg="mod">
          <ac:chgData name="Sara Mastrorosa" userId="d159c406-3740-4568-9f4d-6092b2495d2a" providerId="ADAL" clId="{68E68552-334A-49D4-906D-42EB7454986A}" dt="2023-10-17T10:05:08.198" v="4599" actId="14100"/>
          <ac:cxnSpMkLst>
            <pc:docMk/>
            <pc:sldMk cId="2927232286" sldId="270"/>
            <ac:cxnSpMk id="32" creationId="{90EEE7F0-6556-89EA-336D-36DB427743D7}"/>
          </ac:cxnSpMkLst>
        </pc:cxnChg>
        <pc:cxnChg chg="mod">
          <ac:chgData name="Sara Mastrorosa" userId="d159c406-3740-4568-9f4d-6092b2495d2a" providerId="ADAL" clId="{68E68552-334A-49D4-906D-42EB7454986A}" dt="2023-10-17T11:47:00.413" v="4767" actId="14100"/>
          <ac:cxnSpMkLst>
            <pc:docMk/>
            <pc:sldMk cId="2927232286" sldId="270"/>
            <ac:cxnSpMk id="40" creationId="{15063D8C-53C9-2CF4-99DE-8DB517533D4D}"/>
          </ac:cxnSpMkLst>
        </pc:cxnChg>
        <pc:cxnChg chg="mod">
          <ac:chgData name="Sara Mastrorosa" userId="d159c406-3740-4568-9f4d-6092b2495d2a" providerId="ADAL" clId="{68E68552-334A-49D4-906D-42EB7454986A}" dt="2023-10-17T10:04:47.811" v="4565" actId="14100"/>
          <ac:cxnSpMkLst>
            <pc:docMk/>
            <pc:sldMk cId="2927232286" sldId="270"/>
            <ac:cxnSpMk id="41" creationId="{7D627E89-A142-8B1F-7B91-28C5B4C955C5}"/>
          </ac:cxnSpMkLst>
        </pc:cxnChg>
        <pc:cxnChg chg="mod">
          <ac:chgData name="Sara Mastrorosa" userId="d159c406-3740-4568-9f4d-6092b2495d2a" providerId="ADAL" clId="{68E68552-334A-49D4-906D-42EB7454986A}" dt="2023-10-17T11:45:22.769" v="4670" actId="14100"/>
          <ac:cxnSpMkLst>
            <pc:docMk/>
            <pc:sldMk cId="2927232286" sldId="270"/>
            <ac:cxnSpMk id="62" creationId="{34B4F383-A280-7833-9DA6-7E6C89F761AD}"/>
          </ac:cxnSpMkLst>
        </pc:cxnChg>
        <pc:cxnChg chg="mod">
          <ac:chgData name="Sara Mastrorosa" userId="d159c406-3740-4568-9f4d-6092b2495d2a" providerId="ADAL" clId="{68E68552-334A-49D4-906D-42EB7454986A}" dt="2023-10-17T11:46:32.882" v="4711" actId="1076"/>
          <ac:cxnSpMkLst>
            <pc:docMk/>
            <pc:sldMk cId="2927232286" sldId="270"/>
            <ac:cxnSpMk id="76" creationId="{656CBA88-37C6-6DA7-5B26-8C0194A4721B}"/>
          </ac:cxnSpMkLst>
        </pc:cxnChg>
      </pc:sldChg>
      <pc:sldChg chg="mod ord modShow">
        <pc:chgData name="Sara Mastrorosa" userId="d159c406-3740-4568-9f4d-6092b2495d2a" providerId="ADAL" clId="{68E68552-334A-49D4-906D-42EB7454986A}" dt="2023-10-16T12:47:10.078" v="2995" actId="729"/>
        <pc:sldMkLst>
          <pc:docMk/>
          <pc:sldMk cId="1740496174" sldId="274"/>
        </pc:sldMkLst>
      </pc:sldChg>
      <pc:sldChg chg="addSp modSp mod ord modShow">
        <pc:chgData name="Sara Mastrorosa" userId="d159c406-3740-4568-9f4d-6092b2495d2a" providerId="ADAL" clId="{68E68552-334A-49D4-906D-42EB7454986A}" dt="2023-10-16T12:47:10.078" v="2995" actId="729"/>
        <pc:sldMkLst>
          <pc:docMk/>
          <pc:sldMk cId="1723061386" sldId="276"/>
        </pc:sldMkLst>
        <pc:spChg chg="mod">
          <ac:chgData name="Sara Mastrorosa" userId="d159c406-3740-4568-9f4d-6092b2495d2a" providerId="ADAL" clId="{68E68552-334A-49D4-906D-42EB7454986A}" dt="2023-10-16T12:44:04.679" v="2846" actId="164"/>
          <ac:spMkLst>
            <pc:docMk/>
            <pc:sldMk cId="1723061386" sldId="276"/>
            <ac:spMk id="4" creationId="{744E96E6-8A52-A9F9-801D-93E6D23319D6}"/>
          </ac:spMkLst>
        </pc:spChg>
        <pc:spChg chg="mod">
          <ac:chgData name="Sara Mastrorosa" userId="d159c406-3740-4568-9f4d-6092b2495d2a" providerId="ADAL" clId="{68E68552-334A-49D4-906D-42EB7454986A}" dt="2023-10-16T12:44:04.679" v="2846" actId="164"/>
          <ac:spMkLst>
            <pc:docMk/>
            <pc:sldMk cId="1723061386" sldId="276"/>
            <ac:spMk id="7" creationId="{9381F2CA-28C5-1C76-C677-B9C11827C79C}"/>
          </ac:spMkLst>
        </pc:spChg>
        <pc:spChg chg="mod">
          <ac:chgData name="Sara Mastrorosa" userId="d159c406-3740-4568-9f4d-6092b2495d2a" providerId="ADAL" clId="{68E68552-334A-49D4-906D-42EB7454986A}" dt="2023-10-16T12:44:04.679" v="2846" actId="164"/>
          <ac:spMkLst>
            <pc:docMk/>
            <pc:sldMk cId="1723061386" sldId="276"/>
            <ac:spMk id="11" creationId="{163D7DCE-BBB6-25D6-511B-9E63AAC7D1B9}"/>
          </ac:spMkLst>
        </pc:spChg>
        <pc:spChg chg="mod">
          <ac:chgData name="Sara Mastrorosa" userId="d159c406-3740-4568-9f4d-6092b2495d2a" providerId="ADAL" clId="{68E68552-334A-49D4-906D-42EB7454986A}" dt="2023-10-16T12:44:04.679" v="2846" actId="164"/>
          <ac:spMkLst>
            <pc:docMk/>
            <pc:sldMk cId="1723061386" sldId="276"/>
            <ac:spMk id="17" creationId="{4BC78183-7061-9BE9-E03D-1EEA92AF47E4}"/>
          </ac:spMkLst>
        </pc:spChg>
        <pc:spChg chg="mod">
          <ac:chgData name="Sara Mastrorosa" userId="d159c406-3740-4568-9f4d-6092b2495d2a" providerId="ADAL" clId="{68E68552-334A-49D4-906D-42EB7454986A}" dt="2023-10-16T12:44:04.679" v="2846" actId="164"/>
          <ac:spMkLst>
            <pc:docMk/>
            <pc:sldMk cId="1723061386" sldId="276"/>
            <ac:spMk id="18" creationId="{C7933087-3B84-6148-8C2D-5D915A7E1DA3}"/>
          </ac:spMkLst>
        </pc:spChg>
        <pc:spChg chg="mod">
          <ac:chgData name="Sara Mastrorosa" userId="d159c406-3740-4568-9f4d-6092b2495d2a" providerId="ADAL" clId="{68E68552-334A-49D4-906D-42EB7454986A}" dt="2023-10-16T12:44:04.679" v="2846" actId="164"/>
          <ac:spMkLst>
            <pc:docMk/>
            <pc:sldMk cId="1723061386" sldId="276"/>
            <ac:spMk id="27" creationId="{9EB5A7EC-94FB-DCA8-F4E5-398A50AE2A6B}"/>
          </ac:spMkLst>
        </pc:spChg>
        <pc:spChg chg="mod">
          <ac:chgData name="Sara Mastrorosa" userId="d159c406-3740-4568-9f4d-6092b2495d2a" providerId="ADAL" clId="{68E68552-334A-49D4-906D-42EB7454986A}" dt="2023-10-16T12:44:04.679" v="2846" actId="164"/>
          <ac:spMkLst>
            <pc:docMk/>
            <pc:sldMk cId="1723061386" sldId="276"/>
            <ac:spMk id="31" creationId="{DAD735D4-8D10-F2C0-21FC-B8FA8DCBB74C}"/>
          </ac:spMkLst>
        </pc:spChg>
        <pc:spChg chg="mod">
          <ac:chgData name="Sara Mastrorosa" userId="d159c406-3740-4568-9f4d-6092b2495d2a" providerId="ADAL" clId="{68E68552-334A-49D4-906D-42EB7454986A}" dt="2023-10-16T12:44:04.679" v="2846" actId="164"/>
          <ac:spMkLst>
            <pc:docMk/>
            <pc:sldMk cId="1723061386" sldId="276"/>
            <ac:spMk id="33" creationId="{D5A1E6C6-E49D-FCB9-5B47-52BCE47514F0}"/>
          </ac:spMkLst>
        </pc:spChg>
        <pc:grpChg chg="add mod">
          <ac:chgData name="Sara Mastrorosa" userId="d159c406-3740-4568-9f4d-6092b2495d2a" providerId="ADAL" clId="{68E68552-334A-49D4-906D-42EB7454986A}" dt="2023-10-16T12:44:04.679" v="2846" actId="164"/>
          <ac:grpSpMkLst>
            <pc:docMk/>
            <pc:sldMk cId="1723061386" sldId="276"/>
            <ac:grpSpMk id="15" creationId="{6C128DA6-312C-E6A9-31D9-56F06F785BF6}"/>
          </ac:grpSpMkLst>
        </pc:grpChg>
        <pc:grpChg chg="mod">
          <ac:chgData name="Sara Mastrorosa" userId="d159c406-3740-4568-9f4d-6092b2495d2a" providerId="ADAL" clId="{68E68552-334A-49D4-906D-42EB7454986A}" dt="2023-10-16T12:44:04.679" v="2846" actId="164"/>
          <ac:grpSpMkLst>
            <pc:docMk/>
            <pc:sldMk cId="1723061386" sldId="276"/>
            <ac:grpSpMk id="19" creationId="{42C6BD84-D948-82C1-9342-0D8C06D6C807}"/>
          </ac:grpSpMkLst>
        </pc:grpChg>
        <pc:grpChg chg="mod">
          <ac:chgData name="Sara Mastrorosa" userId="d159c406-3740-4568-9f4d-6092b2495d2a" providerId="ADAL" clId="{68E68552-334A-49D4-906D-42EB7454986A}" dt="2023-10-16T12:44:04.679" v="2846" actId="164"/>
          <ac:grpSpMkLst>
            <pc:docMk/>
            <pc:sldMk cId="1723061386" sldId="276"/>
            <ac:grpSpMk id="20" creationId="{FA719E86-A3DF-519E-8C33-166F7226BCEF}"/>
          </ac:grpSpMkLst>
        </pc:grpChg>
        <pc:grpChg chg="mod">
          <ac:chgData name="Sara Mastrorosa" userId="d159c406-3740-4568-9f4d-6092b2495d2a" providerId="ADAL" clId="{68E68552-334A-49D4-906D-42EB7454986A}" dt="2023-10-16T12:44:04.679" v="2846" actId="164"/>
          <ac:grpSpMkLst>
            <pc:docMk/>
            <pc:sldMk cId="1723061386" sldId="276"/>
            <ac:grpSpMk id="24" creationId="{6E6BA9AE-CD69-C4B0-09C4-7935C59E29B5}"/>
          </ac:grpSpMkLst>
        </pc:grpChg>
        <pc:picChg chg="mod">
          <ac:chgData name="Sara Mastrorosa" userId="d159c406-3740-4568-9f4d-6092b2495d2a" providerId="ADAL" clId="{68E68552-334A-49D4-906D-42EB7454986A}" dt="2023-10-16T12:44:04.679" v="2846" actId="164"/>
          <ac:picMkLst>
            <pc:docMk/>
            <pc:sldMk cId="1723061386" sldId="276"/>
            <ac:picMk id="2" creationId="{34EE168A-84C8-0AC5-02BF-2DC96A2BD927}"/>
          </ac:picMkLst>
        </pc:picChg>
        <pc:picChg chg="mod">
          <ac:chgData name="Sara Mastrorosa" userId="d159c406-3740-4568-9f4d-6092b2495d2a" providerId="ADAL" clId="{68E68552-334A-49D4-906D-42EB7454986A}" dt="2023-10-16T12:44:04.679" v="2846" actId="164"/>
          <ac:picMkLst>
            <pc:docMk/>
            <pc:sldMk cId="1723061386" sldId="276"/>
            <ac:picMk id="6" creationId="{4B393445-4895-CD97-F4C6-50400BA37D0B}"/>
          </ac:picMkLst>
        </pc:picChg>
        <pc:picChg chg="mod">
          <ac:chgData name="Sara Mastrorosa" userId="d159c406-3740-4568-9f4d-6092b2495d2a" providerId="ADAL" clId="{68E68552-334A-49D4-906D-42EB7454986A}" dt="2023-10-16T12:44:04.679" v="2846" actId="164"/>
          <ac:picMkLst>
            <pc:docMk/>
            <pc:sldMk cId="1723061386" sldId="276"/>
            <ac:picMk id="14" creationId="{61DA9600-9913-FB19-239A-0D7F5F8086B5}"/>
          </ac:picMkLst>
        </pc:picChg>
        <pc:picChg chg="mod">
          <ac:chgData name="Sara Mastrorosa" userId="d159c406-3740-4568-9f4d-6092b2495d2a" providerId="ADAL" clId="{68E68552-334A-49D4-906D-42EB7454986A}" dt="2023-10-16T12:44:04.679" v="2846" actId="164"/>
          <ac:picMkLst>
            <pc:docMk/>
            <pc:sldMk cId="1723061386" sldId="276"/>
            <ac:picMk id="29" creationId="{C6218AC1-51FE-0E29-B30A-1EA7AE787DA0}"/>
          </ac:picMkLst>
        </pc:picChg>
        <pc:picChg chg="mod">
          <ac:chgData name="Sara Mastrorosa" userId="d159c406-3740-4568-9f4d-6092b2495d2a" providerId="ADAL" clId="{68E68552-334A-49D4-906D-42EB7454986A}" dt="2023-10-16T12:44:04.679" v="2846" actId="164"/>
          <ac:picMkLst>
            <pc:docMk/>
            <pc:sldMk cId="1723061386" sldId="276"/>
            <ac:picMk id="32" creationId="{A42369D4-3A6E-6678-4678-FB4173403CF7}"/>
          </ac:picMkLst>
        </pc:picChg>
      </pc:sldChg>
      <pc:sldChg chg="mod ord modShow">
        <pc:chgData name="Sara Mastrorosa" userId="d159c406-3740-4568-9f4d-6092b2495d2a" providerId="ADAL" clId="{68E68552-334A-49D4-906D-42EB7454986A}" dt="2023-10-16T10:06:06.349" v="1185" actId="729"/>
        <pc:sldMkLst>
          <pc:docMk/>
          <pc:sldMk cId="2835756511" sldId="277"/>
        </pc:sldMkLst>
      </pc:sldChg>
      <pc:sldChg chg="addSp modSp mod ord">
        <pc:chgData name="Sara Mastrorosa" userId="d159c406-3740-4568-9f4d-6092b2495d2a" providerId="ADAL" clId="{68E68552-334A-49D4-906D-42EB7454986A}" dt="2023-10-19T14:59:23.953" v="9576" actId="1076"/>
        <pc:sldMkLst>
          <pc:docMk/>
          <pc:sldMk cId="2742715823" sldId="278"/>
        </pc:sldMkLst>
        <pc:spChg chg="add mod">
          <ac:chgData name="Sara Mastrorosa" userId="d159c406-3740-4568-9f4d-6092b2495d2a" providerId="ADAL" clId="{68E68552-334A-49D4-906D-42EB7454986A}" dt="2023-10-19T14:59:22.471" v="9575" actId="1076"/>
          <ac:spMkLst>
            <pc:docMk/>
            <pc:sldMk cId="2742715823" sldId="278"/>
            <ac:spMk id="2" creationId="{2D40E7FF-84F3-978E-8D0A-B4576A7B45DD}"/>
          </ac:spMkLst>
        </pc:spChg>
        <pc:spChg chg="add mod">
          <ac:chgData name="Sara Mastrorosa" userId="d159c406-3740-4568-9f4d-6092b2495d2a" providerId="ADAL" clId="{68E68552-334A-49D4-906D-42EB7454986A}" dt="2023-10-19T14:59:23.953" v="9576" actId="1076"/>
          <ac:spMkLst>
            <pc:docMk/>
            <pc:sldMk cId="2742715823" sldId="278"/>
            <ac:spMk id="3" creationId="{9F126946-A190-9E6C-C144-9C902F43028A}"/>
          </ac:spMkLst>
        </pc:spChg>
        <pc:spChg chg="mod">
          <ac:chgData name="Sara Mastrorosa" userId="d159c406-3740-4568-9f4d-6092b2495d2a" providerId="ADAL" clId="{68E68552-334A-49D4-906D-42EB7454986A}" dt="2023-10-19T14:58:51.780" v="9561" actId="6549"/>
          <ac:spMkLst>
            <pc:docMk/>
            <pc:sldMk cId="2742715823" sldId="278"/>
            <ac:spMk id="16" creationId="{3F919A9B-6D4F-0CF0-DA5A-2EC55DC107E2}"/>
          </ac:spMkLst>
        </pc:spChg>
      </pc:sldChg>
      <pc:sldChg chg="modSp mod ord modShow">
        <pc:chgData name="Sara Mastrorosa" userId="d159c406-3740-4568-9f4d-6092b2495d2a" providerId="ADAL" clId="{68E68552-334A-49D4-906D-42EB7454986A}" dt="2023-10-18T08:57:06.667" v="7767" actId="729"/>
        <pc:sldMkLst>
          <pc:docMk/>
          <pc:sldMk cId="3262192175" sldId="2147476483"/>
        </pc:sldMkLst>
        <pc:spChg chg="mod">
          <ac:chgData name="Sara Mastrorosa" userId="d159c406-3740-4568-9f4d-6092b2495d2a" providerId="ADAL" clId="{68E68552-334A-49D4-906D-42EB7454986A}" dt="2023-10-16T13:04:57.918" v="3152" actId="207"/>
          <ac:spMkLst>
            <pc:docMk/>
            <pc:sldMk cId="3262192175" sldId="2147476483"/>
            <ac:spMk id="45" creationId="{DDF39047-A654-1197-E21E-ABB7461563A3}"/>
          </ac:spMkLst>
        </pc:spChg>
        <pc:graphicFrameChg chg="modGraphic">
          <ac:chgData name="Sara Mastrorosa" userId="d159c406-3740-4568-9f4d-6092b2495d2a" providerId="ADAL" clId="{68E68552-334A-49D4-906D-42EB7454986A}" dt="2023-10-16T13:04:42.877" v="3150" actId="207"/>
          <ac:graphicFrameMkLst>
            <pc:docMk/>
            <pc:sldMk cId="3262192175" sldId="2147476483"/>
            <ac:graphicFrameMk id="46" creationId="{E5189586-3EB6-06D3-45F6-E73937ECF832}"/>
          </ac:graphicFrameMkLst>
        </pc:graphicFrameChg>
      </pc:sldChg>
      <pc:sldChg chg="addSp delSp modSp mod">
        <pc:chgData name="Sara Mastrorosa" userId="d159c406-3740-4568-9f4d-6092b2495d2a" providerId="ADAL" clId="{68E68552-334A-49D4-906D-42EB7454986A}" dt="2023-10-14T06:49:49.441" v="119" actId="20577"/>
        <pc:sldMkLst>
          <pc:docMk/>
          <pc:sldMk cId="3654612524" sldId="2147476484"/>
        </pc:sldMkLst>
        <pc:spChg chg="add del mod">
          <ac:chgData name="Sara Mastrorosa" userId="d159c406-3740-4568-9f4d-6092b2495d2a" providerId="ADAL" clId="{68E68552-334A-49D4-906D-42EB7454986A}" dt="2023-10-14T06:45:38.608" v="5" actId="478"/>
          <ac:spMkLst>
            <pc:docMk/>
            <pc:sldMk cId="3654612524" sldId="2147476484"/>
            <ac:spMk id="2" creationId="{D8879279-B374-58A9-3A00-C3D35E02D1E5}"/>
          </ac:spMkLst>
        </pc:spChg>
        <pc:spChg chg="add del">
          <ac:chgData name="Sara Mastrorosa" userId="d159c406-3740-4568-9f4d-6092b2495d2a" providerId="ADAL" clId="{68E68552-334A-49D4-906D-42EB7454986A}" dt="2023-10-14T06:45:52.043" v="7" actId="478"/>
          <ac:spMkLst>
            <pc:docMk/>
            <pc:sldMk cId="3654612524" sldId="2147476484"/>
            <ac:spMk id="4" creationId="{07147BDA-D4D8-12B8-1F9A-3EEA4E489A42}"/>
          </ac:spMkLst>
        </pc:spChg>
        <pc:spChg chg="mod">
          <ac:chgData name="Sara Mastrorosa" userId="d159c406-3740-4568-9f4d-6092b2495d2a" providerId="ADAL" clId="{68E68552-334A-49D4-906D-42EB7454986A}" dt="2023-10-14T06:48:54.760" v="107" actId="571"/>
          <ac:spMkLst>
            <pc:docMk/>
            <pc:sldMk cId="3654612524" sldId="2147476484"/>
            <ac:spMk id="10" creationId="{0AB5758D-D17B-72A2-3DF4-CBB663DAC1B4}"/>
          </ac:spMkLst>
        </pc:spChg>
        <pc:spChg chg="mod">
          <ac:chgData name="Sara Mastrorosa" userId="d159c406-3740-4568-9f4d-6092b2495d2a" providerId="ADAL" clId="{68E68552-334A-49D4-906D-42EB7454986A}" dt="2023-10-14T06:48:54.760" v="107" actId="571"/>
          <ac:spMkLst>
            <pc:docMk/>
            <pc:sldMk cId="3654612524" sldId="2147476484"/>
            <ac:spMk id="11" creationId="{B3D66EFD-E44E-220F-C1E7-8DEC1556A564}"/>
          </ac:spMkLst>
        </pc:spChg>
        <pc:spChg chg="mod">
          <ac:chgData name="Sara Mastrorosa" userId="d159c406-3740-4568-9f4d-6092b2495d2a" providerId="ADAL" clId="{68E68552-334A-49D4-906D-42EB7454986A}" dt="2023-10-14T06:48:54.760" v="107" actId="571"/>
          <ac:spMkLst>
            <pc:docMk/>
            <pc:sldMk cId="3654612524" sldId="2147476484"/>
            <ac:spMk id="12" creationId="{815ED783-4BEC-7A59-6869-D4E48BA938B4}"/>
          </ac:spMkLst>
        </pc:spChg>
        <pc:spChg chg="mod">
          <ac:chgData name="Sara Mastrorosa" userId="d159c406-3740-4568-9f4d-6092b2495d2a" providerId="ADAL" clId="{68E68552-334A-49D4-906D-42EB7454986A}" dt="2023-10-14T06:48:54.760" v="107" actId="571"/>
          <ac:spMkLst>
            <pc:docMk/>
            <pc:sldMk cId="3654612524" sldId="2147476484"/>
            <ac:spMk id="13" creationId="{5A44C74E-51B2-A8CD-DC72-29152A41155F}"/>
          </ac:spMkLst>
        </pc:spChg>
        <pc:spChg chg="mod">
          <ac:chgData name="Sara Mastrorosa" userId="d159c406-3740-4568-9f4d-6092b2495d2a" providerId="ADAL" clId="{68E68552-334A-49D4-906D-42EB7454986A}" dt="2023-10-14T06:48:54.760" v="107" actId="571"/>
          <ac:spMkLst>
            <pc:docMk/>
            <pc:sldMk cId="3654612524" sldId="2147476484"/>
            <ac:spMk id="14" creationId="{2143A453-D31A-838D-51EB-692DD552E32F}"/>
          </ac:spMkLst>
        </pc:spChg>
        <pc:spChg chg="mod">
          <ac:chgData name="Sara Mastrorosa" userId="d159c406-3740-4568-9f4d-6092b2495d2a" providerId="ADAL" clId="{68E68552-334A-49D4-906D-42EB7454986A}" dt="2023-10-14T06:48:54.760" v="107" actId="571"/>
          <ac:spMkLst>
            <pc:docMk/>
            <pc:sldMk cId="3654612524" sldId="2147476484"/>
            <ac:spMk id="23" creationId="{2E90D4F5-9A2A-6888-302D-78C57595EB09}"/>
          </ac:spMkLst>
        </pc:spChg>
        <pc:spChg chg="mod">
          <ac:chgData name="Sara Mastrorosa" userId="d159c406-3740-4568-9f4d-6092b2495d2a" providerId="ADAL" clId="{68E68552-334A-49D4-906D-42EB7454986A}" dt="2023-10-14T06:48:54.760" v="107" actId="571"/>
          <ac:spMkLst>
            <pc:docMk/>
            <pc:sldMk cId="3654612524" sldId="2147476484"/>
            <ac:spMk id="24" creationId="{7F85114D-186D-6065-591D-920DF1D6BCC3}"/>
          </ac:spMkLst>
        </pc:spChg>
        <pc:spChg chg="mod">
          <ac:chgData name="Sara Mastrorosa" userId="d159c406-3740-4568-9f4d-6092b2495d2a" providerId="ADAL" clId="{68E68552-334A-49D4-906D-42EB7454986A}" dt="2023-10-14T06:48:54.760" v="107" actId="571"/>
          <ac:spMkLst>
            <pc:docMk/>
            <pc:sldMk cId="3654612524" sldId="2147476484"/>
            <ac:spMk id="27" creationId="{774639B5-1E6D-2811-0CC2-987A8FCC2C1E}"/>
          </ac:spMkLst>
        </pc:spChg>
        <pc:spChg chg="mod">
          <ac:chgData name="Sara Mastrorosa" userId="d159c406-3740-4568-9f4d-6092b2495d2a" providerId="ADAL" clId="{68E68552-334A-49D4-906D-42EB7454986A}" dt="2023-10-14T06:48:54.760" v="107" actId="571"/>
          <ac:spMkLst>
            <pc:docMk/>
            <pc:sldMk cId="3654612524" sldId="2147476484"/>
            <ac:spMk id="28" creationId="{31B23DDA-6B6E-7D6F-59CE-CEC4E3291E49}"/>
          </ac:spMkLst>
        </pc:spChg>
        <pc:spChg chg="add mod">
          <ac:chgData name="Sara Mastrorosa" userId="d159c406-3740-4568-9f4d-6092b2495d2a" providerId="ADAL" clId="{68E68552-334A-49D4-906D-42EB7454986A}" dt="2023-10-14T06:48:54.760" v="107" actId="571"/>
          <ac:spMkLst>
            <pc:docMk/>
            <pc:sldMk cId="3654612524" sldId="2147476484"/>
            <ac:spMk id="32" creationId="{DC0ABE11-0CAB-C1E9-8A66-C7B75E01A33E}"/>
          </ac:spMkLst>
        </pc:spChg>
        <pc:spChg chg="add mod">
          <ac:chgData name="Sara Mastrorosa" userId="d159c406-3740-4568-9f4d-6092b2495d2a" providerId="ADAL" clId="{68E68552-334A-49D4-906D-42EB7454986A}" dt="2023-10-14T06:48:54.760" v="107" actId="571"/>
          <ac:spMkLst>
            <pc:docMk/>
            <pc:sldMk cId="3654612524" sldId="2147476484"/>
            <ac:spMk id="39" creationId="{E424E4D6-009E-6A1A-CE57-B4EA629CAF0D}"/>
          </ac:spMkLst>
        </pc:spChg>
        <pc:spChg chg="add mod">
          <ac:chgData name="Sara Mastrorosa" userId="d159c406-3740-4568-9f4d-6092b2495d2a" providerId="ADAL" clId="{68E68552-334A-49D4-906D-42EB7454986A}" dt="2023-10-14T06:48:54.760" v="107" actId="571"/>
          <ac:spMkLst>
            <pc:docMk/>
            <pc:sldMk cId="3654612524" sldId="2147476484"/>
            <ac:spMk id="40" creationId="{4E112229-18A0-FDB2-E58E-68833F0F53B4}"/>
          </ac:spMkLst>
        </pc:spChg>
        <pc:spChg chg="mod">
          <ac:chgData name="Sara Mastrorosa" userId="d159c406-3740-4568-9f4d-6092b2495d2a" providerId="ADAL" clId="{68E68552-334A-49D4-906D-42EB7454986A}" dt="2023-10-14T06:49:49.441" v="119" actId="20577"/>
          <ac:spMkLst>
            <pc:docMk/>
            <pc:sldMk cId="3654612524" sldId="2147476484"/>
            <ac:spMk id="43" creationId="{60403CA5-5C25-6943-048C-724D08128282}"/>
          </ac:spMkLst>
        </pc:spChg>
        <pc:spChg chg="add mod">
          <ac:chgData name="Sara Mastrorosa" userId="d159c406-3740-4568-9f4d-6092b2495d2a" providerId="ADAL" clId="{68E68552-334A-49D4-906D-42EB7454986A}" dt="2023-10-14T06:48:54.760" v="107" actId="571"/>
          <ac:spMkLst>
            <pc:docMk/>
            <pc:sldMk cId="3654612524" sldId="2147476484"/>
            <ac:spMk id="47" creationId="{4EB5DFD0-1985-8EBA-43F9-18B51BA71E60}"/>
          </ac:spMkLst>
        </pc:spChg>
        <pc:spChg chg="add mod">
          <ac:chgData name="Sara Mastrorosa" userId="d159c406-3740-4568-9f4d-6092b2495d2a" providerId="ADAL" clId="{68E68552-334A-49D4-906D-42EB7454986A}" dt="2023-10-14T06:48:54.760" v="107" actId="571"/>
          <ac:spMkLst>
            <pc:docMk/>
            <pc:sldMk cId="3654612524" sldId="2147476484"/>
            <ac:spMk id="48" creationId="{6079948A-889F-4D52-7A32-C57A94B48CAE}"/>
          </ac:spMkLst>
        </pc:spChg>
        <pc:spChg chg="mod">
          <ac:chgData name="Sara Mastrorosa" userId="d159c406-3740-4568-9f4d-6092b2495d2a" providerId="ADAL" clId="{68E68552-334A-49D4-906D-42EB7454986A}" dt="2023-10-14T06:48:50.915" v="105" actId="1035"/>
          <ac:spMkLst>
            <pc:docMk/>
            <pc:sldMk cId="3654612524" sldId="2147476484"/>
            <ac:spMk id="69" creationId="{F1056653-DD4A-D69B-11E1-0FA620B19605}"/>
          </ac:spMkLst>
        </pc:spChg>
        <pc:spChg chg="mod">
          <ac:chgData name="Sara Mastrorosa" userId="d159c406-3740-4568-9f4d-6092b2495d2a" providerId="ADAL" clId="{68E68552-334A-49D4-906D-42EB7454986A}" dt="2023-10-14T06:48:50.915" v="105" actId="1035"/>
          <ac:spMkLst>
            <pc:docMk/>
            <pc:sldMk cId="3654612524" sldId="2147476484"/>
            <ac:spMk id="73" creationId="{F2B6566C-5893-CF8E-76DC-4E8DC7887FAE}"/>
          </ac:spMkLst>
        </pc:spChg>
        <pc:spChg chg="mod">
          <ac:chgData name="Sara Mastrorosa" userId="d159c406-3740-4568-9f4d-6092b2495d2a" providerId="ADAL" clId="{68E68552-334A-49D4-906D-42EB7454986A}" dt="2023-10-14T06:48:50.915" v="105" actId="1035"/>
          <ac:spMkLst>
            <pc:docMk/>
            <pc:sldMk cId="3654612524" sldId="2147476484"/>
            <ac:spMk id="79" creationId="{C8A26641-5493-5F63-DACA-708C18C1514C}"/>
          </ac:spMkLst>
        </pc:spChg>
        <pc:spChg chg="mod">
          <ac:chgData name="Sara Mastrorosa" userId="d159c406-3740-4568-9f4d-6092b2495d2a" providerId="ADAL" clId="{68E68552-334A-49D4-906D-42EB7454986A}" dt="2023-10-14T06:48:50.915" v="105" actId="1035"/>
          <ac:spMkLst>
            <pc:docMk/>
            <pc:sldMk cId="3654612524" sldId="2147476484"/>
            <ac:spMk id="80" creationId="{FA262914-E6E4-C182-B4FA-7A37A2E6F5D2}"/>
          </ac:spMkLst>
        </pc:spChg>
        <pc:grpChg chg="mod">
          <ac:chgData name="Sara Mastrorosa" userId="d159c406-3740-4568-9f4d-6092b2495d2a" providerId="ADAL" clId="{68E68552-334A-49D4-906D-42EB7454986A}" dt="2023-10-14T06:48:50.915" v="105" actId="1035"/>
          <ac:grpSpMkLst>
            <pc:docMk/>
            <pc:sldMk cId="3654612524" sldId="2147476484"/>
            <ac:grpSpMk id="6" creationId="{3112BFF1-03F0-CF9C-34DC-5EA4ED102D61}"/>
          </ac:grpSpMkLst>
        </pc:grpChg>
        <pc:grpChg chg="add mod">
          <ac:chgData name="Sara Mastrorosa" userId="d159c406-3740-4568-9f4d-6092b2495d2a" providerId="ADAL" clId="{68E68552-334A-49D4-906D-42EB7454986A}" dt="2023-10-14T06:48:54.760" v="107" actId="571"/>
          <ac:grpSpMkLst>
            <pc:docMk/>
            <pc:sldMk cId="3654612524" sldId="2147476484"/>
            <ac:grpSpMk id="8" creationId="{A3CC7DED-3042-FDBE-8906-4773A64A9E98}"/>
          </ac:grpSpMkLst>
        </pc:grpChg>
        <pc:grpChg chg="mod">
          <ac:chgData name="Sara Mastrorosa" userId="d159c406-3740-4568-9f4d-6092b2495d2a" providerId="ADAL" clId="{68E68552-334A-49D4-906D-42EB7454986A}" dt="2023-10-14T06:48:54.760" v="107" actId="571"/>
          <ac:grpSpMkLst>
            <pc:docMk/>
            <pc:sldMk cId="3654612524" sldId="2147476484"/>
            <ac:grpSpMk id="26" creationId="{356A5DDD-360E-2748-93B4-F22830E92FFB}"/>
          </ac:grpSpMkLst>
        </pc:grpChg>
        <pc:cxnChg chg="add mod">
          <ac:chgData name="Sara Mastrorosa" userId="d159c406-3740-4568-9f4d-6092b2495d2a" providerId="ADAL" clId="{68E68552-334A-49D4-906D-42EB7454986A}" dt="2023-10-14T06:48:54.760" v="107" actId="571"/>
          <ac:cxnSpMkLst>
            <pc:docMk/>
            <pc:sldMk cId="3654612524" sldId="2147476484"/>
            <ac:cxnSpMk id="7" creationId="{363D0663-09CB-393D-F901-D055CB53F5B6}"/>
          </ac:cxnSpMkLst>
        </pc:cxnChg>
        <pc:cxnChg chg="mod">
          <ac:chgData name="Sara Mastrorosa" userId="d159c406-3740-4568-9f4d-6092b2495d2a" providerId="ADAL" clId="{68E68552-334A-49D4-906D-42EB7454986A}" dt="2023-10-14T06:48:54.760" v="107" actId="571"/>
          <ac:cxnSpMkLst>
            <pc:docMk/>
            <pc:sldMk cId="3654612524" sldId="2147476484"/>
            <ac:cxnSpMk id="9" creationId="{E7CF5D3B-9E4F-B78E-72DF-7E92D2BAEAB9}"/>
          </ac:cxnSpMkLst>
        </pc:cxnChg>
        <pc:cxnChg chg="mod">
          <ac:chgData name="Sara Mastrorosa" userId="d159c406-3740-4568-9f4d-6092b2495d2a" providerId="ADAL" clId="{68E68552-334A-49D4-906D-42EB7454986A}" dt="2023-10-14T06:48:54.760" v="107" actId="571"/>
          <ac:cxnSpMkLst>
            <pc:docMk/>
            <pc:sldMk cId="3654612524" sldId="2147476484"/>
            <ac:cxnSpMk id="15" creationId="{853C8765-FBFF-2191-5866-D66C16E73FB3}"/>
          </ac:cxnSpMkLst>
        </pc:cxnChg>
        <pc:cxnChg chg="mod">
          <ac:chgData name="Sara Mastrorosa" userId="d159c406-3740-4568-9f4d-6092b2495d2a" providerId="ADAL" clId="{68E68552-334A-49D4-906D-42EB7454986A}" dt="2023-10-14T06:48:54.760" v="107" actId="571"/>
          <ac:cxnSpMkLst>
            <pc:docMk/>
            <pc:sldMk cId="3654612524" sldId="2147476484"/>
            <ac:cxnSpMk id="16" creationId="{CE336906-8EB7-3AFC-8664-3509D63ACA87}"/>
          </ac:cxnSpMkLst>
        </pc:cxnChg>
        <pc:cxnChg chg="mod">
          <ac:chgData name="Sara Mastrorosa" userId="d159c406-3740-4568-9f4d-6092b2495d2a" providerId="ADAL" clId="{68E68552-334A-49D4-906D-42EB7454986A}" dt="2023-10-14T06:48:54.760" v="107" actId="571"/>
          <ac:cxnSpMkLst>
            <pc:docMk/>
            <pc:sldMk cId="3654612524" sldId="2147476484"/>
            <ac:cxnSpMk id="18" creationId="{7E8BF4DE-87AB-2991-45E1-CBD14F0E2CD3}"/>
          </ac:cxnSpMkLst>
        </pc:cxnChg>
        <pc:cxnChg chg="mod">
          <ac:chgData name="Sara Mastrorosa" userId="d159c406-3740-4568-9f4d-6092b2495d2a" providerId="ADAL" clId="{68E68552-334A-49D4-906D-42EB7454986A}" dt="2023-10-14T06:48:54.760" v="107" actId="571"/>
          <ac:cxnSpMkLst>
            <pc:docMk/>
            <pc:sldMk cId="3654612524" sldId="2147476484"/>
            <ac:cxnSpMk id="22" creationId="{F5746DF6-BFA4-30A1-F02E-45118AF8159B}"/>
          </ac:cxnSpMkLst>
        </pc:cxnChg>
        <pc:cxnChg chg="add mod">
          <ac:chgData name="Sara Mastrorosa" userId="d159c406-3740-4568-9f4d-6092b2495d2a" providerId="ADAL" clId="{68E68552-334A-49D4-906D-42EB7454986A}" dt="2023-10-14T06:48:54.760" v="107" actId="571"/>
          <ac:cxnSpMkLst>
            <pc:docMk/>
            <pc:sldMk cId="3654612524" sldId="2147476484"/>
            <ac:cxnSpMk id="29" creationId="{1AD1A45F-70B8-BC34-7868-E519AF34D074}"/>
          </ac:cxnSpMkLst>
        </pc:cxnChg>
        <pc:cxnChg chg="add mod">
          <ac:chgData name="Sara Mastrorosa" userId="d159c406-3740-4568-9f4d-6092b2495d2a" providerId="ADAL" clId="{68E68552-334A-49D4-906D-42EB7454986A}" dt="2023-10-14T06:48:54.760" v="107" actId="571"/>
          <ac:cxnSpMkLst>
            <pc:docMk/>
            <pc:sldMk cId="3654612524" sldId="2147476484"/>
            <ac:cxnSpMk id="30" creationId="{4B364002-89BB-18D8-BEB7-2A4880B4CA9E}"/>
          </ac:cxnSpMkLst>
        </pc:cxnChg>
        <pc:cxnChg chg="add mod">
          <ac:chgData name="Sara Mastrorosa" userId="d159c406-3740-4568-9f4d-6092b2495d2a" providerId="ADAL" clId="{68E68552-334A-49D4-906D-42EB7454986A}" dt="2023-10-14T06:48:54.760" v="107" actId="571"/>
          <ac:cxnSpMkLst>
            <pc:docMk/>
            <pc:sldMk cId="3654612524" sldId="2147476484"/>
            <ac:cxnSpMk id="31" creationId="{E88BEF7B-1066-11B9-35BA-1561338BA4FB}"/>
          </ac:cxnSpMkLst>
        </pc:cxnChg>
        <pc:cxnChg chg="mod">
          <ac:chgData name="Sara Mastrorosa" userId="d159c406-3740-4568-9f4d-6092b2495d2a" providerId="ADAL" clId="{68E68552-334A-49D4-906D-42EB7454986A}" dt="2023-10-14T06:48:50.915" v="105" actId="1035"/>
          <ac:cxnSpMkLst>
            <pc:docMk/>
            <pc:sldMk cId="3654612524" sldId="2147476484"/>
            <ac:cxnSpMk id="35" creationId="{6DA4F8F9-EAFC-DA02-1EAC-A1777C1A0701}"/>
          </ac:cxnSpMkLst>
        </pc:cxnChg>
        <pc:cxnChg chg="add mod">
          <ac:chgData name="Sara Mastrorosa" userId="d159c406-3740-4568-9f4d-6092b2495d2a" providerId="ADAL" clId="{68E68552-334A-49D4-906D-42EB7454986A}" dt="2023-10-14T06:48:54.760" v="107" actId="571"/>
          <ac:cxnSpMkLst>
            <pc:docMk/>
            <pc:sldMk cId="3654612524" sldId="2147476484"/>
            <ac:cxnSpMk id="38" creationId="{67E6C5A2-834D-1C4C-14BA-8AC0EDA87460}"/>
          </ac:cxnSpMkLst>
        </pc:cxnChg>
        <pc:cxnChg chg="mod">
          <ac:chgData name="Sara Mastrorosa" userId="d159c406-3740-4568-9f4d-6092b2495d2a" providerId="ADAL" clId="{68E68552-334A-49D4-906D-42EB7454986A}" dt="2023-10-14T06:48:50.915" v="105" actId="1035"/>
          <ac:cxnSpMkLst>
            <pc:docMk/>
            <pc:sldMk cId="3654612524" sldId="2147476484"/>
            <ac:cxnSpMk id="58" creationId="{8243ADA0-EB45-A2DD-59B5-C9831B774602}"/>
          </ac:cxnSpMkLst>
        </pc:cxnChg>
        <pc:cxnChg chg="mod">
          <ac:chgData name="Sara Mastrorosa" userId="d159c406-3740-4568-9f4d-6092b2495d2a" providerId="ADAL" clId="{68E68552-334A-49D4-906D-42EB7454986A}" dt="2023-10-14T06:48:50.915" v="105" actId="1035"/>
          <ac:cxnSpMkLst>
            <pc:docMk/>
            <pc:sldMk cId="3654612524" sldId="2147476484"/>
            <ac:cxnSpMk id="62" creationId="{28FE4CD1-CAA5-5E44-07FB-EEFD74E759B4}"/>
          </ac:cxnSpMkLst>
        </pc:cxnChg>
        <pc:cxnChg chg="mod">
          <ac:chgData name="Sara Mastrorosa" userId="d159c406-3740-4568-9f4d-6092b2495d2a" providerId="ADAL" clId="{68E68552-334A-49D4-906D-42EB7454986A}" dt="2023-10-14T06:48:50.915" v="105" actId="1035"/>
          <ac:cxnSpMkLst>
            <pc:docMk/>
            <pc:sldMk cId="3654612524" sldId="2147476484"/>
            <ac:cxnSpMk id="66" creationId="{A8E71EB7-F277-8E77-91E2-7E6586AA5EB9}"/>
          </ac:cxnSpMkLst>
        </pc:cxnChg>
        <pc:cxnChg chg="mod">
          <ac:chgData name="Sara Mastrorosa" userId="d159c406-3740-4568-9f4d-6092b2495d2a" providerId="ADAL" clId="{68E68552-334A-49D4-906D-42EB7454986A}" dt="2023-10-14T06:48:50.915" v="105" actId="1035"/>
          <ac:cxnSpMkLst>
            <pc:docMk/>
            <pc:sldMk cId="3654612524" sldId="2147476484"/>
            <ac:cxnSpMk id="70" creationId="{6F77D668-FDA6-91C1-63A8-53DA4DB2F2BB}"/>
          </ac:cxnSpMkLst>
        </pc:cxnChg>
      </pc:sldChg>
      <pc:sldChg chg="addSp delSp modSp mod">
        <pc:chgData name="Sara Mastrorosa" userId="d159c406-3740-4568-9f4d-6092b2495d2a" providerId="ADAL" clId="{68E68552-334A-49D4-906D-42EB7454986A}" dt="2023-10-19T14:56:58.594" v="9527" actId="1036"/>
        <pc:sldMkLst>
          <pc:docMk/>
          <pc:sldMk cId="2770855441" sldId="2147476486"/>
        </pc:sldMkLst>
        <pc:spChg chg="add del mod">
          <ac:chgData name="Sara Mastrorosa" userId="d159c406-3740-4568-9f4d-6092b2495d2a" providerId="ADAL" clId="{68E68552-334A-49D4-906D-42EB7454986A}" dt="2023-10-16T07:59:28.974" v="576" actId="478"/>
          <ac:spMkLst>
            <pc:docMk/>
            <pc:sldMk cId="2770855441" sldId="2147476486"/>
            <ac:spMk id="2" creationId="{C5B82C1F-B416-CC26-7E5D-2FF85AC95B4B}"/>
          </ac:spMkLst>
        </pc:spChg>
        <pc:spChg chg="mod ord">
          <ac:chgData name="Sara Mastrorosa" userId="d159c406-3740-4568-9f4d-6092b2495d2a" providerId="ADAL" clId="{68E68552-334A-49D4-906D-42EB7454986A}" dt="2023-10-16T10:48:50.532" v="1837" actId="1076"/>
          <ac:spMkLst>
            <pc:docMk/>
            <pc:sldMk cId="2770855441" sldId="2147476486"/>
            <ac:spMk id="4" creationId="{AFF84307-AE88-489A-F1CF-5B16F4DDA6C5}"/>
          </ac:spMkLst>
        </pc:spChg>
        <pc:spChg chg="mod">
          <ac:chgData name="Sara Mastrorosa" userId="d159c406-3740-4568-9f4d-6092b2495d2a" providerId="ADAL" clId="{68E68552-334A-49D4-906D-42EB7454986A}" dt="2023-10-19T08:00:25.007" v="9047"/>
          <ac:spMkLst>
            <pc:docMk/>
            <pc:sldMk cId="2770855441" sldId="2147476486"/>
            <ac:spMk id="10" creationId="{8A26722F-3B62-2DAB-03C5-3750A48512A9}"/>
          </ac:spMkLst>
        </pc:spChg>
        <pc:spChg chg="mod">
          <ac:chgData name="Sara Mastrorosa" userId="d159c406-3740-4568-9f4d-6092b2495d2a" providerId="ADAL" clId="{68E68552-334A-49D4-906D-42EB7454986A}" dt="2023-10-19T13:07:12.486" v="9109" actId="122"/>
          <ac:spMkLst>
            <pc:docMk/>
            <pc:sldMk cId="2770855441" sldId="2147476486"/>
            <ac:spMk id="12" creationId="{CE3B065F-00F6-9DA1-C993-AB194241898B}"/>
          </ac:spMkLst>
        </pc:spChg>
        <pc:spChg chg="mod">
          <ac:chgData name="Sara Mastrorosa" userId="d159c406-3740-4568-9f4d-6092b2495d2a" providerId="ADAL" clId="{68E68552-334A-49D4-906D-42EB7454986A}" dt="2023-10-19T08:00:25.007" v="9047"/>
          <ac:spMkLst>
            <pc:docMk/>
            <pc:sldMk cId="2770855441" sldId="2147476486"/>
            <ac:spMk id="16" creationId="{7C6BD925-5FD6-7880-B0FC-5084DECC5526}"/>
          </ac:spMkLst>
        </pc:spChg>
        <pc:spChg chg="add del mod">
          <ac:chgData name="Sara Mastrorosa" userId="d159c406-3740-4568-9f4d-6092b2495d2a" providerId="ADAL" clId="{68E68552-334A-49D4-906D-42EB7454986A}" dt="2023-10-19T08:00:24.651" v="9046" actId="478"/>
          <ac:spMkLst>
            <pc:docMk/>
            <pc:sldMk cId="2770855441" sldId="2147476486"/>
            <ac:spMk id="18" creationId="{61CCBAE2-46FF-5553-ADCF-502A60FEF287}"/>
          </ac:spMkLst>
        </pc:spChg>
        <pc:spChg chg="mod">
          <ac:chgData name="Sara Mastrorosa" userId="d159c406-3740-4568-9f4d-6092b2495d2a" providerId="ADAL" clId="{68E68552-334A-49D4-906D-42EB7454986A}" dt="2023-10-16T10:48:32.648" v="1811" actId="20577"/>
          <ac:spMkLst>
            <pc:docMk/>
            <pc:sldMk cId="2770855441" sldId="2147476486"/>
            <ac:spMk id="19" creationId="{2CFAF691-B52F-C551-4302-1CB7BF65BD84}"/>
          </ac:spMkLst>
        </pc:spChg>
        <pc:spChg chg="mod">
          <ac:chgData name="Sara Mastrorosa" userId="d159c406-3740-4568-9f4d-6092b2495d2a" providerId="ADAL" clId="{68E68552-334A-49D4-906D-42EB7454986A}" dt="2023-10-16T10:48:36.239" v="1821" actId="20577"/>
          <ac:spMkLst>
            <pc:docMk/>
            <pc:sldMk cId="2770855441" sldId="2147476486"/>
            <ac:spMk id="20" creationId="{41C2A49F-6359-5A5A-5D10-105E524941F3}"/>
          </ac:spMkLst>
        </pc:spChg>
        <pc:spChg chg="mod">
          <ac:chgData name="Sara Mastrorosa" userId="d159c406-3740-4568-9f4d-6092b2495d2a" providerId="ADAL" clId="{68E68552-334A-49D4-906D-42EB7454986A}" dt="2023-10-16T10:48:42.711" v="1833" actId="20577"/>
          <ac:spMkLst>
            <pc:docMk/>
            <pc:sldMk cId="2770855441" sldId="2147476486"/>
            <ac:spMk id="21" creationId="{837BB851-1083-0345-D712-50C4034278EE}"/>
          </ac:spMkLst>
        </pc:spChg>
        <pc:spChg chg="mod">
          <ac:chgData name="Sara Mastrorosa" userId="d159c406-3740-4568-9f4d-6092b2495d2a" providerId="ADAL" clId="{68E68552-334A-49D4-906D-42EB7454986A}" dt="2023-10-19T08:00:25.007" v="9047"/>
          <ac:spMkLst>
            <pc:docMk/>
            <pc:sldMk cId="2770855441" sldId="2147476486"/>
            <ac:spMk id="22" creationId="{0518EB25-6B6F-B54D-323E-8E6C3BBC29CA}"/>
          </ac:spMkLst>
        </pc:spChg>
        <pc:spChg chg="add del mod">
          <ac:chgData name="Sara Mastrorosa" userId="d159c406-3740-4568-9f4d-6092b2495d2a" providerId="ADAL" clId="{68E68552-334A-49D4-906D-42EB7454986A}" dt="2023-10-19T14:56:35.282" v="9523" actId="478"/>
          <ac:spMkLst>
            <pc:docMk/>
            <pc:sldMk cId="2770855441" sldId="2147476486"/>
            <ac:spMk id="24" creationId="{9BE96697-BC5A-1168-F50B-9AC24F9000DD}"/>
          </ac:spMkLst>
        </pc:spChg>
        <pc:spChg chg="mod">
          <ac:chgData name="Sara Mastrorosa" userId="d159c406-3740-4568-9f4d-6092b2495d2a" providerId="ADAL" clId="{68E68552-334A-49D4-906D-42EB7454986A}" dt="2023-10-16T07:34:14.754" v="132" actId="1582"/>
          <ac:spMkLst>
            <pc:docMk/>
            <pc:sldMk cId="2770855441" sldId="2147476486"/>
            <ac:spMk id="25" creationId="{57E580A5-9B70-1F92-3699-D0D590BF2085}"/>
          </ac:spMkLst>
        </pc:spChg>
        <pc:spChg chg="add del mod">
          <ac:chgData name="Sara Mastrorosa" userId="d159c406-3740-4568-9f4d-6092b2495d2a" providerId="ADAL" clId="{68E68552-334A-49D4-906D-42EB7454986A}" dt="2023-10-19T14:56:35.282" v="9523" actId="478"/>
          <ac:spMkLst>
            <pc:docMk/>
            <pc:sldMk cId="2770855441" sldId="2147476486"/>
            <ac:spMk id="26" creationId="{B74FB883-9A01-3F04-71AF-29DBFBE1D118}"/>
          </ac:spMkLst>
        </pc:spChg>
        <pc:spChg chg="mod">
          <ac:chgData name="Sara Mastrorosa" userId="d159c406-3740-4568-9f4d-6092b2495d2a" providerId="ADAL" clId="{68E68552-334A-49D4-906D-42EB7454986A}" dt="2023-10-19T08:00:48.449" v="9064" actId="1035"/>
          <ac:spMkLst>
            <pc:docMk/>
            <pc:sldMk cId="2770855441" sldId="2147476486"/>
            <ac:spMk id="31" creationId="{9BBB9C50-AA14-76B2-27CA-5DE33CCF970C}"/>
          </ac:spMkLst>
        </pc:spChg>
        <pc:spChg chg="mod">
          <ac:chgData name="Sara Mastrorosa" userId="d159c406-3740-4568-9f4d-6092b2495d2a" providerId="ADAL" clId="{68E68552-334A-49D4-906D-42EB7454986A}" dt="2023-10-16T07:34:14.754" v="132" actId="1582"/>
          <ac:spMkLst>
            <pc:docMk/>
            <pc:sldMk cId="2770855441" sldId="2147476486"/>
            <ac:spMk id="33" creationId="{02C0EB73-972C-4F4C-7132-16D45494C447}"/>
          </ac:spMkLst>
        </pc:spChg>
        <pc:spChg chg="add mod">
          <ac:chgData name="Sara Mastrorosa" userId="d159c406-3740-4568-9f4d-6092b2495d2a" providerId="ADAL" clId="{68E68552-334A-49D4-906D-42EB7454986A}" dt="2023-10-19T08:01:30.895" v="9076" actId="1076"/>
          <ac:spMkLst>
            <pc:docMk/>
            <pc:sldMk cId="2770855441" sldId="2147476486"/>
            <ac:spMk id="38" creationId="{EBEDA0E0-42B6-F4AE-4E42-BF39BC95CADE}"/>
          </ac:spMkLst>
        </pc:spChg>
        <pc:spChg chg="mod">
          <ac:chgData name="Sara Mastrorosa" userId="d159c406-3740-4568-9f4d-6092b2495d2a" providerId="ADAL" clId="{68E68552-334A-49D4-906D-42EB7454986A}" dt="2023-10-19T08:00:48.449" v="9064" actId="1035"/>
          <ac:spMkLst>
            <pc:docMk/>
            <pc:sldMk cId="2770855441" sldId="2147476486"/>
            <ac:spMk id="40" creationId="{743AE4E7-359C-F33E-CBEA-F49222CC6E8E}"/>
          </ac:spMkLst>
        </pc:spChg>
        <pc:spChg chg="mod">
          <ac:chgData name="Sara Mastrorosa" userId="d159c406-3740-4568-9f4d-6092b2495d2a" providerId="ADAL" clId="{68E68552-334A-49D4-906D-42EB7454986A}" dt="2023-10-16T07:34:14.754" v="132" actId="1582"/>
          <ac:spMkLst>
            <pc:docMk/>
            <pc:sldMk cId="2770855441" sldId="2147476486"/>
            <ac:spMk id="42" creationId="{8E47B4FF-895A-23ED-D9F4-C6A1F1660084}"/>
          </ac:spMkLst>
        </pc:spChg>
        <pc:spChg chg="mod">
          <ac:chgData name="Sara Mastrorosa" userId="d159c406-3740-4568-9f4d-6092b2495d2a" providerId="ADAL" clId="{68E68552-334A-49D4-906D-42EB7454986A}" dt="2023-10-16T07:34:14.754" v="132" actId="1582"/>
          <ac:spMkLst>
            <pc:docMk/>
            <pc:sldMk cId="2770855441" sldId="2147476486"/>
            <ac:spMk id="43" creationId="{60403CA5-5C25-6943-048C-724D08128282}"/>
          </ac:spMkLst>
        </pc:spChg>
        <pc:spChg chg="mod">
          <ac:chgData name="Sara Mastrorosa" userId="d159c406-3740-4568-9f4d-6092b2495d2a" providerId="ADAL" clId="{68E68552-334A-49D4-906D-42EB7454986A}" dt="2023-10-16T07:34:14.754" v="132" actId="1582"/>
          <ac:spMkLst>
            <pc:docMk/>
            <pc:sldMk cId="2770855441" sldId="2147476486"/>
            <ac:spMk id="45" creationId="{90080EB3-23A5-533A-D206-7FBF18B445A6}"/>
          </ac:spMkLst>
        </pc:spChg>
        <pc:spChg chg="mod">
          <ac:chgData name="Sara Mastrorosa" userId="d159c406-3740-4568-9f4d-6092b2495d2a" providerId="ADAL" clId="{68E68552-334A-49D4-906D-42EB7454986A}" dt="2023-10-16T07:34:14.754" v="132" actId="1582"/>
          <ac:spMkLst>
            <pc:docMk/>
            <pc:sldMk cId="2770855441" sldId="2147476486"/>
            <ac:spMk id="46" creationId="{6021A4C5-BB10-765E-F506-A5CE3B21ABFC}"/>
          </ac:spMkLst>
        </pc:spChg>
        <pc:spChg chg="mod">
          <ac:chgData name="Sara Mastrorosa" userId="d159c406-3740-4568-9f4d-6092b2495d2a" providerId="ADAL" clId="{68E68552-334A-49D4-906D-42EB7454986A}" dt="2023-10-19T08:00:48.449" v="9064" actId="1035"/>
          <ac:spMkLst>
            <pc:docMk/>
            <pc:sldMk cId="2770855441" sldId="2147476486"/>
            <ac:spMk id="47" creationId="{52C44991-52AA-049B-F64F-135B5B18DCE5}"/>
          </ac:spMkLst>
        </pc:spChg>
        <pc:spChg chg="mod">
          <ac:chgData name="Sara Mastrorosa" userId="d159c406-3740-4568-9f4d-6092b2495d2a" providerId="ADAL" clId="{68E68552-334A-49D4-906D-42EB7454986A}" dt="2023-10-16T08:02:57.489" v="587" actId="1582"/>
          <ac:spMkLst>
            <pc:docMk/>
            <pc:sldMk cId="2770855441" sldId="2147476486"/>
            <ac:spMk id="49" creationId="{EDF532E4-C356-B0F0-EEAE-02CFEA303CDB}"/>
          </ac:spMkLst>
        </pc:spChg>
        <pc:spChg chg="mod">
          <ac:chgData name="Sara Mastrorosa" userId="d159c406-3740-4568-9f4d-6092b2495d2a" providerId="ADAL" clId="{68E68552-334A-49D4-906D-42EB7454986A}" dt="2023-10-16T07:57:56.439" v="523" actId="20577"/>
          <ac:spMkLst>
            <pc:docMk/>
            <pc:sldMk cId="2770855441" sldId="2147476486"/>
            <ac:spMk id="50" creationId="{DE39508C-E815-B97B-E029-C0C4CDD8F185}"/>
          </ac:spMkLst>
        </pc:spChg>
        <pc:spChg chg="mod">
          <ac:chgData name="Sara Mastrorosa" userId="d159c406-3740-4568-9f4d-6092b2495d2a" providerId="ADAL" clId="{68E68552-334A-49D4-906D-42EB7454986A}" dt="2023-10-16T08:02:38.463" v="585" actId="1582"/>
          <ac:spMkLst>
            <pc:docMk/>
            <pc:sldMk cId="2770855441" sldId="2147476486"/>
            <ac:spMk id="52" creationId="{E647AF34-60D8-68D4-4F2E-797AC857BEB9}"/>
          </ac:spMkLst>
        </pc:spChg>
        <pc:spChg chg="mod">
          <ac:chgData name="Sara Mastrorosa" userId="d159c406-3740-4568-9f4d-6092b2495d2a" providerId="ADAL" clId="{68E68552-334A-49D4-906D-42EB7454986A}" dt="2023-10-16T07:58:44.594" v="573" actId="20577"/>
          <ac:spMkLst>
            <pc:docMk/>
            <pc:sldMk cId="2770855441" sldId="2147476486"/>
            <ac:spMk id="53" creationId="{10FA4BE3-38CF-F149-D531-BB64DEE9516F}"/>
          </ac:spMkLst>
        </pc:spChg>
        <pc:spChg chg="mod">
          <ac:chgData name="Sara Mastrorosa" userId="d159c406-3740-4568-9f4d-6092b2495d2a" providerId="ADAL" clId="{68E68552-334A-49D4-906D-42EB7454986A}" dt="2023-10-19T14:56:36.240" v="9524"/>
          <ac:spMkLst>
            <pc:docMk/>
            <pc:sldMk cId="2770855441" sldId="2147476486"/>
            <ac:spMk id="59" creationId="{4B3840C3-DC88-12EE-2A03-EFDB75CF84C2}"/>
          </ac:spMkLst>
        </pc:spChg>
        <pc:spChg chg="mod">
          <ac:chgData name="Sara Mastrorosa" userId="d159c406-3740-4568-9f4d-6092b2495d2a" providerId="ADAL" clId="{68E68552-334A-49D4-906D-42EB7454986A}" dt="2023-10-19T14:56:36.240" v="9524"/>
          <ac:spMkLst>
            <pc:docMk/>
            <pc:sldMk cId="2770855441" sldId="2147476486"/>
            <ac:spMk id="60" creationId="{49553094-4FF1-679D-E320-ADDB8CF186D7}"/>
          </ac:spMkLst>
        </pc:spChg>
        <pc:spChg chg="add mod">
          <ac:chgData name="Sara Mastrorosa" userId="d159c406-3740-4568-9f4d-6092b2495d2a" providerId="ADAL" clId="{68E68552-334A-49D4-906D-42EB7454986A}" dt="2023-10-19T14:56:43.939" v="9525" actId="1076"/>
          <ac:spMkLst>
            <pc:docMk/>
            <pc:sldMk cId="2770855441" sldId="2147476486"/>
            <ac:spMk id="61" creationId="{B66A356B-344F-D58C-DDA6-DA91B722B560}"/>
          </ac:spMkLst>
        </pc:spChg>
        <pc:spChg chg="add mod">
          <ac:chgData name="Sara Mastrorosa" userId="d159c406-3740-4568-9f4d-6092b2495d2a" providerId="ADAL" clId="{68E68552-334A-49D4-906D-42EB7454986A}" dt="2023-10-19T14:56:43.939" v="9525" actId="1076"/>
          <ac:spMkLst>
            <pc:docMk/>
            <pc:sldMk cId="2770855441" sldId="2147476486"/>
            <ac:spMk id="63" creationId="{C0E02615-A92C-F4D0-FD53-DEED062A704D}"/>
          </ac:spMkLst>
        </pc:spChg>
        <pc:spChg chg="mod">
          <ac:chgData name="Sara Mastrorosa" userId="d159c406-3740-4568-9f4d-6092b2495d2a" providerId="ADAL" clId="{68E68552-334A-49D4-906D-42EB7454986A}" dt="2023-10-16T07:34:14.754" v="132" actId="1582"/>
          <ac:spMkLst>
            <pc:docMk/>
            <pc:sldMk cId="2770855441" sldId="2147476486"/>
            <ac:spMk id="69" creationId="{F1056653-DD4A-D69B-11E1-0FA620B19605}"/>
          </ac:spMkLst>
        </pc:spChg>
        <pc:spChg chg="mod">
          <ac:chgData name="Sara Mastrorosa" userId="d159c406-3740-4568-9f4d-6092b2495d2a" providerId="ADAL" clId="{68E68552-334A-49D4-906D-42EB7454986A}" dt="2023-10-16T07:34:14.754" v="132" actId="1582"/>
          <ac:spMkLst>
            <pc:docMk/>
            <pc:sldMk cId="2770855441" sldId="2147476486"/>
            <ac:spMk id="73" creationId="{F2B6566C-5893-CF8E-76DC-4E8DC7887FAE}"/>
          </ac:spMkLst>
        </pc:spChg>
        <pc:spChg chg="mod">
          <ac:chgData name="Sara Mastrorosa" userId="d159c406-3740-4568-9f4d-6092b2495d2a" providerId="ADAL" clId="{68E68552-334A-49D4-906D-42EB7454986A}" dt="2023-10-16T10:49:01.870" v="1848" actId="1076"/>
          <ac:spMkLst>
            <pc:docMk/>
            <pc:sldMk cId="2770855441" sldId="2147476486"/>
            <ac:spMk id="78" creationId="{6775EA29-3419-1E48-A728-A7F45E7970F2}"/>
          </ac:spMkLst>
        </pc:spChg>
        <pc:spChg chg="mod">
          <ac:chgData name="Sara Mastrorosa" userId="d159c406-3740-4568-9f4d-6092b2495d2a" providerId="ADAL" clId="{68E68552-334A-49D4-906D-42EB7454986A}" dt="2023-10-16T10:49:15.450" v="1850" actId="1076"/>
          <ac:spMkLst>
            <pc:docMk/>
            <pc:sldMk cId="2770855441" sldId="2147476486"/>
            <ac:spMk id="79" creationId="{C8A26641-5493-5F63-DACA-708C18C1514C}"/>
          </ac:spMkLst>
        </pc:spChg>
        <pc:spChg chg="mod">
          <ac:chgData name="Sara Mastrorosa" userId="d159c406-3740-4568-9f4d-6092b2495d2a" providerId="ADAL" clId="{68E68552-334A-49D4-906D-42EB7454986A}" dt="2023-10-16T10:48:47.191" v="1835" actId="1037"/>
          <ac:spMkLst>
            <pc:docMk/>
            <pc:sldMk cId="2770855441" sldId="2147476486"/>
            <ac:spMk id="80" creationId="{FA262914-E6E4-C182-B4FA-7A37A2E6F5D2}"/>
          </ac:spMkLst>
        </pc:spChg>
        <pc:grpChg chg="add del mod">
          <ac:chgData name="Sara Mastrorosa" userId="d159c406-3740-4568-9f4d-6092b2495d2a" providerId="ADAL" clId="{68E68552-334A-49D4-906D-42EB7454986A}" dt="2023-10-19T14:56:35.282" v="9523" actId="478"/>
          <ac:grpSpMkLst>
            <pc:docMk/>
            <pc:sldMk cId="2770855441" sldId="2147476486"/>
            <ac:grpSpMk id="7" creationId="{DFB50E65-CE66-667C-DAEF-882BD41B6C91}"/>
          </ac:grpSpMkLst>
        </pc:grpChg>
        <pc:grpChg chg="add del mod">
          <ac:chgData name="Sara Mastrorosa" userId="d159c406-3740-4568-9f4d-6092b2495d2a" providerId="ADAL" clId="{68E68552-334A-49D4-906D-42EB7454986A}" dt="2023-10-19T14:56:35.282" v="9523" actId="478"/>
          <ac:grpSpMkLst>
            <pc:docMk/>
            <pc:sldMk cId="2770855441" sldId="2147476486"/>
            <ac:grpSpMk id="14" creationId="{82C4D10B-708E-1656-CB9B-A0131E595B47}"/>
          </ac:grpSpMkLst>
        </pc:grpChg>
        <pc:grpChg chg="mod">
          <ac:chgData name="Sara Mastrorosa" userId="d159c406-3740-4568-9f4d-6092b2495d2a" providerId="ADAL" clId="{68E68552-334A-49D4-906D-42EB7454986A}" dt="2023-10-19T08:00:48.449" v="9064" actId="1035"/>
          <ac:grpSpMkLst>
            <pc:docMk/>
            <pc:sldMk cId="2770855441" sldId="2147476486"/>
            <ac:grpSpMk id="30" creationId="{47EA1A80-7F62-9E91-C6CA-B34038AB6D36}"/>
          </ac:grpSpMkLst>
        </pc:grpChg>
        <pc:grpChg chg="del mod">
          <ac:chgData name="Sara Mastrorosa" userId="d159c406-3740-4568-9f4d-6092b2495d2a" providerId="ADAL" clId="{68E68552-334A-49D4-906D-42EB7454986A}" dt="2023-10-19T08:00:24.651" v="9046" actId="478"/>
          <ac:grpSpMkLst>
            <pc:docMk/>
            <pc:sldMk cId="2770855441" sldId="2147476486"/>
            <ac:grpSpMk id="48" creationId="{13BFCD38-CD46-8AC6-68DD-4B1D577398D7}"/>
          </ac:grpSpMkLst>
        </pc:grpChg>
        <pc:grpChg chg="del mod">
          <ac:chgData name="Sara Mastrorosa" userId="d159c406-3740-4568-9f4d-6092b2495d2a" providerId="ADAL" clId="{68E68552-334A-49D4-906D-42EB7454986A}" dt="2023-10-19T08:00:24.651" v="9046" actId="478"/>
          <ac:grpSpMkLst>
            <pc:docMk/>
            <pc:sldMk cId="2770855441" sldId="2147476486"/>
            <ac:grpSpMk id="51" creationId="{CC94E5D4-DF7A-F991-7673-DFBE1099D5D2}"/>
          </ac:grpSpMkLst>
        </pc:grpChg>
        <pc:grpChg chg="add mod">
          <ac:chgData name="Sara Mastrorosa" userId="d159c406-3740-4568-9f4d-6092b2495d2a" providerId="ADAL" clId="{68E68552-334A-49D4-906D-42EB7454986A}" dt="2023-10-19T14:56:58.594" v="9527" actId="1036"/>
          <ac:grpSpMkLst>
            <pc:docMk/>
            <pc:sldMk cId="2770855441" sldId="2147476486"/>
            <ac:grpSpMk id="57" creationId="{40390541-768A-CAB1-7CCA-33563AF55408}"/>
          </ac:grpSpMkLst>
        </pc:grpChg>
        <pc:graphicFrameChg chg="del mod">
          <ac:chgData name="Sara Mastrorosa" userId="d159c406-3740-4568-9f4d-6092b2495d2a" providerId="ADAL" clId="{68E68552-334A-49D4-906D-42EB7454986A}" dt="2023-10-19T08:01:23.222" v="9074" actId="478"/>
          <ac:graphicFrameMkLst>
            <pc:docMk/>
            <pc:sldMk cId="2770855441" sldId="2147476486"/>
            <ac:graphicFrameMk id="15" creationId="{1571F05D-0AD3-4173-63E5-16E84570204E}"/>
          </ac:graphicFrameMkLst>
        </pc:graphicFrameChg>
        <pc:graphicFrameChg chg="add mod">
          <ac:chgData name="Sara Mastrorosa" userId="d159c406-3740-4568-9f4d-6092b2495d2a" providerId="ADAL" clId="{68E68552-334A-49D4-906D-42EB7454986A}" dt="2023-10-19T08:01:41.687" v="9079" actId="1076"/>
          <ac:graphicFrameMkLst>
            <pc:docMk/>
            <pc:sldMk cId="2770855441" sldId="2147476486"/>
            <ac:graphicFrameMk id="32" creationId="{955542F1-8A45-6A0F-1AFF-A3EE619A3F29}"/>
          </ac:graphicFrameMkLst>
        </pc:graphicFrameChg>
        <pc:cxnChg chg="add del mod">
          <ac:chgData name="Sara Mastrorosa" userId="d159c406-3740-4568-9f4d-6092b2495d2a" providerId="ADAL" clId="{68E68552-334A-49D4-906D-42EB7454986A}" dt="2023-10-19T14:56:35.282" v="9523" actId="478"/>
          <ac:cxnSpMkLst>
            <pc:docMk/>
            <pc:sldMk cId="2770855441" sldId="2147476486"/>
            <ac:cxnSpMk id="2" creationId="{458A3874-01B3-A239-B855-913C9402B43C}"/>
          </ac:cxnSpMkLst>
        </pc:cxnChg>
        <pc:cxnChg chg="mod">
          <ac:chgData name="Sara Mastrorosa" userId="d159c406-3740-4568-9f4d-6092b2495d2a" providerId="ADAL" clId="{68E68552-334A-49D4-906D-42EB7454986A}" dt="2023-10-19T08:00:48.449" v="9064" actId="1035"/>
          <ac:cxnSpMkLst>
            <pc:docMk/>
            <pc:sldMk cId="2770855441" sldId="2147476486"/>
            <ac:cxnSpMk id="8" creationId="{FD06EE64-542C-4595-5D8C-46C8CA6C79CD}"/>
          </ac:cxnSpMkLst>
        </pc:cxnChg>
        <pc:cxnChg chg="mod">
          <ac:chgData name="Sara Mastrorosa" userId="d159c406-3740-4568-9f4d-6092b2495d2a" providerId="ADAL" clId="{68E68552-334A-49D4-906D-42EB7454986A}" dt="2023-10-19T08:00:48.449" v="9064" actId="1035"/>
          <ac:cxnSpMkLst>
            <pc:docMk/>
            <pc:sldMk cId="2770855441" sldId="2147476486"/>
            <ac:cxnSpMk id="9" creationId="{9FB3E960-AC9B-B2AC-FBC3-30887E0EE33F}"/>
          </ac:cxnSpMkLst>
        </pc:cxnChg>
        <pc:cxnChg chg="add mod">
          <ac:chgData name="Sara Mastrorosa" userId="d159c406-3740-4568-9f4d-6092b2495d2a" providerId="ADAL" clId="{68E68552-334A-49D4-906D-42EB7454986A}" dt="2023-10-19T08:00:48.449" v="9064" actId="1035"/>
          <ac:cxnSpMkLst>
            <pc:docMk/>
            <pc:sldMk cId="2770855441" sldId="2147476486"/>
            <ac:cxnSpMk id="11" creationId="{64BEEC51-0A37-4D31-7EA1-D5861047CB0E}"/>
          </ac:cxnSpMkLst>
        </pc:cxnChg>
        <pc:cxnChg chg="del mod">
          <ac:chgData name="Sara Mastrorosa" userId="d159c406-3740-4568-9f4d-6092b2495d2a" providerId="ADAL" clId="{68E68552-334A-49D4-906D-42EB7454986A}" dt="2023-10-16T08:05:40.271" v="677" actId="478"/>
          <ac:cxnSpMkLst>
            <pc:docMk/>
            <pc:sldMk cId="2770855441" sldId="2147476486"/>
            <ac:cxnSpMk id="12" creationId="{2620FEBE-DEDA-A4A1-D02E-47B9158619B5}"/>
          </ac:cxnSpMkLst>
        </pc:cxnChg>
        <pc:cxnChg chg="mod">
          <ac:chgData name="Sara Mastrorosa" userId="d159c406-3740-4568-9f4d-6092b2495d2a" providerId="ADAL" clId="{68E68552-334A-49D4-906D-42EB7454986A}" dt="2023-10-19T08:00:48.449" v="9064" actId="1035"/>
          <ac:cxnSpMkLst>
            <pc:docMk/>
            <pc:sldMk cId="2770855441" sldId="2147476486"/>
            <ac:cxnSpMk id="13" creationId="{2DF5734E-D2AC-2934-A245-BEC366DACF68}"/>
          </ac:cxnSpMkLst>
        </pc:cxnChg>
        <pc:cxnChg chg="mod">
          <ac:chgData name="Sara Mastrorosa" userId="d159c406-3740-4568-9f4d-6092b2495d2a" providerId="ADAL" clId="{68E68552-334A-49D4-906D-42EB7454986A}" dt="2023-10-16T07:34:14.754" v="132" actId="1582"/>
          <ac:cxnSpMkLst>
            <pc:docMk/>
            <pc:sldMk cId="2770855441" sldId="2147476486"/>
            <ac:cxnSpMk id="17" creationId="{C30E34AA-5AF0-2D62-78C7-29C171332BD6}"/>
          </ac:cxnSpMkLst>
        </pc:cxnChg>
        <pc:cxnChg chg="mod">
          <ac:chgData name="Sara Mastrorosa" userId="d159c406-3740-4568-9f4d-6092b2495d2a" providerId="ADAL" clId="{68E68552-334A-49D4-906D-42EB7454986A}" dt="2023-10-19T08:00:48.449" v="9064" actId="1035"/>
          <ac:cxnSpMkLst>
            <pc:docMk/>
            <pc:sldMk cId="2770855441" sldId="2147476486"/>
            <ac:cxnSpMk id="23" creationId="{92B096B8-BC25-A78D-3315-4A7F4A677F1F}"/>
          </ac:cxnSpMkLst>
        </pc:cxnChg>
        <pc:cxnChg chg="add mod ord">
          <ac:chgData name="Sara Mastrorosa" userId="d159c406-3740-4568-9f4d-6092b2495d2a" providerId="ADAL" clId="{68E68552-334A-49D4-906D-42EB7454986A}" dt="2023-10-19T08:01:51.676" v="9082" actId="1076"/>
          <ac:cxnSpMkLst>
            <pc:docMk/>
            <pc:sldMk cId="2770855441" sldId="2147476486"/>
            <ac:cxnSpMk id="27" creationId="{106EE5A7-B542-F3D8-E741-E526EC4228E8}"/>
          </ac:cxnSpMkLst>
        </pc:cxnChg>
        <pc:cxnChg chg="add mod">
          <ac:chgData name="Sara Mastrorosa" userId="d159c406-3740-4568-9f4d-6092b2495d2a" providerId="ADAL" clId="{68E68552-334A-49D4-906D-42EB7454986A}" dt="2023-10-19T08:00:54.834" v="9066"/>
          <ac:cxnSpMkLst>
            <pc:docMk/>
            <pc:sldMk cId="2770855441" sldId="2147476486"/>
            <ac:cxnSpMk id="28" creationId="{9DE344FF-DA66-152B-D2F6-454F3C4C94F5}"/>
          </ac:cxnSpMkLst>
        </pc:cxnChg>
        <pc:cxnChg chg="mod">
          <ac:chgData name="Sara Mastrorosa" userId="d159c406-3740-4568-9f4d-6092b2495d2a" providerId="ADAL" clId="{68E68552-334A-49D4-906D-42EB7454986A}" dt="2023-10-19T08:00:48.449" v="9064" actId="1035"/>
          <ac:cxnSpMkLst>
            <pc:docMk/>
            <pc:sldMk cId="2770855441" sldId="2147476486"/>
            <ac:cxnSpMk id="29" creationId="{69D179A1-8133-4985-72A4-F4C4433618B2}"/>
          </ac:cxnSpMkLst>
        </pc:cxnChg>
        <pc:cxnChg chg="mod">
          <ac:chgData name="Sara Mastrorosa" userId="d159c406-3740-4568-9f4d-6092b2495d2a" providerId="ADAL" clId="{68E68552-334A-49D4-906D-42EB7454986A}" dt="2023-10-16T07:34:14.754" v="132" actId="1582"/>
          <ac:cxnSpMkLst>
            <pc:docMk/>
            <pc:sldMk cId="2770855441" sldId="2147476486"/>
            <ac:cxnSpMk id="34" creationId="{08B4BB23-E120-D14C-9A68-B014C7089611}"/>
          </ac:cxnSpMkLst>
        </pc:cxnChg>
        <pc:cxnChg chg="del mod ord">
          <ac:chgData name="Sara Mastrorosa" userId="d159c406-3740-4568-9f4d-6092b2495d2a" providerId="ADAL" clId="{68E68552-334A-49D4-906D-42EB7454986A}" dt="2023-10-19T08:00:54.464" v="9065" actId="478"/>
          <ac:cxnSpMkLst>
            <pc:docMk/>
            <pc:sldMk cId="2770855441" sldId="2147476486"/>
            <ac:cxnSpMk id="35" creationId="{6DA4F8F9-EAFC-DA02-1EAC-A1777C1A0701}"/>
          </ac:cxnSpMkLst>
        </pc:cxnChg>
        <pc:cxnChg chg="mod">
          <ac:chgData name="Sara Mastrorosa" userId="d159c406-3740-4568-9f4d-6092b2495d2a" providerId="ADAL" clId="{68E68552-334A-49D4-906D-42EB7454986A}" dt="2023-10-16T07:34:14.754" v="132" actId="1582"/>
          <ac:cxnSpMkLst>
            <pc:docMk/>
            <pc:sldMk cId="2770855441" sldId="2147476486"/>
            <ac:cxnSpMk id="36" creationId="{3AF6B2BC-BC15-4EDF-3E9D-9D9611475F8E}"/>
          </ac:cxnSpMkLst>
        </pc:cxnChg>
        <pc:cxnChg chg="mod">
          <ac:chgData name="Sara Mastrorosa" userId="d159c406-3740-4568-9f4d-6092b2495d2a" providerId="ADAL" clId="{68E68552-334A-49D4-906D-42EB7454986A}" dt="2023-10-16T07:34:14.754" v="132" actId="1582"/>
          <ac:cxnSpMkLst>
            <pc:docMk/>
            <pc:sldMk cId="2770855441" sldId="2147476486"/>
            <ac:cxnSpMk id="37" creationId="{61057A97-F980-9409-FB48-BC38FEBA0F8A}"/>
          </ac:cxnSpMkLst>
        </pc:cxnChg>
        <pc:cxnChg chg="mod">
          <ac:chgData name="Sara Mastrorosa" userId="d159c406-3740-4568-9f4d-6092b2495d2a" providerId="ADAL" clId="{68E68552-334A-49D4-906D-42EB7454986A}" dt="2023-10-16T07:34:14.754" v="132" actId="1582"/>
          <ac:cxnSpMkLst>
            <pc:docMk/>
            <pc:sldMk cId="2770855441" sldId="2147476486"/>
            <ac:cxnSpMk id="41" creationId="{BCB0B951-CE05-E286-72AE-B38DD180BA6C}"/>
          </ac:cxnSpMkLst>
        </pc:cxnChg>
        <pc:cxnChg chg="del mod">
          <ac:chgData name="Sara Mastrorosa" userId="d159c406-3740-4568-9f4d-6092b2495d2a" providerId="ADAL" clId="{68E68552-334A-49D4-906D-42EB7454986A}" dt="2023-10-19T08:00:24.651" v="9046" actId="478"/>
          <ac:cxnSpMkLst>
            <pc:docMk/>
            <pc:sldMk cId="2770855441" sldId="2147476486"/>
            <ac:cxnSpMk id="54" creationId="{5E50B6C3-6885-AA9B-6668-7018E48D7581}"/>
          </ac:cxnSpMkLst>
        </pc:cxnChg>
        <pc:cxnChg chg="add mod">
          <ac:chgData name="Sara Mastrorosa" userId="d159c406-3740-4568-9f4d-6092b2495d2a" providerId="ADAL" clId="{68E68552-334A-49D4-906D-42EB7454986A}" dt="2023-10-19T14:56:58.594" v="9527" actId="1036"/>
          <ac:cxnSpMkLst>
            <pc:docMk/>
            <pc:sldMk cId="2770855441" sldId="2147476486"/>
            <ac:cxnSpMk id="56" creationId="{7B3B3A59-D928-B887-13A9-631438A05D6B}"/>
          </ac:cxnSpMkLst>
        </pc:cxnChg>
        <pc:cxnChg chg="mod">
          <ac:chgData name="Sara Mastrorosa" userId="d159c406-3740-4568-9f4d-6092b2495d2a" providerId="ADAL" clId="{68E68552-334A-49D4-906D-42EB7454986A}" dt="2023-10-16T07:34:14.754" v="132" actId="1582"/>
          <ac:cxnSpMkLst>
            <pc:docMk/>
            <pc:sldMk cId="2770855441" sldId="2147476486"/>
            <ac:cxnSpMk id="58" creationId="{8243ADA0-EB45-A2DD-59B5-C9831B774602}"/>
          </ac:cxnSpMkLst>
        </pc:cxnChg>
        <pc:cxnChg chg="mod">
          <ac:chgData name="Sara Mastrorosa" userId="d159c406-3740-4568-9f4d-6092b2495d2a" providerId="ADAL" clId="{68E68552-334A-49D4-906D-42EB7454986A}" dt="2023-10-16T07:34:14.754" v="132" actId="1582"/>
          <ac:cxnSpMkLst>
            <pc:docMk/>
            <pc:sldMk cId="2770855441" sldId="2147476486"/>
            <ac:cxnSpMk id="62" creationId="{28FE4CD1-CAA5-5E44-07FB-EEFD74E759B4}"/>
          </ac:cxnSpMkLst>
        </pc:cxnChg>
        <pc:cxnChg chg="mod">
          <ac:chgData name="Sara Mastrorosa" userId="d159c406-3740-4568-9f4d-6092b2495d2a" providerId="ADAL" clId="{68E68552-334A-49D4-906D-42EB7454986A}" dt="2023-10-16T07:34:14.754" v="132" actId="1582"/>
          <ac:cxnSpMkLst>
            <pc:docMk/>
            <pc:sldMk cId="2770855441" sldId="2147476486"/>
            <ac:cxnSpMk id="66" creationId="{A8E71EB7-F277-8E77-91E2-7E6586AA5EB9}"/>
          </ac:cxnSpMkLst>
        </pc:cxnChg>
        <pc:cxnChg chg="mod">
          <ac:chgData name="Sara Mastrorosa" userId="d159c406-3740-4568-9f4d-6092b2495d2a" providerId="ADAL" clId="{68E68552-334A-49D4-906D-42EB7454986A}" dt="2023-10-16T07:34:14.754" v="132" actId="1582"/>
          <ac:cxnSpMkLst>
            <pc:docMk/>
            <pc:sldMk cId="2770855441" sldId="2147476486"/>
            <ac:cxnSpMk id="70" creationId="{6F77D668-FDA6-91C1-63A8-53DA4DB2F2BB}"/>
          </ac:cxnSpMkLst>
        </pc:cxnChg>
      </pc:sldChg>
      <pc:sldChg chg="modSp del mod">
        <pc:chgData name="Sara Mastrorosa" userId="d159c406-3740-4568-9f4d-6092b2495d2a" providerId="ADAL" clId="{68E68552-334A-49D4-906D-42EB7454986A}" dt="2023-10-16T07:46:36.651" v="220" actId="47"/>
        <pc:sldMkLst>
          <pc:docMk/>
          <pc:sldMk cId="784650668" sldId="2147476487"/>
        </pc:sldMkLst>
        <pc:cxnChg chg="mod">
          <ac:chgData name="Sara Mastrorosa" userId="d159c406-3740-4568-9f4d-6092b2495d2a" providerId="ADAL" clId="{68E68552-334A-49D4-906D-42EB7454986A}" dt="2023-10-16T07:45:33.127" v="215" actId="14100"/>
          <ac:cxnSpMkLst>
            <pc:docMk/>
            <pc:sldMk cId="784650668" sldId="2147476487"/>
            <ac:cxnSpMk id="23" creationId="{68B34A58-39CC-819E-3E1D-FF270B69F75D}"/>
          </ac:cxnSpMkLst>
        </pc:cxnChg>
        <pc:cxnChg chg="mod">
          <ac:chgData name="Sara Mastrorosa" userId="d159c406-3740-4568-9f4d-6092b2495d2a" providerId="ADAL" clId="{68E68552-334A-49D4-906D-42EB7454986A}" dt="2023-10-16T07:45:41.526" v="216" actId="14100"/>
          <ac:cxnSpMkLst>
            <pc:docMk/>
            <pc:sldMk cId="784650668" sldId="2147476487"/>
            <ac:cxnSpMk id="25" creationId="{18AAD116-3101-5937-8BDB-AC511F7DA433}"/>
          </ac:cxnSpMkLst>
        </pc:cxnChg>
      </pc:sldChg>
      <pc:sldChg chg="addSp modSp add mod ord modShow">
        <pc:chgData name="Sara Mastrorosa" userId="d159c406-3740-4568-9f4d-6092b2495d2a" providerId="ADAL" clId="{68E68552-334A-49D4-906D-42EB7454986A}" dt="2023-10-16T07:49:39.955" v="473" actId="729"/>
        <pc:sldMkLst>
          <pc:docMk/>
          <pc:sldMk cId="1481276143" sldId="2147476488"/>
        </pc:sldMkLst>
        <pc:spChg chg="mod">
          <ac:chgData name="Sara Mastrorosa" userId="d159c406-3740-4568-9f4d-6092b2495d2a" providerId="ADAL" clId="{68E68552-334A-49D4-906D-42EB7454986A}" dt="2023-10-16T07:43:26.174" v="179" actId="11530"/>
          <ac:spMkLst>
            <pc:docMk/>
            <pc:sldMk cId="1481276143" sldId="2147476488"/>
            <ac:spMk id="29" creationId="{806BBFA7-B73B-88B0-84E9-BF9573CD6853}"/>
          </ac:spMkLst>
        </pc:spChg>
        <pc:spChg chg="add mod">
          <ac:chgData name="Sara Mastrorosa" userId="d159c406-3740-4568-9f4d-6092b2495d2a" providerId="ADAL" clId="{68E68552-334A-49D4-906D-42EB7454986A}" dt="2023-10-16T07:42:49.522" v="176" actId="1037"/>
          <ac:spMkLst>
            <pc:docMk/>
            <pc:sldMk cId="1481276143" sldId="2147476488"/>
            <ac:spMk id="30" creationId="{FAB2AC08-6B3B-8C59-216D-2ADCC7618285}"/>
          </ac:spMkLst>
        </pc:spChg>
        <pc:spChg chg="add mod">
          <ac:chgData name="Sara Mastrorosa" userId="d159c406-3740-4568-9f4d-6092b2495d2a" providerId="ADAL" clId="{68E68552-334A-49D4-906D-42EB7454986A}" dt="2023-10-16T07:43:51.151" v="195" actId="1037"/>
          <ac:spMkLst>
            <pc:docMk/>
            <pc:sldMk cId="1481276143" sldId="2147476488"/>
            <ac:spMk id="31" creationId="{5B3BED14-742C-A3CD-B19D-B96B466864CA}"/>
          </ac:spMkLst>
        </pc:spChg>
        <pc:spChg chg="mod">
          <ac:chgData name="Sara Mastrorosa" userId="d159c406-3740-4568-9f4d-6092b2495d2a" providerId="ADAL" clId="{68E68552-334A-49D4-906D-42EB7454986A}" dt="2023-10-16T07:42:31.722" v="166" actId="1076"/>
          <ac:spMkLst>
            <pc:docMk/>
            <pc:sldMk cId="1481276143" sldId="2147476488"/>
            <ac:spMk id="34" creationId="{221740A9-E875-8230-19B5-89531DB65B44}"/>
          </ac:spMkLst>
        </pc:spChg>
        <pc:picChg chg="add mod ord">
          <ac:chgData name="Sara Mastrorosa" userId="d159c406-3740-4568-9f4d-6092b2495d2a" providerId="ADAL" clId="{68E68552-334A-49D4-906D-42EB7454986A}" dt="2023-10-16T07:44:54.032" v="209" actId="1038"/>
          <ac:picMkLst>
            <pc:docMk/>
            <pc:sldMk cId="1481276143" sldId="2147476488"/>
            <ac:picMk id="24" creationId="{0FB56235-8760-2473-C40F-8D4403723936}"/>
          </ac:picMkLst>
        </pc:picChg>
        <pc:picChg chg="add mod ord">
          <ac:chgData name="Sara Mastrorosa" userId="d159c406-3740-4568-9f4d-6092b2495d2a" providerId="ADAL" clId="{68E68552-334A-49D4-906D-42EB7454986A}" dt="2023-10-16T07:44:57.231" v="212" actId="1036"/>
          <ac:picMkLst>
            <pc:docMk/>
            <pc:sldMk cId="1481276143" sldId="2147476488"/>
            <ac:picMk id="28" creationId="{67537141-29B3-BA6B-18EB-1398B9A37674}"/>
          </ac:picMkLst>
        </pc:picChg>
        <pc:cxnChg chg="mod">
          <ac:chgData name="Sara Mastrorosa" userId="d159c406-3740-4568-9f4d-6092b2495d2a" providerId="ADAL" clId="{68E68552-334A-49D4-906D-42EB7454986A}" dt="2023-10-16T07:46:13.865" v="219" actId="14100"/>
          <ac:cxnSpMkLst>
            <pc:docMk/>
            <pc:sldMk cId="1481276143" sldId="2147476488"/>
            <ac:cxnSpMk id="23" creationId="{68B34A58-39CC-819E-3E1D-FF270B69F75D}"/>
          </ac:cxnSpMkLst>
        </pc:cxnChg>
        <pc:cxnChg chg="mod">
          <ac:chgData name="Sara Mastrorosa" userId="d159c406-3740-4568-9f4d-6092b2495d2a" providerId="ADAL" clId="{68E68552-334A-49D4-906D-42EB7454986A}" dt="2023-10-16T07:46:05.706" v="218" actId="14100"/>
          <ac:cxnSpMkLst>
            <pc:docMk/>
            <pc:sldMk cId="1481276143" sldId="2147476488"/>
            <ac:cxnSpMk id="25" creationId="{18AAD116-3101-5937-8BDB-AC511F7DA433}"/>
          </ac:cxnSpMkLst>
        </pc:cxnChg>
      </pc:sldChg>
      <pc:sldChg chg="addSp delSp modSp add mod">
        <pc:chgData name="Sara Mastrorosa" userId="d159c406-3740-4568-9f4d-6092b2495d2a" providerId="ADAL" clId="{68E68552-334A-49D4-906D-42EB7454986A}" dt="2023-10-16T12:05:54.624" v="2169" actId="1035"/>
        <pc:sldMkLst>
          <pc:docMk/>
          <pc:sldMk cId="419598757" sldId="2147476489"/>
        </pc:sldMkLst>
        <pc:spChg chg="mod">
          <ac:chgData name="Sara Mastrorosa" userId="d159c406-3740-4568-9f4d-6092b2495d2a" providerId="ADAL" clId="{68E68552-334A-49D4-906D-42EB7454986A}" dt="2023-10-16T10:39:02.035" v="1422" actId="404"/>
          <ac:spMkLst>
            <pc:docMk/>
            <pc:sldMk cId="419598757" sldId="2147476489"/>
            <ac:spMk id="3" creationId="{EE7D3073-5DFD-90AB-C028-1ED40019F5E9}"/>
          </ac:spMkLst>
        </pc:spChg>
        <pc:spChg chg="mod">
          <ac:chgData name="Sara Mastrorosa" userId="d159c406-3740-4568-9f4d-6092b2495d2a" providerId="ADAL" clId="{68E68552-334A-49D4-906D-42EB7454986A}" dt="2023-10-16T09:56:27.087" v="1058" actId="1076"/>
          <ac:spMkLst>
            <pc:docMk/>
            <pc:sldMk cId="419598757" sldId="2147476489"/>
            <ac:spMk id="5" creationId="{08F2B45B-2BC1-44B2-4465-F8FD2B97328F}"/>
          </ac:spMkLst>
        </pc:spChg>
        <pc:spChg chg="mod">
          <ac:chgData name="Sara Mastrorosa" userId="d159c406-3740-4568-9f4d-6092b2495d2a" providerId="ADAL" clId="{68E68552-334A-49D4-906D-42EB7454986A}" dt="2023-10-16T10:39:02.035" v="1422" actId="404"/>
          <ac:spMkLst>
            <pc:docMk/>
            <pc:sldMk cId="419598757" sldId="2147476489"/>
            <ac:spMk id="6" creationId="{FFABCD6A-1374-138C-3981-9023D4416A58}"/>
          </ac:spMkLst>
        </pc:spChg>
        <pc:spChg chg="mod">
          <ac:chgData name="Sara Mastrorosa" userId="d159c406-3740-4568-9f4d-6092b2495d2a" providerId="ADAL" clId="{68E68552-334A-49D4-906D-42EB7454986A}" dt="2023-10-16T10:39:02.035" v="1422" actId="404"/>
          <ac:spMkLst>
            <pc:docMk/>
            <pc:sldMk cId="419598757" sldId="2147476489"/>
            <ac:spMk id="7" creationId="{1796BDA9-9F87-58FE-659A-F42F2C1C586A}"/>
          </ac:spMkLst>
        </pc:spChg>
        <pc:spChg chg="mod">
          <ac:chgData name="Sara Mastrorosa" userId="d159c406-3740-4568-9f4d-6092b2495d2a" providerId="ADAL" clId="{68E68552-334A-49D4-906D-42EB7454986A}" dt="2023-10-16T10:39:02.035" v="1422" actId="404"/>
          <ac:spMkLst>
            <pc:docMk/>
            <pc:sldMk cId="419598757" sldId="2147476489"/>
            <ac:spMk id="8" creationId="{804D4AA4-B730-E2CA-B27A-024E8D8AA900}"/>
          </ac:spMkLst>
        </pc:spChg>
        <pc:spChg chg="mod">
          <ac:chgData name="Sara Mastrorosa" userId="d159c406-3740-4568-9f4d-6092b2495d2a" providerId="ADAL" clId="{68E68552-334A-49D4-906D-42EB7454986A}" dt="2023-10-16T10:39:02.035" v="1422" actId="404"/>
          <ac:spMkLst>
            <pc:docMk/>
            <pc:sldMk cId="419598757" sldId="2147476489"/>
            <ac:spMk id="9" creationId="{87227CF3-CECD-7D93-09A1-6EBA7F2DB013}"/>
          </ac:spMkLst>
        </pc:spChg>
        <pc:spChg chg="mod">
          <ac:chgData name="Sara Mastrorosa" userId="d159c406-3740-4568-9f4d-6092b2495d2a" providerId="ADAL" clId="{68E68552-334A-49D4-906D-42EB7454986A}" dt="2023-10-16T10:39:02.035" v="1422" actId="404"/>
          <ac:spMkLst>
            <pc:docMk/>
            <pc:sldMk cId="419598757" sldId="2147476489"/>
            <ac:spMk id="10" creationId="{5C7E8D35-F857-DC93-98D1-E35DA87032D3}"/>
          </ac:spMkLst>
        </pc:spChg>
        <pc:spChg chg="mod">
          <ac:chgData name="Sara Mastrorosa" userId="d159c406-3740-4568-9f4d-6092b2495d2a" providerId="ADAL" clId="{68E68552-334A-49D4-906D-42EB7454986A}" dt="2023-10-16T10:39:02.035" v="1422" actId="404"/>
          <ac:spMkLst>
            <pc:docMk/>
            <pc:sldMk cId="419598757" sldId="2147476489"/>
            <ac:spMk id="12" creationId="{258FAEE9-7314-BD6D-EDF6-A13174654F50}"/>
          </ac:spMkLst>
        </pc:spChg>
        <pc:spChg chg="mod ord">
          <ac:chgData name="Sara Mastrorosa" userId="d159c406-3740-4568-9f4d-6092b2495d2a" providerId="ADAL" clId="{68E68552-334A-49D4-906D-42EB7454986A}" dt="2023-10-16T12:05:54.624" v="2169" actId="1035"/>
          <ac:spMkLst>
            <pc:docMk/>
            <pc:sldMk cId="419598757" sldId="2147476489"/>
            <ac:spMk id="14" creationId="{7A173AC2-A7D8-9778-3B02-FE7511CD49F9}"/>
          </ac:spMkLst>
        </pc:spChg>
        <pc:spChg chg="del">
          <ac:chgData name="Sara Mastrorosa" userId="d159c406-3740-4568-9f4d-6092b2495d2a" providerId="ADAL" clId="{68E68552-334A-49D4-906D-42EB7454986A}" dt="2023-10-16T09:56:28.516" v="1059" actId="478"/>
          <ac:spMkLst>
            <pc:docMk/>
            <pc:sldMk cId="419598757" sldId="2147476489"/>
            <ac:spMk id="15" creationId="{29E1D593-F1B3-32E0-A9CA-F8F3C2AD30C7}"/>
          </ac:spMkLst>
        </pc:spChg>
        <pc:spChg chg="mod">
          <ac:chgData name="Sara Mastrorosa" userId="d159c406-3740-4568-9f4d-6092b2495d2a" providerId="ADAL" clId="{68E68552-334A-49D4-906D-42EB7454986A}" dt="2023-10-16T10:39:02.035" v="1422" actId="404"/>
          <ac:spMkLst>
            <pc:docMk/>
            <pc:sldMk cId="419598757" sldId="2147476489"/>
            <ac:spMk id="17" creationId="{969DFB51-5133-0A84-73B4-DD4CAF6315D5}"/>
          </ac:spMkLst>
        </pc:spChg>
        <pc:spChg chg="mod">
          <ac:chgData name="Sara Mastrorosa" userId="d159c406-3740-4568-9f4d-6092b2495d2a" providerId="ADAL" clId="{68E68552-334A-49D4-906D-42EB7454986A}" dt="2023-10-16T10:39:02.035" v="1422" actId="404"/>
          <ac:spMkLst>
            <pc:docMk/>
            <pc:sldMk cId="419598757" sldId="2147476489"/>
            <ac:spMk id="18" creationId="{1E306067-D0A0-56F3-F009-9A8A91DC8CAD}"/>
          </ac:spMkLst>
        </pc:spChg>
        <pc:spChg chg="mod">
          <ac:chgData name="Sara Mastrorosa" userId="d159c406-3740-4568-9f4d-6092b2495d2a" providerId="ADAL" clId="{68E68552-334A-49D4-906D-42EB7454986A}" dt="2023-10-16T10:39:02.035" v="1422" actId="404"/>
          <ac:spMkLst>
            <pc:docMk/>
            <pc:sldMk cId="419598757" sldId="2147476489"/>
            <ac:spMk id="19" creationId="{60E86AD5-C36C-4314-3EC9-8737EF7DF066}"/>
          </ac:spMkLst>
        </pc:spChg>
        <pc:spChg chg="mod">
          <ac:chgData name="Sara Mastrorosa" userId="d159c406-3740-4568-9f4d-6092b2495d2a" providerId="ADAL" clId="{68E68552-334A-49D4-906D-42EB7454986A}" dt="2023-10-16T10:39:02.035" v="1422" actId="404"/>
          <ac:spMkLst>
            <pc:docMk/>
            <pc:sldMk cId="419598757" sldId="2147476489"/>
            <ac:spMk id="20" creationId="{14C8A7E7-43F6-E14B-20E6-DBEB809E4BC8}"/>
          </ac:spMkLst>
        </pc:spChg>
        <pc:spChg chg="mod">
          <ac:chgData name="Sara Mastrorosa" userId="d159c406-3740-4568-9f4d-6092b2495d2a" providerId="ADAL" clId="{68E68552-334A-49D4-906D-42EB7454986A}" dt="2023-10-16T10:39:02.035" v="1422" actId="404"/>
          <ac:spMkLst>
            <pc:docMk/>
            <pc:sldMk cId="419598757" sldId="2147476489"/>
            <ac:spMk id="21" creationId="{B46ED968-168C-9A86-5030-D97F5FBEBE98}"/>
          </ac:spMkLst>
        </pc:spChg>
        <pc:spChg chg="add mod">
          <ac:chgData name="Sara Mastrorosa" userId="d159c406-3740-4568-9f4d-6092b2495d2a" providerId="ADAL" clId="{68E68552-334A-49D4-906D-42EB7454986A}" dt="2023-10-16T09:54:41.213" v="982"/>
          <ac:spMkLst>
            <pc:docMk/>
            <pc:sldMk cId="419598757" sldId="2147476489"/>
            <ac:spMk id="27" creationId="{83108EE3-E356-F6DB-575D-1F375F981C50}"/>
          </ac:spMkLst>
        </pc:spChg>
        <pc:spChg chg="del mod">
          <ac:chgData name="Sara Mastrorosa" userId="d159c406-3740-4568-9f4d-6092b2495d2a" providerId="ADAL" clId="{68E68552-334A-49D4-906D-42EB7454986A}" dt="2023-10-16T07:47:09.336" v="322" actId="478"/>
          <ac:spMkLst>
            <pc:docMk/>
            <pc:sldMk cId="419598757" sldId="2147476489"/>
            <ac:spMk id="29" creationId="{806BBFA7-B73B-88B0-84E9-BF9573CD6853}"/>
          </ac:spMkLst>
        </pc:spChg>
        <pc:spChg chg="del mod">
          <ac:chgData name="Sara Mastrorosa" userId="d159c406-3740-4568-9f4d-6092b2495d2a" providerId="ADAL" clId="{68E68552-334A-49D4-906D-42EB7454986A}" dt="2023-10-16T07:47:09.336" v="322" actId="478"/>
          <ac:spMkLst>
            <pc:docMk/>
            <pc:sldMk cId="419598757" sldId="2147476489"/>
            <ac:spMk id="30" creationId="{FAB2AC08-6B3B-8C59-216D-2ADCC7618285}"/>
          </ac:spMkLst>
        </pc:spChg>
        <pc:spChg chg="del mod">
          <ac:chgData name="Sara Mastrorosa" userId="d159c406-3740-4568-9f4d-6092b2495d2a" providerId="ADAL" clId="{68E68552-334A-49D4-906D-42EB7454986A}" dt="2023-10-16T07:47:09.336" v="322" actId="478"/>
          <ac:spMkLst>
            <pc:docMk/>
            <pc:sldMk cId="419598757" sldId="2147476489"/>
            <ac:spMk id="31" creationId="{5B3BED14-742C-A3CD-B19D-B96B466864CA}"/>
          </ac:spMkLst>
        </pc:spChg>
        <pc:spChg chg="del mod">
          <ac:chgData name="Sara Mastrorosa" userId="d159c406-3740-4568-9f4d-6092b2495d2a" providerId="ADAL" clId="{68E68552-334A-49D4-906D-42EB7454986A}" dt="2023-10-16T07:47:09.336" v="322" actId="478"/>
          <ac:spMkLst>
            <pc:docMk/>
            <pc:sldMk cId="419598757" sldId="2147476489"/>
            <ac:spMk id="34" creationId="{221740A9-E875-8230-19B5-89531DB65B44}"/>
          </ac:spMkLst>
        </pc:spChg>
        <pc:spChg chg="add mod">
          <ac:chgData name="Sara Mastrorosa" userId="d159c406-3740-4568-9f4d-6092b2495d2a" providerId="ADAL" clId="{68E68552-334A-49D4-906D-42EB7454986A}" dt="2023-10-16T10:46:05.233" v="1688" actId="20577"/>
          <ac:spMkLst>
            <pc:docMk/>
            <pc:sldMk cId="419598757" sldId="2147476489"/>
            <ac:spMk id="38" creationId="{BB79BE12-AAA8-5880-EE3C-011B25971CA1}"/>
          </ac:spMkLst>
        </pc:spChg>
        <pc:spChg chg="mod">
          <ac:chgData name="Sara Mastrorosa" userId="d159c406-3740-4568-9f4d-6092b2495d2a" providerId="ADAL" clId="{68E68552-334A-49D4-906D-42EB7454986A}" dt="2023-10-16T10:39:02.035" v="1422" actId="404"/>
          <ac:spMkLst>
            <pc:docMk/>
            <pc:sldMk cId="419598757" sldId="2147476489"/>
            <ac:spMk id="40" creationId="{30F58BFE-AEB5-A374-EBD8-D2E43C251A0A}"/>
          </ac:spMkLst>
        </pc:spChg>
        <pc:spChg chg="mod">
          <ac:chgData name="Sara Mastrorosa" userId="d159c406-3740-4568-9f4d-6092b2495d2a" providerId="ADAL" clId="{68E68552-334A-49D4-906D-42EB7454986A}" dt="2023-10-16T10:39:02.035" v="1422" actId="404"/>
          <ac:spMkLst>
            <pc:docMk/>
            <pc:sldMk cId="419598757" sldId="2147476489"/>
            <ac:spMk id="41" creationId="{2EDF945F-5745-C2B9-9C6F-1C521C79633E}"/>
          </ac:spMkLst>
        </pc:spChg>
        <pc:spChg chg="mod">
          <ac:chgData name="Sara Mastrorosa" userId="d159c406-3740-4568-9f4d-6092b2495d2a" providerId="ADAL" clId="{68E68552-334A-49D4-906D-42EB7454986A}" dt="2023-10-16T10:39:02.035" v="1422" actId="404"/>
          <ac:spMkLst>
            <pc:docMk/>
            <pc:sldMk cId="419598757" sldId="2147476489"/>
            <ac:spMk id="42" creationId="{F2F04CE0-56D3-4BA9-1B85-6CA1F24EF854}"/>
          </ac:spMkLst>
        </pc:spChg>
        <pc:spChg chg="mod">
          <ac:chgData name="Sara Mastrorosa" userId="d159c406-3740-4568-9f4d-6092b2495d2a" providerId="ADAL" clId="{68E68552-334A-49D4-906D-42EB7454986A}" dt="2023-10-16T10:39:02.035" v="1422" actId="404"/>
          <ac:spMkLst>
            <pc:docMk/>
            <pc:sldMk cId="419598757" sldId="2147476489"/>
            <ac:spMk id="43" creationId="{53F22E50-4D44-31F6-15B5-238DB5AA8586}"/>
          </ac:spMkLst>
        </pc:spChg>
        <pc:spChg chg="add mod">
          <ac:chgData name="Sara Mastrorosa" userId="d159c406-3740-4568-9f4d-6092b2495d2a" providerId="ADAL" clId="{68E68552-334A-49D4-906D-42EB7454986A}" dt="2023-10-16T07:48:35.967" v="424" actId="1035"/>
          <ac:spMkLst>
            <pc:docMk/>
            <pc:sldMk cId="419598757" sldId="2147476489"/>
            <ac:spMk id="44" creationId="{BDBAD41A-128C-624B-69D1-9B7B60EDAF71}"/>
          </ac:spMkLst>
        </pc:spChg>
        <pc:spChg chg="add mod ord">
          <ac:chgData name="Sara Mastrorosa" userId="d159c406-3740-4568-9f4d-6092b2495d2a" providerId="ADAL" clId="{68E68552-334A-49D4-906D-42EB7454986A}" dt="2023-10-16T12:05:54.624" v="2169" actId="1035"/>
          <ac:spMkLst>
            <pc:docMk/>
            <pc:sldMk cId="419598757" sldId="2147476489"/>
            <ac:spMk id="46" creationId="{7DFD31E7-3A23-74AA-4A72-DB16F25F15B8}"/>
          </ac:spMkLst>
        </pc:spChg>
        <pc:spChg chg="mod">
          <ac:chgData name="Sara Mastrorosa" userId="d159c406-3740-4568-9f4d-6092b2495d2a" providerId="ADAL" clId="{68E68552-334A-49D4-906D-42EB7454986A}" dt="2023-10-16T10:39:02.035" v="1422" actId="404"/>
          <ac:spMkLst>
            <pc:docMk/>
            <pc:sldMk cId="419598757" sldId="2147476489"/>
            <ac:spMk id="49" creationId="{070946A4-585E-68F5-EBEF-E7D4BFDCE886}"/>
          </ac:spMkLst>
        </pc:spChg>
        <pc:spChg chg="mod">
          <ac:chgData name="Sara Mastrorosa" userId="d159c406-3740-4568-9f4d-6092b2495d2a" providerId="ADAL" clId="{68E68552-334A-49D4-906D-42EB7454986A}" dt="2023-10-16T10:39:02.035" v="1422" actId="404"/>
          <ac:spMkLst>
            <pc:docMk/>
            <pc:sldMk cId="419598757" sldId="2147476489"/>
            <ac:spMk id="51" creationId="{EC7B8729-BD53-2EA0-C92A-E7910735DD77}"/>
          </ac:spMkLst>
        </pc:spChg>
        <pc:spChg chg="mod">
          <ac:chgData name="Sara Mastrorosa" userId="d159c406-3740-4568-9f4d-6092b2495d2a" providerId="ADAL" clId="{68E68552-334A-49D4-906D-42EB7454986A}" dt="2023-10-16T10:39:02.035" v="1422" actId="404"/>
          <ac:spMkLst>
            <pc:docMk/>
            <pc:sldMk cId="419598757" sldId="2147476489"/>
            <ac:spMk id="64" creationId="{D6F36F33-2C1B-979D-D876-34D7E98229FF}"/>
          </ac:spMkLst>
        </pc:spChg>
        <pc:spChg chg="mod">
          <ac:chgData name="Sara Mastrorosa" userId="d159c406-3740-4568-9f4d-6092b2495d2a" providerId="ADAL" clId="{68E68552-334A-49D4-906D-42EB7454986A}" dt="2023-10-16T10:39:02.035" v="1422" actId="404"/>
          <ac:spMkLst>
            <pc:docMk/>
            <pc:sldMk cId="419598757" sldId="2147476489"/>
            <ac:spMk id="65" creationId="{F59E6535-81CA-1663-4C79-3A0A3E31EA04}"/>
          </ac:spMkLst>
        </pc:spChg>
        <pc:spChg chg="mod">
          <ac:chgData name="Sara Mastrorosa" userId="d159c406-3740-4568-9f4d-6092b2495d2a" providerId="ADAL" clId="{68E68552-334A-49D4-906D-42EB7454986A}" dt="2023-10-16T10:39:02.035" v="1422" actId="404"/>
          <ac:spMkLst>
            <pc:docMk/>
            <pc:sldMk cId="419598757" sldId="2147476489"/>
            <ac:spMk id="66" creationId="{CBD5F577-3540-C98A-9E38-386A377E9190}"/>
          </ac:spMkLst>
        </pc:spChg>
        <pc:spChg chg="mod">
          <ac:chgData name="Sara Mastrorosa" userId="d159c406-3740-4568-9f4d-6092b2495d2a" providerId="ADAL" clId="{68E68552-334A-49D4-906D-42EB7454986A}" dt="2023-10-16T10:39:02.035" v="1422" actId="404"/>
          <ac:spMkLst>
            <pc:docMk/>
            <pc:sldMk cId="419598757" sldId="2147476489"/>
            <ac:spMk id="67" creationId="{4FBA009E-E370-B053-67A5-4AFD4836DBA9}"/>
          </ac:spMkLst>
        </pc:spChg>
        <pc:spChg chg="mod">
          <ac:chgData name="Sara Mastrorosa" userId="d159c406-3740-4568-9f4d-6092b2495d2a" providerId="ADAL" clId="{68E68552-334A-49D4-906D-42EB7454986A}" dt="2023-10-16T10:39:02.035" v="1422" actId="404"/>
          <ac:spMkLst>
            <pc:docMk/>
            <pc:sldMk cId="419598757" sldId="2147476489"/>
            <ac:spMk id="75" creationId="{709994A3-9B97-8BB0-EF6C-4F994953AC53}"/>
          </ac:spMkLst>
        </pc:spChg>
        <pc:spChg chg="mod">
          <ac:chgData name="Sara Mastrorosa" userId="d159c406-3740-4568-9f4d-6092b2495d2a" providerId="ADAL" clId="{68E68552-334A-49D4-906D-42EB7454986A}" dt="2023-10-16T10:39:02.035" v="1422" actId="404"/>
          <ac:spMkLst>
            <pc:docMk/>
            <pc:sldMk cId="419598757" sldId="2147476489"/>
            <ac:spMk id="77" creationId="{6D80B591-96CB-6C24-BD6E-BEA7E770C324}"/>
          </ac:spMkLst>
        </pc:spChg>
        <pc:spChg chg="mod">
          <ac:chgData name="Sara Mastrorosa" userId="d159c406-3740-4568-9f4d-6092b2495d2a" providerId="ADAL" clId="{68E68552-334A-49D4-906D-42EB7454986A}" dt="2023-10-16T10:39:02.035" v="1422" actId="404"/>
          <ac:spMkLst>
            <pc:docMk/>
            <pc:sldMk cId="419598757" sldId="2147476489"/>
            <ac:spMk id="79" creationId="{E98047C3-903E-82AE-9967-53FAC9167A85}"/>
          </ac:spMkLst>
        </pc:spChg>
        <pc:grpChg chg="mod">
          <ac:chgData name="Sara Mastrorosa" userId="d159c406-3740-4568-9f4d-6092b2495d2a" providerId="ADAL" clId="{68E68552-334A-49D4-906D-42EB7454986A}" dt="2023-10-16T10:39:13.781" v="1424" actId="1076"/>
          <ac:grpSpMkLst>
            <pc:docMk/>
            <pc:sldMk cId="419598757" sldId="2147476489"/>
            <ac:grpSpMk id="4" creationId="{5AE7ABDF-7DB8-E0A5-762B-55A3F2A76F2B}"/>
          </ac:grpSpMkLst>
        </pc:grpChg>
        <pc:picChg chg="mod ord">
          <ac:chgData name="Sara Mastrorosa" userId="d159c406-3740-4568-9f4d-6092b2495d2a" providerId="ADAL" clId="{68E68552-334A-49D4-906D-42EB7454986A}" dt="2023-10-16T12:05:54.624" v="2169" actId="1035"/>
          <ac:picMkLst>
            <pc:docMk/>
            <pc:sldMk cId="419598757" sldId="2147476489"/>
            <ac:picMk id="16" creationId="{0F39EFFF-5749-4BC9-8944-FD140B694635}"/>
          </ac:picMkLst>
        </pc:picChg>
        <pc:picChg chg="del mod">
          <ac:chgData name="Sara Mastrorosa" userId="d159c406-3740-4568-9f4d-6092b2495d2a" providerId="ADAL" clId="{68E68552-334A-49D4-906D-42EB7454986A}" dt="2023-10-16T07:47:09.336" v="322" actId="478"/>
          <ac:picMkLst>
            <pc:docMk/>
            <pc:sldMk cId="419598757" sldId="2147476489"/>
            <ac:picMk id="24" creationId="{0FB56235-8760-2473-C40F-8D4403723936}"/>
          </ac:picMkLst>
        </pc:picChg>
        <pc:picChg chg="del mod">
          <ac:chgData name="Sara Mastrorosa" userId="d159c406-3740-4568-9f4d-6092b2495d2a" providerId="ADAL" clId="{68E68552-334A-49D4-906D-42EB7454986A}" dt="2023-10-16T07:47:09.336" v="322" actId="478"/>
          <ac:picMkLst>
            <pc:docMk/>
            <pc:sldMk cId="419598757" sldId="2147476489"/>
            <ac:picMk id="28" creationId="{67537141-29B3-BA6B-18EB-1398B9A37674}"/>
          </ac:picMkLst>
        </pc:picChg>
        <pc:picChg chg="add mod">
          <ac:chgData name="Sara Mastrorosa" userId="d159c406-3740-4568-9f4d-6092b2495d2a" providerId="ADAL" clId="{68E68552-334A-49D4-906D-42EB7454986A}" dt="2023-10-16T07:48:35.967" v="424" actId="1035"/>
          <ac:picMkLst>
            <pc:docMk/>
            <pc:sldMk cId="419598757" sldId="2147476489"/>
            <ac:picMk id="45" creationId="{5A66A07F-6C60-49CF-E8F8-6B371FCEC771}"/>
          </ac:picMkLst>
        </pc:picChg>
        <pc:picChg chg="add del mod">
          <ac:chgData name="Sara Mastrorosa" userId="d159c406-3740-4568-9f4d-6092b2495d2a" providerId="ADAL" clId="{68E68552-334A-49D4-906D-42EB7454986A}" dt="2023-10-16T09:56:22.268" v="1057" actId="478"/>
          <ac:picMkLst>
            <pc:docMk/>
            <pc:sldMk cId="419598757" sldId="2147476489"/>
            <ac:picMk id="47" creationId="{D05CA3CC-1E04-577D-39E0-0D1DF5E68A89}"/>
          </ac:picMkLst>
        </pc:picChg>
        <pc:cxnChg chg="del mod">
          <ac:chgData name="Sara Mastrorosa" userId="d159c406-3740-4568-9f4d-6092b2495d2a" providerId="ADAL" clId="{68E68552-334A-49D4-906D-42EB7454986A}" dt="2023-10-16T07:47:09.336" v="322" actId="478"/>
          <ac:cxnSpMkLst>
            <pc:docMk/>
            <pc:sldMk cId="419598757" sldId="2147476489"/>
            <ac:cxnSpMk id="11" creationId="{A1140694-9329-19BE-6646-44B704858152}"/>
          </ac:cxnSpMkLst>
        </pc:cxnChg>
        <pc:cxnChg chg="add mod">
          <ac:chgData name="Sara Mastrorosa" userId="d159c406-3740-4568-9f4d-6092b2495d2a" providerId="ADAL" clId="{68E68552-334A-49D4-906D-42EB7454986A}" dt="2023-10-16T10:39:54.516" v="1479" actId="14100"/>
          <ac:cxnSpMkLst>
            <pc:docMk/>
            <pc:sldMk cId="419598757" sldId="2147476489"/>
            <ac:cxnSpMk id="22" creationId="{1B82739E-A292-9526-6551-9F38155A43A3}"/>
          </ac:cxnSpMkLst>
        </pc:cxnChg>
        <pc:cxnChg chg="del mod">
          <ac:chgData name="Sara Mastrorosa" userId="d159c406-3740-4568-9f4d-6092b2495d2a" providerId="ADAL" clId="{68E68552-334A-49D4-906D-42EB7454986A}" dt="2023-10-16T07:47:09.336" v="322" actId="478"/>
          <ac:cxnSpMkLst>
            <pc:docMk/>
            <pc:sldMk cId="419598757" sldId="2147476489"/>
            <ac:cxnSpMk id="26" creationId="{7D426C05-5560-970A-3C96-15CFE018549D}"/>
          </ac:cxnSpMkLst>
        </pc:cxnChg>
        <pc:cxnChg chg="add mod">
          <ac:chgData name="Sara Mastrorosa" userId="d159c406-3740-4568-9f4d-6092b2495d2a" providerId="ADAL" clId="{68E68552-334A-49D4-906D-42EB7454986A}" dt="2023-10-16T10:39:34.475" v="1465" actId="1035"/>
          <ac:cxnSpMkLst>
            <pc:docMk/>
            <pc:sldMk cId="419598757" sldId="2147476489"/>
            <ac:cxnSpMk id="32" creationId="{C194E91A-1357-1C50-E257-21A0C6C8055D}"/>
          </ac:cxnSpMkLst>
        </pc:cxnChg>
        <pc:cxnChg chg="mod">
          <ac:chgData name="Sara Mastrorosa" userId="d159c406-3740-4568-9f4d-6092b2495d2a" providerId="ADAL" clId="{68E68552-334A-49D4-906D-42EB7454986A}" dt="2023-10-16T08:59:47.140" v="834" actId="1076"/>
          <ac:cxnSpMkLst>
            <pc:docMk/>
            <pc:sldMk cId="419598757" sldId="2147476489"/>
            <ac:cxnSpMk id="35" creationId="{6DA4F8F9-EAFC-DA02-1EAC-A1777C1A0701}"/>
          </ac:cxnSpMkLst>
        </pc:cxnChg>
        <pc:cxnChg chg="del mod">
          <ac:chgData name="Sara Mastrorosa" userId="d159c406-3740-4568-9f4d-6092b2495d2a" providerId="ADAL" clId="{68E68552-334A-49D4-906D-42EB7454986A}" dt="2023-10-16T07:47:09.336" v="322" actId="478"/>
          <ac:cxnSpMkLst>
            <pc:docMk/>
            <pc:sldMk cId="419598757" sldId="2147476489"/>
            <ac:cxnSpMk id="37" creationId="{C181F0B9-A150-1566-6461-D5661E1F1C31}"/>
          </ac:cxnSpMkLst>
        </pc:cxnChg>
        <pc:cxnChg chg="add mod">
          <ac:chgData name="Sara Mastrorosa" userId="d159c406-3740-4568-9f4d-6092b2495d2a" providerId="ADAL" clId="{68E68552-334A-49D4-906D-42EB7454986A}" dt="2023-10-16T10:39:49.675" v="1478" actId="1037"/>
          <ac:cxnSpMkLst>
            <pc:docMk/>
            <pc:sldMk cId="419598757" sldId="2147476489"/>
            <ac:cxnSpMk id="39" creationId="{5BD9A211-1BA1-DAC2-4785-DC88381EA33B}"/>
          </ac:cxnSpMkLst>
        </pc:cxnChg>
        <pc:cxnChg chg="add del mod ord">
          <ac:chgData name="Sara Mastrorosa" userId="d159c406-3740-4568-9f4d-6092b2495d2a" providerId="ADAL" clId="{68E68552-334A-49D4-906D-42EB7454986A}" dt="2023-10-16T10:39:17.403" v="1425" actId="478"/>
          <ac:cxnSpMkLst>
            <pc:docMk/>
            <pc:sldMk cId="419598757" sldId="2147476489"/>
            <ac:cxnSpMk id="55" creationId="{5488605E-7568-7C9B-269C-9788BF96D4E9}"/>
          </ac:cxnSpMkLst>
        </pc:cxnChg>
        <pc:cxnChg chg="add mod ord">
          <ac:chgData name="Sara Mastrorosa" userId="d159c406-3740-4568-9f4d-6092b2495d2a" providerId="ADAL" clId="{68E68552-334A-49D4-906D-42EB7454986A}" dt="2023-10-16T10:40:00.505" v="1481" actId="1036"/>
          <ac:cxnSpMkLst>
            <pc:docMk/>
            <pc:sldMk cId="419598757" sldId="2147476489"/>
            <ac:cxnSpMk id="59" creationId="{069B3567-3E65-AC7B-3939-19C89DC686D5}"/>
          </ac:cxnSpMkLst>
        </pc:cxnChg>
      </pc:sldChg>
      <pc:sldChg chg="add del">
        <pc:chgData name="Sara Mastrorosa" userId="d159c406-3740-4568-9f4d-6092b2495d2a" providerId="ADAL" clId="{68E68552-334A-49D4-906D-42EB7454986A}" dt="2023-10-16T08:57:09.090" v="717" actId="47"/>
        <pc:sldMkLst>
          <pc:docMk/>
          <pc:sldMk cId="1690446988" sldId="2147476490"/>
        </pc:sldMkLst>
      </pc:sldChg>
      <pc:sldChg chg="addSp delSp modSp add mod">
        <pc:chgData name="Sara Mastrorosa" userId="d159c406-3740-4568-9f4d-6092b2495d2a" providerId="ADAL" clId="{68E68552-334A-49D4-906D-42EB7454986A}" dt="2023-10-19T15:10:29.785" v="10091" actId="1076"/>
        <pc:sldMkLst>
          <pc:docMk/>
          <pc:sldMk cId="416358408" sldId="2147476491"/>
        </pc:sldMkLst>
        <pc:spChg chg="add del mod">
          <ac:chgData name="Sara Mastrorosa" userId="d159c406-3740-4568-9f4d-6092b2495d2a" providerId="ADAL" clId="{68E68552-334A-49D4-906D-42EB7454986A}" dt="2023-10-19T15:10:29.785" v="10091" actId="1076"/>
          <ac:spMkLst>
            <pc:docMk/>
            <pc:sldMk cId="416358408" sldId="2147476491"/>
            <ac:spMk id="3" creationId="{855EE29A-3013-5921-FF12-41B654304065}"/>
          </ac:spMkLst>
        </pc:spChg>
        <pc:spChg chg="del">
          <ac:chgData name="Sara Mastrorosa" userId="d159c406-3740-4568-9f4d-6092b2495d2a" providerId="ADAL" clId="{68E68552-334A-49D4-906D-42EB7454986A}" dt="2023-10-16T09:57:10.111" v="1070" actId="478"/>
          <ac:spMkLst>
            <pc:docMk/>
            <pc:sldMk cId="416358408" sldId="2147476491"/>
            <ac:spMk id="3" creationId="{B455CD92-5FF7-D403-33C4-34B4D1689269}"/>
          </ac:spMkLst>
        </pc:spChg>
        <pc:spChg chg="del">
          <ac:chgData name="Sara Mastrorosa" userId="d159c406-3740-4568-9f4d-6092b2495d2a" providerId="ADAL" clId="{68E68552-334A-49D4-906D-42EB7454986A}" dt="2023-10-16T08:57:13.796" v="718" actId="478"/>
          <ac:spMkLst>
            <pc:docMk/>
            <pc:sldMk cId="416358408" sldId="2147476491"/>
            <ac:spMk id="4" creationId="{57024B99-24AB-0804-BDD9-F8E770331A20}"/>
          </ac:spMkLst>
        </pc:spChg>
        <pc:spChg chg="mod">
          <ac:chgData name="Sara Mastrorosa" userId="d159c406-3740-4568-9f4d-6092b2495d2a" providerId="ADAL" clId="{68E68552-334A-49D4-906D-42EB7454986A}" dt="2023-10-16T09:57:12.935" v="1071" actId="1076"/>
          <ac:spMkLst>
            <pc:docMk/>
            <pc:sldMk cId="416358408" sldId="2147476491"/>
            <ac:spMk id="5" creationId="{08F2B45B-2BC1-44B2-4465-F8FD2B97328F}"/>
          </ac:spMkLst>
        </pc:spChg>
        <pc:spChg chg="del">
          <ac:chgData name="Sara Mastrorosa" userId="d159c406-3740-4568-9f4d-6092b2495d2a" providerId="ADAL" clId="{68E68552-334A-49D4-906D-42EB7454986A}" dt="2023-10-16T09:57:09.525" v="1069" actId="478"/>
          <ac:spMkLst>
            <pc:docMk/>
            <pc:sldMk cId="416358408" sldId="2147476491"/>
            <ac:spMk id="6" creationId="{DF3BD722-EDF1-BC0F-07A1-886589CE5B77}"/>
          </ac:spMkLst>
        </pc:spChg>
        <pc:spChg chg="mod">
          <ac:chgData name="Sara Mastrorosa" userId="d159c406-3740-4568-9f4d-6092b2495d2a" providerId="ADAL" clId="{68E68552-334A-49D4-906D-42EB7454986A}" dt="2023-10-19T15:08:28.977" v="10064" actId="1076"/>
          <ac:spMkLst>
            <pc:docMk/>
            <pc:sldMk cId="416358408" sldId="2147476491"/>
            <ac:spMk id="9" creationId="{F83BF337-4677-73AE-AF2B-D74251720CE2}"/>
          </ac:spMkLst>
        </pc:spChg>
        <pc:spChg chg="add mod">
          <ac:chgData name="Sara Mastrorosa" userId="d159c406-3740-4568-9f4d-6092b2495d2a" providerId="ADAL" clId="{68E68552-334A-49D4-906D-42EB7454986A}" dt="2023-10-16T09:57:35.918" v="1074" actId="20577"/>
          <ac:spMkLst>
            <pc:docMk/>
            <pc:sldMk cId="416358408" sldId="2147476491"/>
            <ac:spMk id="11" creationId="{8C31A990-62A7-C722-16F1-A2FAC50661BC}"/>
          </ac:spMkLst>
        </pc:spChg>
        <pc:spChg chg="add mod">
          <ac:chgData name="Sara Mastrorosa" userId="d159c406-3740-4568-9f4d-6092b2495d2a" providerId="ADAL" clId="{68E68552-334A-49D4-906D-42EB7454986A}" dt="2023-10-16T09:58:00.284" v="1081" actId="1076"/>
          <ac:spMkLst>
            <pc:docMk/>
            <pc:sldMk cId="416358408" sldId="2147476491"/>
            <ac:spMk id="15" creationId="{A78DF73C-9B2F-F40C-7867-8215C96D8B2A}"/>
          </ac:spMkLst>
        </pc:spChg>
        <pc:spChg chg="add del mod">
          <ac:chgData name="Sara Mastrorosa" userId="d159c406-3740-4568-9f4d-6092b2495d2a" providerId="ADAL" clId="{68E68552-334A-49D4-906D-42EB7454986A}" dt="2023-10-19T15:09:56.974" v="10083" actId="478"/>
          <ac:spMkLst>
            <pc:docMk/>
            <pc:sldMk cId="416358408" sldId="2147476491"/>
            <ac:spMk id="19" creationId="{4DE57804-5BBA-E9E2-31D7-84AF57E0BC43}"/>
          </ac:spMkLst>
        </pc:spChg>
        <pc:spChg chg="add del mod">
          <ac:chgData name="Sara Mastrorosa" userId="d159c406-3740-4568-9f4d-6092b2495d2a" providerId="ADAL" clId="{68E68552-334A-49D4-906D-42EB7454986A}" dt="2023-10-16T09:56:48.830" v="1061" actId="478"/>
          <ac:spMkLst>
            <pc:docMk/>
            <pc:sldMk cId="416358408" sldId="2147476491"/>
            <ac:spMk id="24" creationId="{12B52FE6-683E-7275-3EFE-F57DB2C68DDF}"/>
          </ac:spMkLst>
        </pc:spChg>
        <pc:spChg chg="del mod">
          <ac:chgData name="Sara Mastrorosa" userId="d159c406-3740-4568-9f4d-6092b2495d2a" providerId="ADAL" clId="{68E68552-334A-49D4-906D-42EB7454986A}" dt="2023-10-16T10:27:17.106" v="1252" actId="478"/>
          <ac:spMkLst>
            <pc:docMk/>
            <pc:sldMk cId="416358408" sldId="2147476491"/>
            <ac:spMk id="26" creationId="{CBCB4D98-C706-11E6-E389-8985A1B9AE51}"/>
          </ac:spMkLst>
        </pc:spChg>
        <pc:spChg chg="mod">
          <ac:chgData name="Sara Mastrorosa" userId="d159c406-3740-4568-9f4d-6092b2495d2a" providerId="ADAL" clId="{68E68552-334A-49D4-906D-42EB7454986A}" dt="2023-10-16T13:05:26.574" v="3156" actId="1035"/>
          <ac:spMkLst>
            <pc:docMk/>
            <pc:sldMk cId="416358408" sldId="2147476491"/>
            <ac:spMk id="29" creationId="{F360F3B9-138A-D316-8D6B-1279B34CC70F}"/>
          </ac:spMkLst>
        </pc:spChg>
        <pc:spChg chg="del mod">
          <ac:chgData name="Sara Mastrorosa" userId="d159c406-3740-4568-9f4d-6092b2495d2a" providerId="ADAL" clId="{68E68552-334A-49D4-906D-42EB7454986A}" dt="2023-10-16T10:27:32.946" v="1256" actId="478"/>
          <ac:spMkLst>
            <pc:docMk/>
            <pc:sldMk cId="416358408" sldId="2147476491"/>
            <ac:spMk id="30" creationId="{57803E80-FE2B-072C-2570-A235063170ED}"/>
          </ac:spMkLst>
        </pc:spChg>
        <pc:spChg chg="add mod">
          <ac:chgData name="Sara Mastrorosa" userId="d159c406-3740-4568-9f4d-6092b2495d2a" providerId="ADAL" clId="{68E68552-334A-49D4-906D-42EB7454986A}" dt="2023-10-16T09:58:04.587" v="1082" actId="1076"/>
          <ac:spMkLst>
            <pc:docMk/>
            <pc:sldMk cId="416358408" sldId="2147476491"/>
            <ac:spMk id="31" creationId="{3846A233-2108-8057-BFD7-41926F5E43BC}"/>
          </ac:spMkLst>
        </pc:spChg>
        <pc:spChg chg="add mod">
          <ac:chgData name="Sara Mastrorosa" userId="d159c406-3740-4568-9f4d-6092b2495d2a" providerId="ADAL" clId="{68E68552-334A-49D4-906D-42EB7454986A}" dt="2023-10-16T10:38:48.514" v="1420" actId="404"/>
          <ac:spMkLst>
            <pc:docMk/>
            <pc:sldMk cId="416358408" sldId="2147476491"/>
            <ac:spMk id="33" creationId="{F99D87A8-484B-AEB7-2FD1-8032934D6F90}"/>
          </ac:spMkLst>
        </pc:spChg>
        <pc:spChg chg="add del mod">
          <ac:chgData name="Sara Mastrorosa" userId="d159c406-3740-4568-9f4d-6092b2495d2a" providerId="ADAL" clId="{68E68552-334A-49D4-906D-42EB7454986A}" dt="2023-10-16T09:47:40.279" v="872" actId="478"/>
          <ac:spMkLst>
            <pc:docMk/>
            <pc:sldMk cId="416358408" sldId="2147476491"/>
            <ac:spMk id="34" creationId="{9899172E-3823-9F39-DD8C-D55F24729991}"/>
          </ac:spMkLst>
        </pc:spChg>
        <pc:spChg chg="add mod">
          <ac:chgData name="Sara Mastrorosa" userId="d159c406-3740-4568-9f4d-6092b2495d2a" providerId="ADAL" clId="{68E68552-334A-49D4-906D-42EB7454986A}" dt="2023-10-16T10:38:46.010" v="1419" actId="404"/>
          <ac:spMkLst>
            <pc:docMk/>
            <pc:sldMk cId="416358408" sldId="2147476491"/>
            <ac:spMk id="36" creationId="{1214DA0B-9457-F66F-9495-030C894808A5}"/>
          </ac:spMkLst>
        </pc:spChg>
        <pc:spChg chg="add mod">
          <ac:chgData name="Sara Mastrorosa" userId="d159c406-3740-4568-9f4d-6092b2495d2a" providerId="ADAL" clId="{68E68552-334A-49D4-906D-42EB7454986A}" dt="2023-10-16T10:38:51.119" v="1421" actId="404"/>
          <ac:spMkLst>
            <pc:docMk/>
            <pc:sldMk cId="416358408" sldId="2147476491"/>
            <ac:spMk id="37" creationId="{916212AC-30D0-E449-432C-672C9528685A}"/>
          </ac:spMkLst>
        </pc:spChg>
        <pc:spChg chg="add mod">
          <ac:chgData name="Sara Mastrorosa" userId="d159c406-3740-4568-9f4d-6092b2495d2a" providerId="ADAL" clId="{68E68552-334A-49D4-906D-42EB7454986A}" dt="2023-10-16T12:06:03.008" v="2179" actId="1036"/>
          <ac:spMkLst>
            <pc:docMk/>
            <pc:sldMk cId="416358408" sldId="2147476491"/>
            <ac:spMk id="39" creationId="{A67978D2-CC39-700A-9739-4B3971867B30}"/>
          </ac:spMkLst>
        </pc:spChg>
        <pc:spChg chg="add mod">
          <ac:chgData name="Sara Mastrorosa" userId="d159c406-3740-4568-9f4d-6092b2495d2a" providerId="ADAL" clId="{68E68552-334A-49D4-906D-42EB7454986A}" dt="2023-10-16T12:06:03.008" v="2179" actId="1036"/>
          <ac:spMkLst>
            <pc:docMk/>
            <pc:sldMk cId="416358408" sldId="2147476491"/>
            <ac:spMk id="40" creationId="{F49CFED9-8128-7F90-41EB-80EBF849B7C1}"/>
          </ac:spMkLst>
        </pc:spChg>
        <pc:spChg chg="mod">
          <ac:chgData name="Sara Mastrorosa" userId="d159c406-3740-4568-9f4d-6092b2495d2a" providerId="ADAL" clId="{68E68552-334A-49D4-906D-42EB7454986A}" dt="2023-10-16T08:59:32.254" v="830" actId="1036"/>
          <ac:spMkLst>
            <pc:docMk/>
            <pc:sldMk cId="416358408" sldId="2147476491"/>
            <ac:spMk id="59" creationId="{42681C74-E842-B76D-681B-070473AB539A}"/>
          </ac:spMkLst>
        </pc:spChg>
        <pc:spChg chg="del mod">
          <ac:chgData name="Sara Mastrorosa" userId="d159c406-3740-4568-9f4d-6092b2495d2a" providerId="ADAL" clId="{68E68552-334A-49D4-906D-42EB7454986A}" dt="2023-10-16T10:25:49.777" v="1225" actId="478"/>
          <ac:spMkLst>
            <pc:docMk/>
            <pc:sldMk cId="416358408" sldId="2147476491"/>
            <ac:spMk id="62" creationId="{88FA2669-5834-9C4C-EDA4-023CBD202A3D}"/>
          </ac:spMkLst>
        </pc:spChg>
        <pc:spChg chg="del mod">
          <ac:chgData name="Sara Mastrorosa" userId="d159c406-3740-4568-9f4d-6092b2495d2a" providerId="ADAL" clId="{68E68552-334A-49D4-906D-42EB7454986A}" dt="2023-10-16T10:25:51.729" v="1226" actId="478"/>
          <ac:spMkLst>
            <pc:docMk/>
            <pc:sldMk cId="416358408" sldId="2147476491"/>
            <ac:spMk id="67" creationId="{7D921E7C-B92F-D321-54E7-51FF844E71E1}"/>
          </ac:spMkLst>
        </pc:spChg>
        <pc:spChg chg="del mod">
          <ac:chgData name="Sara Mastrorosa" userId="d159c406-3740-4568-9f4d-6092b2495d2a" providerId="ADAL" clId="{68E68552-334A-49D4-906D-42EB7454986A}" dt="2023-10-16T10:25:52.655" v="1227" actId="478"/>
          <ac:spMkLst>
            <pc:docMk/>
            <pc:sldMk cId="416358408" sldId="2147476491"/>
            <ac:spMk id="68" creationId="{4C8091F6-4B9A-A996-E700-3C644DBCA49A}"/>
          </ac:spMkLst>
        </pc:spChg>
        <pc:spChg chg="del mod">
          <ac:chgData name="Sara Mastrorosa" userId="d159c406-3740-4568-9f4d-6092b2495d2a" providerId="ADAL" clId="{68E68552-334A-49D4-906D-42EB7454986A}" dt="2023-10-16T10:25:53.837" v="1228" actId="478"/>
          <ac:spMkLst>
            <pc:docMk/>
            <pc:sldMk cId="416358408" sldId="2147476491"/>
            <ac:spMk id="69" creationId="{AD3297CC-DAA2-771A-CF6E-2D071ED39175}"/>
          </ac:spMkLst>
        </pc:spChg>
        <pc:grpChg chg="del">
          <ac:chgData name="Sara Mastrorosa" userId="d159c406-3740-4568-9f4d-6092b2495d2a" providerId="ADAL" clId="{68E68552-334A-49D4-906D-42EB7454986A}" dt="2023-10-16T08:57:20.046" v="719" actId="478"/>
          <ac:grpSpMkLst>
            <pc:docMk/>
            <pc:sldMk cId="416358408" sldId="2147476491"/>
            <ac:grpSpMk id="23" creationId="{04DD8F91-16EB-2B8A-5C5D-BE7ABF67DE5E}"/>
          </ac:grpSpMkLst>
        </pc:grpChg>
        <pc:graphicFrameChg chg="mod modGraphic">
          <ac:chgData name="Sara Mastrorosa" userId="d159c406-3740-4568-9f4d-6092b2495d2a" providerId="ADAL" clId="{68E68552-334A-49D4-906D-42EB7454986A}" dt="2023-10-18T07:26:20.288" v="5024" actId="20577"/>
          <ac:graphicFrameMkLst>
            <pc:docMk/>
            <pc:sldMk cId="416358408" sldId="2147476491"/>
            <ac:graphicFrameMk id="60" creationId="{345EF9AE-A396-C055-9E2D-D3DC99E628AD}"/>
          </ac:graphicFrameMkLst>
        </pc:graphicFrameChg>
        <pc:graphicFrameChg chg="mod modGraphic">
          <ac:chgData name="Sara Mastrorosa" userId="d159c406-3740-4568-9f4d-6092b2495d2a" providerId="ADAL" clId="{68E68552-334A-49D4-906D-42EB7454986A}" dt="2023-10-16T08:59:32.254" v="830" actId="1036"/>
          <ac:graphicFrameMkLst>
            <pc:docMk/>
            <pc:sldMk cId="416358408" sldId="2147476491"/>
            <ac:graphicFrameMk id="61" creationId="{1E858D49-9F40-3667-4010-A9812F13011C}"/>
          </ac:graphicFrameMkLst>
        </pc:graphicFrameChg>
        <pc:picChg chg="add del mod replST delST">
          <ac:chgData name="Sara Mastrorosa" userId="d159c406-3740-4568-9f4d-6092b2495d2a" providerId="ADAL" clId="{68E68552-334A-49D4-906D-42EB7454986A}" dt="2023-10-19T15:06:45.289" v="10012"/>
          <ac:picMkLst>
            <pc:docMk/>
            <pc:sldMk cId="416358408" sldId="2147476491"/>
            <ac:picMk id="6" creationId="{27D67414-5683-EDD7-5B55-2B1D2D1880E5}"/>
          </ac:picMkLst>
        </pc:picChg>
        <pc:picChg chg="del">
          <ac:chgData name="Sara Mastrorosa" userId="d159c406-3740-4568-9f4d-6092b2495d2a" providerId="ADAL" clId="{68E68552-334A-49D4-906D-42EB7454986A}" dt="2023-10-16T09:57:08.863" v="1068" actId="478"/>
          <ac:picMkLst>
            <pc:docMk/>
            <pc:sldMk cId="416358408" sldId="2147476491"/>
            <ac:picMk id="7" creationId="{6BCE17D6-1F0E-BF21-9BE3-32AD5F7390FE}"/>
          </ac:picMkLst>
        </pc:picChg>
        <pc:picChg chg="mod">
          <ac:chgData name="Sara Mastrorosa" userId="d159c406-3740-4568-9f4d-6092b2495d2a" providerId="ADAL" clId="{68E68552-334A-49D4-906D-42EB7454986A}" dt="2023-10-19T15:05:49.425" v="9967" actId="1076"/>
          <ac:picMkLst>
            <pc:docMk/>
            <pc:sldMk cId="416358408" sldId="2147476491"/>
            <ac:picMk id="8" creationId="{74922310-ED68-5833-A62A-E3DB8CD6BB62}"/>
          </ac:picMkLst>
        </pc:picChg>
        <pc:picChg chg="add del mod ord replST modCrop">
          <ac:chgData name="Sara Mastrorosa" userId="d159c406-3740-4568-9f4d-6092b2495d2a" providerId="ADAL" clId="{68E68552-334A-49D4-906D-42EB7454986A}" dt="2023-10-19T15:07:39.503" v="10037" actId="478"/>
          <ac:picMkLst>
            <pc:docMk/>
            <pc:sldMk cId="416358408" sldId="2147476491"/>
            <ac:picMk id="13" creationId="{FDBCC030-3137-1188-05B3-4C9F35E3AB75}"/>
          </ac:picMkLst>
        </pc:picChg>
        <pc:picChg chg="add mod ord replST modCrop">
          <ac:chgData name="Sara Mastrorosa" userId="d159c406-3740-4568-9f4d-6092b2495d2a" providerId="ADAL" clId="{68E68552-334A-49D4-906D-42EB7454986A}" dt="2023-10-19T15:08:36.550" v="10073" actId="1038"/>
          <ac:picMkLst>
            <pc:docMk/>
            <pc:sldMk cId="416358408" sldId="2147476491"/>
            <ac:picMk id="17" creationId="{1EA742AD-8C80-3441-F943-B0BFE121DD09}"/>
          </ac:picMkLst>
        </pc:picChg>
        <pc:picChg chg="add del mod">
          <ac:chgData name="Sara Mastrorosa" userId="d159c406-3740-4568-9f4d-6092b2495d2a" providerId="ADAL" clId="{68E68552-334A-49D4-906D-42EB7454986A}" dt="2023-10-16T09:56:48.128" v="1060" actId="478"/>
          <ac:picMkLst>
            <pc:docMk/>
            <pc:sldMk cId="416358408" sldId="2147476491"/>
            <ac:picMk id="25" creationId="{147D91A5-DBBB-5F52-83B2-BF6334D9472F}"/>
          </ac:picMkLst>
        </pc:picChg>
        <pc:picChg chg="add mod">
          <ac:chgData name="Sara Mastrorosa" userId="d159c406-3740-4568-9f4d-6092b2495d2a" providerId="ADAL" clId="{68E68552-334A-49D4-906D-42EB7454986A}" dt="2023-10-16T09:58:04.587" v="1082" actId="1076"/>
          <ac:picMkLst>
            <pc:docMk/>
            <pc:sldMk cId="416358408" sldId="2147476491"/>
            <ac:picMk id="32" creationId="{6A7253F1-7988-A1C7-0155-F20B5162A214}"/>
          </ac:picMkLst>
        </pc:picChg>
        <pc:picChg chg="add mod">
          <ac:chgData name="Sara Mastrorosa" userId="d159c406-3740-4568-9f4d-6092b2495d2a" providerId="ADAL" clId="{68E68552-334A-49D4-906D-42EB7454986A}" dt="2023-10-16T12:06:03.008" v="2179" actId="1036"/>
          <ac:picMkLst>
            <pc:docMk/>
            <pc:sldMk cId="416358408" sldId="2147476491"/>
            <ac:picMk id="41" creationId="{E0768892-9A2A-4468-4641-6D5E4C452871}"/>
          </ac:picMkLst>
        </pc:picChg>
        <pc:picChg chg="add mod">
          <ac:chgData name="Sara Mastrorosa" userId="d159c406-3740-4568-9f4d-6092b2495d2a" providerId="ADAL" clId="{68E68552-334A-49D4-906D-42EB7454986A}" dt="2023-10-16T10:27:54.895" v="1285" actId="1038"/>
          <ac:picMkLst>
            <pc:docMk/>
            <pc:sldMk cId="416358408" sldId="2147476491"/>
            <ac:picMk id="48" creationId="{1079544E-9CD8-E502-BB54-785747D8B1F7}"/>
          </ac:picMkLst>
        </pc:picChg>
        <pc:picChg chg="add del mod">
          <ac:chgData name="Sara Mastrorosa" userId="d159c406-3740-4568-9f4d-6092b2495d2a" providerId="ADAL" clId="{68E68552-334A-49D4-906D-42EB7454986A}" dt="2023-10-16T10:25:43.053" v="1223" actId="478"/>
          <ac:picMkLst>
            <pc:docMk/>
            <pc:sldMk cId="416358408" sldId="2147476491"/>
            <ac:picMk id="50" creationId="{3DBA594A-95B0-582A-1E81-CE207C2FAE74}"/>
          </ac:picMkLst>
        </pc:picChg>
        <pc:picChg chg="add mod">
          <ac:chgData name="Sara Mastrorosa" userId="d159c406-3740-4568-9f4d-6092b2495d2a" providerId="ADAL" clId="{68E68552-334A-49D4-906D-42EB7454986A}" dt="2023-10-16T10:27:49.410" v="1273" actId="1037"/>
          <ac:picMkLst>
            <pc:docMk/>
            <pc:sldMk cId="416358408" sldId="2147476491"/>
            <ac:picMk id="52" creationId="{BFDFB3B1-F7BD-3318-F596-2FB1B7A6E155}"/>
          </ac:picMkLst>
        </pc:picChg>
        <pc:picChg chg="add mod">
          <ac:chgData name="Sara Mastrorosa" userId="d159c406-3740-4568-9f4d-6092b2495d2a" providerId="ADAL" clId="{68E68552-334A-49D4-906D-42EB7454986A}" dt="2023-10-16T10:27:57.603" v="1288" actId="1036"/>
          <ac:picMkLst>
            <pc:docMk/>
            <pc:sldMk cId="416358408" sldId="2147476491"/>
            <ac:picMk id="54" creationId="{09AE4FB5-D5C8-756F-FE21-8F3D23F989AC}"/>
          </ac:picMkLst>
        </pc:picChg>
        <pc:picChg chg="add mod">
          <ac:chgData name="Sara Mastrorosa" userId="d159c406-3740-4568-9f4d-6092b2495d2a" providerId="ADAL" clId="{68E68552-334A-49D4-906D-42EB7454986A}" dt="2023-10-16T10:26:21.424" v="1234" actId="207"/>
          <ac:picMkLst>
            <pc:docMk/>
            <pc:sldMk cId="416358408" sldId="2147476491"/>
            <ac:picMk id="56" creationId="{61565118-8EAD-E838-D334-AB9F6039DEA9}"/>
          </ac:picMkLst>
        </pc:picChg>
        <pc:picChg chg="add del mod">
          <ac:chgData name="Sara Mastrorosa" userId="d159c406-3740-4568-9f4d-6092b2495d2a" providerId="ADAL" clId="{68E68552-334A-49D4-906D-42EB7454986A}" dt="2023-10-16T10:32:42.441" v="1290" actId="478"/>
          <ac:picMkLst>
            <pc:docMk/>
            <pc:sldMk cId="416358408" sldId="2147476491"/>
            <ac:picMk id="57" creationId="{D68C029C-B53B-DD80-B197-1DF1D6818802}"/>
          </ac:picMkLst>
        </pc:picChg>
        <pc:picChg chg="add del mod">
          <ac:chgData name="Sara Mastrorosa" userId="d159c406-3740-4568-9f4d-6092b2495d2a" providerId="ADAL" clId="{68E68552-334A-49D4-906D-42EB7454986A}" dt="2023-10-16T10:32:40.188" v="1289" actId="478"/>
          <ac:picMkLst>
            <pc:docMk/>
            <pc:sldMk cId="416358408" sldId="2147476491"/>
            <ac:picMk id="58" creationId="{49BCF815-9D8D-BA57-85B3-1221600C61B2}"/>
          </ac:picMkLst>
        </pc:picChg>
        <pc:cxnChg chg="add mod">
          <ac:chgData name="Sara Mastrorosa" userId="d159c406-3740-4568-9f4d-6092b2495d2a" providerId="ADAL" clId="{68E68552-334A-49D4-906D-42EB7454986A}" dt="2023-10-16T08:58:18.055" v="787" actId="1035"/>
          <ac:cxnSpMkLst>
            <pc:docMk/>
            <pc:sldMk cId="416358408" sldId="2147476491"/>
            <ac:cxnSpMk id="10" creationId="{DA835B42-E019-4DF9-F93C-78340447FEFC}"/>
          </ac:cxnSpMkLst>
        </pc:cxnChg>
        <pc:cxnChg chg="add mod">
          <ac:chgData name="Sara Mastrorosa" userId="d159c406-3740-4568-9f4d-6092b2495d2a" providerId="ADAL" clId="{68E68552-334A-49D4-906D-42EB7454986A}" dt="2023-10-16T08:59:39.047" v="831" actId="14100"/>
          <ac:cxnSpMkLst>
            <pc:docMk/>
            <pc:sldMk cId="416358408" sldId="2147476491"/>
            <ac:cxnSpMk id="12" creationId="{02ED26CF-3551-7D3A-9532-9EF84BA588C4}"/>
          </ac:cxnSpMkLst>
        </pc:cxnChg>
        <pc:cxnChg chg="add mod">
          <ac:chgData name="Sara Mastrorosa" userId="d159c406-3740-4568-9f4d-6092b2495d2a" providerId="ADAL" clId="{68E68552-334A-49D4-906D-42EB7454986A}" dt="2023-10-16T08:59:42.945" v="832" actId="14100"/>
          <ac:cxnSpMkLst>
            <pc:docMk/>
            <pc:sldMk cId="416358408" sldId="2147476491"/>
            <ac:cxnSpMk id="16" creationId="{4EF6CF47-1D1B-DDC0-87DB-BCE74C7D1BC5}"/>
          </ac:cxnSpMkLst>
        </pc:cxnChg>
        <pc:cxnChg chg="add del mod ord">
          <ac:chgData name="Sara Mastrorosa" userId="d159c406-3740-4568-9f4d-6092b2495d2a" providerId="ADAL" clId="{68E68552-334A-49D4-906D-42EB7454986A}" dt="2023-10-16T10:02:43.099" v="1088" actId="478"/>
          <ac:cxnSpMkLst>
            <pc:docMk/>
            <pc:sldMk cId="416358408" sldId="2147476491"/>
            <ac:cxnSpMk id="38" creationId="{39738857-4F0C-EE13-80E7-1B58D0ED9D09}"/>
          </ac:cxnSpMkLst>
        </pc:cxnChg>
        <pc:cxnChg chg="add mod ord">
          <ac:chgData name="Sara Mastrorosa" userId="d159c406-3740-4568-9f4d-6092b2495d2a" providerId="ADAL" clId="{68E68552-334A-49D4-906D-42EB7454986A}" dt="2023-10-16T09:58:17.106" v="1085" actId="167"/>
          <ac:cxnSpMkLst>
            <pc:docMk/>
            <pc:sldMk cId="416358408" sldId="2147476491"/>
            <ac:cxnSpMk id="42" creationId="{7C876D62-088F-28A7-2E38-5B1D9D17DA54}"/>
          </ac:cxnSpMkLst>
        </pc:cxnChg>
        <pc:cxnChg chg="add mod">
          <ac:chgData name="Sara Mastrorosa" userId="d159c406-3740-4568-9f4d-6092b2495d2a" providerId="ADAL" clId="{68E68552-334A-49D4-906D-42EB7454986A}" dt="2023-10-16T10:33:50.583" v="1295" actId="1076"/>
          <ac:cxnSpMkLst>
            <pc:docMk/>
            <pc:sldMk cId="416358408" sldId="2147476491"/>
            <ac:cxnSpMk id="43" creationId="{D79B6C49-8DC2-B2F9-03F0-A83602674710}"/>
          </ac:cxnSpMkLst>
        </pc:cxnChg>
        <pc:cxnChg chg="add mod">
          <ac:chgData name="Sara Mastrorosa" userId="d159c406-3740-4568-9f4d-6092b2495d2a" providerId="ADAL" clId="{68E68552-334A-49D4-906D-42EB7454986A}" dt="2023-10-16T10:33:50.583" v="1295" actId="1076"/>
          <ac:cxnSpMkLst>
            <pc:docMk/>
            <pc:sldMk cId="416358408" sldId="2147476491"/>
            <ac:cxnSpMk id="46" creationId="{D8698EA6-181E-B250-A9D5-4283EE433B1A}"/>
          </ac:cxnSpMkLst>
        </pc:cxnChg>
      </pc:sldChg>
      <pc:sldChg chg="addSp delSp modSp add mod">
        <pc:chgData name="Sara Mastrorosa" userId="d159c406-3740-4568-9f4d-6092b2495d2a" providerId="ADAL" clId="{68E68552-334A-49D4-906D-42EB7454986A}" dt="2023-10-16T10:41:47.855" v="1517" actId="1076"/>
        <pc:sldMkLst>
          <pc:docMk/>
          <pc:sldMk cId="708254642" sldId="2147476492"/>
        </pc:sldMkLst>
        <pc:spChg chg="del">
          <ac:chgData name="Sara Mastrorosa" userId="d159c406-3740-4568-9f4d-6092b2495d2a" providerId="ADAL" clId="{68E68552-334A-49D4-906D-42EB7454986A}" dt="2023-10-16T10:41:44.892" v="1516" actId="478"/>
          <ac:spMkLst>
            <pc:docMk/>
            <pc:sldMk cId="708254642" sldId="2147476492"/>
            <ac:spMk id="3" creationId="{CFE51D90-8EAB-F15E-6C41-968206900366}"/>
          </ac:spMkLst>
        </pc:spChg>
        <pc:spChg chg="del">
          <ac:chgData name="Sara Mastrorosa" userId="d159c406-3740-4568-9f4d-6092b2495d2a" providerId="ADAL" clId="{68E68552-334A-49D4-906D-42EB7454986A}" dt="2023-10-16T10:34:57.060" v="1299" actId="478"/>
          <ac:spMkLst>
            <pc:docMk/>
            <pc:sldMk cId="708254642" sldId="2147476492"/>
            <ac:spMk id="4" creationId="{57024B99-24AB-0804-BDD9-F8E770331A20}"/>
          </ac:spMkLst>
        </pc:spChg>
        <pc:spChg chg="mod">
          <ac:chgData name="Sara Mastrorosa" userId="d159c406-3740-4568-9f4d-6092b2495d2a" providerId="ADAL" clId="{68E68552-334A-49D4-906D-42EB7454986A}" dt="2023-10-16T10:41:47.855" v="1517" actId="1076"/>
          <ac:spMkLst>
            <pc:docMk/>
            <pc:sldMk cId="708254642" sldId="2147476492"/>
            <ac:spMk id="5" creationId="{08F2B45B-2BC1-44B2-4465-F8FD2B97328F}"/>
          </ac:spMkLst>
        </pc:spChg>
        <pc:spChg chg="del">
          <ac:chgData name="Sara Mastrorosa" userId="d159c406-3740-4568-9f4d-6092b2495d2a" providerId="ADAL" clId="{68E68552-334A-49D4-906D-42EB7454986A}" dt="2023-10-16T10:41:44.380" v="1515" actId="478"/>
          <ac:spMkLst>
            <pc:docMk/>
            <pc:sldMk cId="708254642" sldId="2147476492"/>
            <ac:spMk id="6" creationId="{E2ACF8C8-4A15-DFB1-E9A1-E600571E5A3E}"/>
          </ac:spMkLst>
        </pc:spChg>
        <pc:spChg chg="add mod">
          <ac:chgData name="Sara Mastrorosa" userId="d159c406-3740-4568-9f4d-6092b2495d2a" providerId="ADAL" clId="{68E68552-334A-49D4-906D-42EB7454986A}" dt="2023-10-16T10:41:12.604" v="1496"/>
          <ac:spMkLst>
            <pc:docMk/>
            <pc:sldMk cId="708254642" sldId="2147476492"/>
            <ac:spMk id="11" creationId="{29D83730-10E7-BBC1-4765-D716FCA05F27}"/>
          </ac:spMkLst>
        </pc:spChg>
        <pc:spChg chg="add mod">
          <ac:chgData name="Sara Mastrorosa" userId="d159c406-3740-4568-9f4d-6092b2495d2a" providerId="ADAL" clId="{68E68552-334A-49D4-906D-42EB7454986A}" dt="2023-10-16T10:41:34.309" v="1506" actId="20577"/>
          <ac:spMkLst>
            <pc:docMk/>
            <pc:sldMk cId="708254642" sldId="2147476492"/>
            <ac:spMk id="12" creationId="{A87B39DF-2A75-6CBA-1AB4-244AF9B7A52D}"/>
          </ac:spMkLst>
        </pc:spChg>
        <pc:spChg chg="add mod">
          <ac:chgData name="Sara Mastrorosa" userId="d159c406-3740-4568-9f4d-6092b2495d2a" providerId="ADAL" clId="{68E68552-334A-49D4-906D-42EB7454986A}" dt="2023-10-16T10:41:40.365" v="1513" actId="1035"/>
          <ac:spMkLst>
            <pc:docMk/>
            <pc:sldMk cId="708254642" sldId="2147476492"/>
            <ac:spMk id="13" creationId="{99AF38E3-299A-24DF-4959-AE50B3DEF68A}"/>
          </ac:spMkLst>
        </pc:spChg>
        <pc:spChg chg="add mod">
          <ac:chgData name="Sara Mastrorosa" userId="d159c406-3740-4568-9f4d-6092b2495d2a" providerId="ADAL" clId="{68E68552-334A-49D4-906D-42EB7454986A}" dt="2023-10-16T10:34:57.731" v="1300"/>
          <ac:spMkLst>
            <pc:docMk/>
            <pc:sldMk cId="708254642" sldId="2147476492"/>
            <ac:spMk id="15" creationId="{97C4A527-DC14-6C6C-0183-073834A182EC}"/>
          </ac:spMkLst>
        </pc:spChg>
        <pc:spChg chg="add mod">
          <ac:chgData name="Sara Mastrorosa" userId="d159c406-3740-4568-9f4d-6092b2495d2a" providerId="ADAL" clId="{68E68552-334A-49D4-906D-42EB7454986A}" dt="2023-10-16T10:34:57.731" v="1300"/>
          <ac:spMkLst>
            <pc:docMk/>
            <pc:sldMk cId="708254642" sldId="2147476492"/>
            <ac:spMk id="16" creationId="{8CAE6927-5936-6A62-89A3-AFFEAAA52511}"/>
          </ac:spMkLst>
        </pc:spChg>
        <pc:spChg chg="mod topLvl">
          <ac:chgData name="Sara Mastrorosa" userId="d159c406-3740-4568-9f4d-6092b2495d2a" providerId="ADAL" clId="{68E68552-334A-49D4-906D-42EB7454986A}" dt="2023-10-16T10:35:58.939" v="1328" actId="403"/>
          <ac:spMkLst>
            <pc:docMk/>
            <pc:sldMk cId="708254642" sldId="2147476492"/>
            <ac:spMk id="120" creationId="{3D083F40-7EE6-3FD4-C9FF-9B8B3763CB73}"/>
          </ac:spMkLst>
        </pc:spChg>
        <pc:spChg chg="mod topLvl">
          <ac:chgData name="Sara Mastrorosa" userId="d159c406-3740-4568-9f4d-6092b2495d2a" providerId="ADAL" clId="{68E68552-334A-49D4-906D-42EB7454986A}" dt="2023-10-16T10:35:58.939" v="1328" actId="403"/>
          <ac:spMkLst>
            <pc:docMk/>
            <pc:sldMk cId="708254642" sldId="2147476492"/>
            <ac:spMk id="121" creationId="{B6674765-0F41-12CF-6B14-C302280C8ECB}"/>
          </ac:spMkLst>
        </pc:spChg>
        <pc:spChg chg="mod topLvl">
          <ac:chgData name="Sara Mastrorosa" userId="d159c406-3740-4568-9f4d-6092b2495d2a" providerId="ADAL" clId="{68E68552-334A-49D4-906D-42EB7454986A}" dt="2023-10-16T10:35:58.939" v="1328" actId="403"/>
          <ac:spMkLst>
            <pc:docMk/>
            <pc:sldMk cId="708254642" sldId="2147476492"/>
            <ac:spMk id="122" creationId="{BE744345-ACF3-A704-367B-09F9F7DF08D3}"/>
          </ac:spMkLst>
        </pc:spChg>
        <pc:spChg chg="mod topLvl">
          <ac:chgData name="Sara Mastrorosa" userId="d159c406-3740-4568-9f4d-6092b2495d2a" providerId="ADAL" clId="{68E68552-334A-49D4-906D-42EB7454986A}" dt="2023-10-16T10:37:23.545" v="1343" actId="1038"/>
          <ac:spMkLst>
            <pc:docMk/>
            <pc:sldMk cId="708254642" sldId="2147476492"/>
            <ac:spMk id="123" creationId="{B3285F39-8783-919A-18FF-17AECEA5F0DF}"/>
          </ac:spMkLst>
        </pc:spChg>
        <pc:spChg chg="mod topLvl">
          <ac:chgData name="Sara Mastrorosa" userId="d159c406-3740-4568-9f4d-6092b2495d2a" providerId="ADAL" clId="{68E68552-334A-49D4-906D-42EB7454986A}" dt="2023-10-16T10:35:58.939" v="1328" actId="403"/>
          <ac:spMkLst>
            <pc:docMk/>
            <pc:sldMk cId="708254642" sldId="2147476492"/>
            <ac:spMk id="124" creationId="{9F95BB9D-5332-DE69-CD6F-6D85F9C24360}"/>
          </ac:spMkLst>
        </pc:spChg>
        <pc:spChg chg="mod topLvl">
          <ac:chgData name="Sara Mastrorosa" userId="d159c406-3740-4568-9f4d-6092b2495d2a" providerId="ADAL" clId="{68E68552-334A-49D4-906D-42EB7454986A}" dt="2023-10-16T10:35:58.939" v="1328" actId="403"/>
          <ac:spMkLst>
            <pc:docMk/>
            <pc:sldMk cId="708254642" sldId="2147476492"/>
            <ac:spMk id="125" creationId="{F17834DC-E0DF-BEB7-CB49-C5A484E18FBD}"/>
          </ac:spMkLst>
        </pc:spChg>
        <pc:spChg chg="mod topLvl">
          <ac:chgData name="Sara Mastrorosa" userId="d159c406-3740-4568-9f4d-6092b2495d2a" providerId="ADAL" clId="{68E68552-334A-49D4-906D-42EB7454986A}" dt="2023-10-16T10:35:58.939" v="1328" actId="403"/>
          <ac:spMkLst>
            <pc:docMk/>
            <pc:sldMk cId="708254642" sldId="2147476492"/>
            <ac:spMk id="126" creationId="{BC81ADB7-A2F2-4DE7-F824-16A42F63A145}"/>
          </ac:spMkLst>
        </pc:spChg>
        <pc:spChg chg="mod topLvl">
          <ac:chgData name="Sara Mastrorosa" userId="d159c406-3740-4568-9f4d-6092b2495d2a" providerId="ADAL" clId="{68E68552-334A-49D4-906D-42EB7454986A}" dt="2023-10-16T10:35:58.939" v="1328" actId="403"/>
          <ac:spMkLst>
            <pc:docMk/>
            <pc:sldMk cId="708254642" sldId="2147476492"/>
            <ac:spMk id="127" creationId="{04DBE0E7-D372-9D57-9AF8-B747A70B46E2}"/>
          </ac:spMkLst>
        </pc:spChg>
        <pc:spChg chg="mod topLvl">
          <ac:chgData name="Sara Mastrorosa" userId="d159c406-3740-4568-9f4d-6092b2495d2a" providerId="ADAL" clId="{68E68552-334A-49D4-906D-42EB7454986A}" dt="2023-10-16T10:35:58.939" v="1328" actId="403"/>
          <ac:spMkLst>
            <pc:docMk/>
            <pc:sldMk cId="708254642" sldId="2147476492"/>
            <ac:spMk id="136" creationId="{253BDB1B-F892-EECA-1555-2C4ACEDD1A1C}"/>
          </ac:spMkLst>
        </pc:spChg>
        <pc:spChg chg="mod topLvl">
          <ac:chgData name="Sara Mastrorosa" userId="d159c406-3740-4568-9f4d-6092b2495d2a" providerId="ADAL" clId="{68E68552-334A-49D4-906D-42EB7454986A}" dt="2023-10-16T10:35:58.939" v="1328" actId="403"/>
          <ac:spMkLst>
            <pc:docMk/>
            <pc:sldMk cId="708254642" sldId="2147476492"/>
            <ac:spMk id="137" creationId="{54B953B1-708E-4961-E14A-F9393808F20F}"/>
          </ac:spMkLst>
        </pc:spChg>
        <pc:spChg chg="mod topLvl">
          <ac:chgData name="Sara Mastrorosa" userId="d159c406-3740-4568-9f4d-6092b2495d2a" providerId="ADAL" clId="{68E68552-334A-49D4-906D-42EB7454986A}" dt="2023-10-16T10:35:58.939" v="1328" actId="403"/>
          <ac:spMkLst>
            <pc:docMk/>
            <pc:sldMk cId="708254642" sldId="2147476492"/>
            <ac:spMk id="138" creationId="{64E41DDF-17B9-C036-8512-558C5EBDB799}"/>
          </ac:spMkLst>
        </pc:spChg>
        <pc:spChg chg="mod topLvl">
          <ac:chgData name="Sara Mastrorosa" userId="d159c406-3740-4568-9f4d-6092b2495d2a" providerId="ADAL" clId="{68E68552-334A-49D4-906D-42EB7454986A}" dt="2023-10-16T10:35:58.939" v="1328" actId="403"/>
          <ac:spMkLst>
            <pc:docMk/>
            <pc:sldMk cId="708254642" sldId="2147476492"/>
            <ac:spMk id="139" creationId="{3882DA0B-D6CD-208C-2E11-FD02781347A4}"/>
          </ac:spMkLst>
        </pc:spChg>
        <pc:spChg chg="mod topLvl">
          <ac:chgData name="Sara Mastrorosa" userId="d159c406-3740-4568-9f4d-6092b2495d2a" providerId="ADAL" clId="{68E68552-334A-49D4-906D-42EB7454986A}" dt="2023-10-16T10:35:58.939" v="1328" actId="403"/>
          <ac:spMkLst>
            <pc:docMk/>
            <pc:sldMk cId="708254642" sldId="2147476492"/>
            <ac:spMk id="140" creationId="{6E435C94-E2E2-C4DA-8834-13C12D1D3054}"/>
          </ac:spMkLst>
        </pc:spChg>
        <pc:spChg chg="mod topLvl">
          <ac:chgData name="Sara Mastrorosa" userId="d159c406-3740-4568-9f4d-6092b2495d2a" providerId="ADAL" clId="{68E68552-334A-49D4-906D-42EB7454986A}" dt="2023-10-16T10:35:58.939" v="1328" actId="403"/>
          <ac:spMkLst>
            <pc:docMk/>
            <pc:sldMk cId="708254642" sldId="2147476492"/>
            <ac:spMk id="142" creationId="{57553E92-C22A-9532-DC16-60E602E143E7}"/>
          </ac:spMkLst>
        </pc:spChg>
        <pc:spChg chg="mod topLvl">
          <ac:chgData name="Sara Mastrorosa" userId="d159c406-3740-4568-9f4d-6092b2495d2a" providerId="ADAL" clId="{68E68552-334A-49D4-906D-42EB7454986A}" dt="2023-10-16T10:35:58.939" v="1328" actId="403"/>
          <ac:spMkLst>
            <pc:docMk/>
            <pc:sldMk cId="708254642" sldId="2147476492"/>
            <ac:spMk id="143" creationId="{0D2CA968-442B-DBB4-140F-14F399312EAF}"/>
          </ac:spMkLst>
        </pc:spChg>
        <pc:spChg chg="mod topLvl">
          <ac:chgData name="Sara Mastrorosa" userId="d159c406-3740-4568-9f4d-6092b2495d2a" providerId="ADAL" clId="{68E68552-334A-49D4-906D-42EB7454986A}" dt="2023-10-16T10:35:58.939" v="1328" actId="403"/>
          <ac:spMkLst>
            <pc:docMk/>
            <pc:sldMk cId="708254642" sldId="2147476492"/>
            <ac:spMk id="144" creationId="{17133373-5BD7-6169-6C34-FD7E360E1D97}"/>
          </ac:spMkLst>
        </pc:spChg>
        <pc:spChg chg="mod topLvl">
          <ac:chgData name="Sara Mastrorosa" userId="d159c406-3740-4568-9f4d-6092b2495d2a" providerId="ADAL" clId="{68E68552-334A-49D4-906D-42EB7454986A}" dt="2023-10-16T10:35:58.939" v="1328" actId="403"/>
          <ac:spMkLst>
            <pc:docMk/>
            <pc:sldMk cId="708254642" sldId="2147476492"/>
            <ac:spMk id="145" creationId="{C382127E-5E02-EE13-9280-F43E752F5F5A}"/>
          </ac:spMkLst>
        </pc:spChg>
        <pc:spChg chg="mod topLvl">
          <ac:chgData name="Sara Mastrorosa" userId="d159c406-3740-4568-9f4d-6092b2495d2a" providerId="ADAL" clId="{68E68552-334A-49D4-906D-42EB7454986A}" dt="2023-10-16T10:35:58.939" v="1328" actId="403"/>
          <ac:spMkLst>
            <pc:docMk/>
            <pc:sldMk cId="708254642" sldId="2147476492"/>
            <ac:spMk id="150" creationId="{4C16708E-110E-8915-9741-391CDE806FE3}"/>
          </ac:spMkLst>
        </pc:spChg>
        <pc:spChg chg="mod topLvl">
          <ac:chgData name="Sara Mastrorosa" userId="d159c406-3740-4568-9f4d-6092b2495d2a" providerId="ADAL" clId="{68E68552-334A-49D4-906D-42EB7454986A}" dt="2023-10-16T10:35:58.939" v="1328" actId="403"/>
          <ac:spMkLst>
            <pc:docMk/>
            <pc:sldMk cId="708254642" sldId="2147476492"/>
            <ac:spMk id="151" creationId="{41752121-0347-661B-4562-F52EB591689A}"/>
          </ac:spMkLst>
        </pc:spChg>
        <pc:spChg chg="mod topLvl">
          <ac:chgData name="Sara Mastrorosa" userId="d159c406-3740-4568-9f4d-6092b2495d2a" providerId="ADAL" clId="{68E68552-334A-49D4-906D-42EB7454986A}" dt="2023-10-16T10:35:58.939" v="1328" actId="403"/>
          <ac:spMkLst>
            <pc:docMk/>
            <pc:sldMk cId="708254642" sldId="2147476492"/>
            <ac:spMk id="152" creationId="{CA844E4E-C575-5C70-74E3-E00D2CB760EB}"/>
          </ac:spMkLst>
        </pc:spChg>
        <pc:grpChg chg="del">
          <ac:chgData name="Sara Mastrorosa" userId="d159c406-3740-4568-9f4d-6092b2495d2a" providerId="ADAL" clId="{68E68552-334A-49D4-906D-42EB7454986A}" dt="2023-10-16T10:35:21.201" v="1303" actId="165"/>
          <ac:grpSpMkLst>
            <pc:docMk/>
            <pc:sldMk cId="708254642" sldId="2147476492"/>
            <ac:grpSpMk id="8" creationId="{057198B4-CD15-2FEE-352A-8B2949C8BDCF}"/>
          </ac:grpSpMkLst>
        </pc:grpChg>
        <pc:grpChg chg="add mod">
          <ac:chgData name="Sara Mastrorosa" userId="d159c406-3740-4568-9f4d-6092b2495d2a" providerId="ADAL" clId="{68E68552-334A-49D4-906D-42EB7454986A}" dt="2023-10-16T10:38:18.462" v="1418" actId="1038"/>
          <ac:grpSpMkLst>
            <pc:docMk/>
            <pc:sldMk cId="708254642" sldId="2147476492"/>
            <ac:grpSpMk id="18" creationId="{D847AED7-72B8-1F69-B26C-B05F81B9BD90}"/>
          </ac:grpSpMkLst>
        </pc:grpChg>
        <pc:graphicFrameChg chg="mod modGraphic">
          <ac:chgData name="Sara Mastrorosa" userId="d159c406-3740-4568-9f4d-6092b2495d2a" providerId="ADAL" clId="{68E68552-334A-49D4-906D-42EB7454986A}" dt="2023-10-16T10:38:18.462" v="1418" actId="1038"/>
          <ac:graphicFrameMkLst>
            <pc:docMk/>
            <pc:sldMk cId="708254642" sldId="2147476492"/>
            <ac:graphicFrameMk id="119" creationId="{F68FFC43-0060-D8DE-F346-25AD5534D325}"/>
          </ac:graphicFrameMkLst>
        </pc:graphicFrameChg>
        <pc:picChg chg="del">
          <ac:chgData name="Sara Mastrorosa" userId="d159c406-3740-4568-9f4d-6092b2495d2a" providerId="ADAL" clId="{68E68552-334A-49D4-906D-42EB7454986A}" dt="2023-10-16T10:41:43.758" v="1514" actId="478"/>
          <ac:picMkLst>
            <pc:docMk/>
            <pc:sldMk cId="708254642" sldId="2147476492"/>
            <ac:picMk id="7" creationId="{307DBB54-1278-8706-C8D0-6F1D1FA6827D}"/>
          </ac:picMkLst>
        </pc:picChg>
        <pc:picChg chg="add mod">
          <ac:chgData name="Sara Mastrorosa" userId="d159c406-3740-4568-9f4d-6092b2495d2a" providerId="ADAL" clId="{68E68552-334A-49D4-906D-42EB7454986A}" dt="2023-10-16T10:41:40.365" v="1513" actId="1035"/>
          <ac:picMkLst>
            <pc:docMk/>
            <pc:sldMk cId="708254642" sldId="2147476492"/>
            <ac:picMk id="14" creationId="{B9448413-99E5-99E6-7F29-901722C88B55}"/>
          </ac:picMkLst>
        </pc:picChg>
        <pc:picChg chg="add mod">
          <ac:chgData name="Sara Mastrorosa" userId="d159c406-3740-4568-9f4d-6092b2495d2a" providerId="ADAL" clId="{68E68552-334A-49D4-906D-42EB7454986A}" dt="2023-10-16T10:34:57.731" v="1300"/>
          <ac:picMkLst>
            <pc:docMk/>
            <pc:sldMk cId="708254642" sldId="2147476492"/>
            <ac:picMk id="17" creationId="{88514D3E-E187-2E79-EBC8-376E8E503ACC}"/>
          </ac:picMkLst>
        </pc:picChg>
        <pc:cxnChg chg="add mod">
          <ac:chgData name="Sara Mastrorosa" userId="d159c406-3740-4568-9f4d-6092b2495d2a" providerId="ADAL" clId="{68E68552-334A-49D4-906D-42EB7454986A}" dt="2023-10-16T10:34:57.731" v="1300"/>
          <ac:cxnSpMkLst>
            <pc:docMk/>
            <pc:sldMk cId="708254642" sldId="2147476492"/>
            <ac:cxnSpMk id="9" creationId="{D0DA29BA-6B8C-5D83-0D32-E679919D790E}"/>
          </ac:cxnSpMkLst>
        </pc:cxnChg>
        <pc:cxnChg chg="add mod">
          <ac:chgData name="Sara Mastrorosa" userId="d159c406-3740-4568-9f4d-6092b2495d2a" providerId="ADAL" clId="{68E68552-334A-49D4-906D-42EB7454986A}" dt="2023-10-16T10:34:57.731" v="1300"/>
          <ac:cxnSpMkLst>
            <pc:docMk/>
            <pc:sldMk cId="708254642" sldId="2147476492"/>
            <ac:cxnSpMk id="10" creationId="{B8717951-ACBE-4988-6DC0-D9906371B646}"/>
          </ac:cxnSpMkLst>
        </pc:cxnChg>
        <pc:cxnChg chg="add mod ord">
          <ac:chgData name="Sara Mastrorosa" userId="d159c406-3740-4568-9f4d-6092b2495d2a" providerId="ADAL" clId="{68E68552-334A-49D4-906D-42EB7454986A}" dt="2023-10-16T10:38:10.749" v="1404" actId="167"/>
          <ac:cxnSpMkLst>
            <pc:docMk/>
            <pc:sldMk cId="708254642" sldId="2147476492"/>
            <ac:cxnSpMk id="22" creationId="{FD7035D4-71BB-4794-2CDE-81B53981BFCE}"/>
          </ac:cxnSpMkLst>
        </pc:cxnChg>
        <pc:cxnChg chg="add mod">
          <ac:chgData name="Sara Mastrorosa" userId="d159c406-3740-4568-9f4d-6092b2495d2a" providerId="ADAL" clId="{68E68552-334A-49D4-906D-42EB7454986A}" dt="2023-10-16T10:38:08.251" v="1403" actId="14100"/>
          <ac:cxnSpMkLst>
            <pc:docMk/>
            <pc:sldMk cId="708254642" sldId="2147476492"/>
            <ac:cxnSpMk id="23" creationId="{A6503940-CB1C-6379-74C3-FA574CFDAD22}"/>
          </ac:cxnSpMkLst>
        </pc:cxnChg>
        <pc:cxnChg chg="add mod">
          <ac:chgData name="Sara Mastrorosa" userId="d159c406-3740-4568-9f4d-6092b2495d2a" providerId="ADAL" clId="{68E68552-334A-49D4-906D-42EB7454986A}" dt="2023-10-16T10:38:03.306" v="1402" actId="14100"/>
          <ac:cxnSpMkLst>
            <pc:docMk/>
            <pc:sldMk cId="708254642" sldId="2147476492"/>
            <ac:cxnSpMk id="24" creationId="{2E8741A7-A6B1-2752-4495-6A694937EC49}"/>
          </ac:cxnSpMkLst>
        </pc:cxnChg>
        <pc:cxnChg chg="mod topLvl">
          <ac:chgData name="Sara Mastrorosa" userId="d159c406-3740-4568-9f4d-6092b2495d2a" providerId="ADAL" clId="{68E68552-334A-49D4-906D-42EB7454986A}" dt="2023-10-16T10:35:29.146" v="1304" actId="338"/>
          <ac:cxnSpMkLst>
            <pc:docMk/>
            <pc:sldMk cId="708254642" sldId="2147476492"/>
            <ac:cxnSpMk id="128" creationId="{612E2742-943B-8392-109C-D65DF2C90B05}"/>
          </ac:cxnSpMkLst>
        </pc:cxnChg>
        <pc:cxnChg chg="mod topLvl">
          <ac:chgData name="Sara Mastrorosa" userId="d159c406-3740-4568-9f4d-6092b2495d2a" providerId="ADAL" clId="{68E68552-334A-49D4-906D-42EB7454986A}" dt="2023-10-16T10:37:23.545" v="1343" actId="1038"/>
          <ac:cxnSpMkLst>
            <pc:docMk/>
            <pc:sldMk cId="708254642" sldId="2147476492"/>
            <ac:cxnSpMk id="129" creationId="{73C1B8C0-20C2-7FAB-9B0E-A2D21A1AC34C}"/>
          </ac:cxnSpMkLst>
        </pc:cxnChg>
        <pc:cxnChg chg="mod topLvl">
          <ac:chgData name="Sara Mastrorosa" userId="d159c406-3740-4568-9f4d-6092b2495d2a" providerId="ADAL" clId="{68E68552-334A-49D4-906D-42EB7454986A}" dt="2023-10-16T10:37:23.545" v="1343" actId="1038"/>
          <ac:cxnSpMkLst>
            <pc:docMk/>
            <pc:sldMk cId="708254642" sldId="2147476492"/>
            <ac:cxnSpMk id="130" creationId="{60F71B01-6F89-4089-411C-6B7B76290915}"/>
          </ac:cxnSpMkLst>
        </pc:cxnChg>
        <pc:cxnChg chg="mod topLvl">
          <ac:chgData name="Sara Mastrorosa" userId="d159c406-3740-4568-9f4d-6092b2495d2a" providerId="ADAL" clId="{68E68552-334A-49D4-906D-42EB7454986A}" dt="2023-10-16T10:35:29.146" v="1304" actId="338"/>
          <ac:cxnSpMkLst>
            <pc:docMk/>
            <pc:sldMk cId="708254642" sldId="2147476492"/>
            <ac:cxnSpMk id="131" creationId="{275EC85E-F6FE-DB4B-67B0-06FD25AA0114}"/>
          </ac:cxnSpMkLst>
        </pc:cxnChg>
        <pc:cxnChg chg="mod topLvl">
          <ac:chgData name="Sara Mastrorosa" userId="d159c406-3740-4568-9f4d-6092b2495d2a" providerId="ADAL" clId="{68E68552-334A-49D4-906D-42EB7454986A}" dt="2023-10-16T10:35:29.146" v="1304" actId="338"/>
          <ac:cxnSpMkLst>
            <pc:docMk/>
            <pc:sldMk cId="708254642" sldId="2147476492"/>
            <ac:cxnSpMk id="132" creationId="{F7E94F2E-B19B-53E9-ADFF-804D76B0AB1A}"/>
          </ac:cxnSpMkLst>
        </pc:cxnChg>
        <pc:cxnChg chg="mod topLvl">
          <ac:chgData name="Sara Mastrorosa" userId="d159c406-3740-4568-9f4d-6092b2495d2a" providerId="ADAL" clId="{68E68552-334A-49D4-906D-42EB7454986A}" dt="2023-10-16T10:35:29.146" v="1304" actId="338"/>
          <ac:cxnSpMkLst>
            <pc:docMk/>
            <pc:sldMk cId="708254642" sldId="2147476492"/>
            <ac:cxnSpMk id="133" creationId="{8E4B3FE6-6D44-A42E-8793-8843C3791356}"/>
          </ac:cxnSpMkLst>
        </pc:cxnChg>
        <pc:cxnChg chg="mod topLvl">
          <ac:chgData name="Sara Mastrorosa" userId="d159c406-3740-4568-9f4d-6092b2495d2a" providerId="ADAL" clId="{68E68552-334A-49D4-906D-42EB7454986A}" dt="2023-10-16T10:35:29.146" v="1304" actId="338"/>
          <ac:cxnSpMkLst>
            <pc:docMk/>
            <pc:sldMk cId="708254642" sldId="2147476492"/>
            <ac:cxnSpMk id="134" creationId="{743806A7-3BB4-B401-76B6-1F5874BE3944}"/>
          </ac:cxnSpMkLst>
        </pc:cxnChg>
        <pc:cxnChg chg="mod topLvl">
          <ac:chgData name="Sara Mastrorosa" userId="d159c406-3740-4568-9f4d-6092b2495d2a" providerId="ADAL" clId="{68E68552-334A-49D4-906D-42EB7454986A}" dt="2023-10-16T10:35:29.146" v="1304" actId="338"/>
          <ac:cxnSpMkLst>
            <pc:docMk/>
            <pc:sldMk cId="708254642" sldId="2147476492"/>
            <ac:cxnSpMk id="135" creationId="{F1AB5D8C-04C1-8CEC-77B1-76ECAFA52AA2}"/>
          </ac:cxnSpMkLst>
        </pc:cxnChg>
        <pc:cxnChg chg="mod topLvl">
          <ac:chgData name="Sara Mastrorosa" userId="d159c406-3740-4568-9f4d-6092b2495d2a" providerId="ADAL" clId="{68E68552-334A-49D4-906D-42EB7454986A}" dt="2023-10-16T10:35:29.146" v="1304" actId="338"/>
          <ac:cxnSpMkLst>
            <pc:docMk/>
            <pc:sldMk cId="708254642" sldId="2147476492"/>
            <ac:cxnSpMk id="141" creationId="{74A03D58-F67B-1F69-3C50-B91CA9AE4E9F}"/>
          </ac:cxnSpMkLst>
        </pc:cxnChg>
        <pc:cxnChg chg="mod topLvl">
          <ac:chgData name="Sara Mastrorosa" userId="d159c406-3740-4568-9f4d-6092b2495d2a" providerId="ADAL" clId="{68E68552-334A-49D4-906D-42EB7454986A}" dt="2023-10-16T10:35:29.146" v="1304" actId="338"/>
          <ac:cxnSpMkLst>
            <pc:docMk/>
            <pc:sldMk cId="708254642" sldId="2147476492"/>
            <ac:cxnSpMk id="146" creationId="{459BD3C2-F2FA-4A7C-DBB2-1DE5B6FEE68D}"/>
          </ac:cxnSpMkLst>
        </pc:cxnChg>
        <pc:cxnChg chg="mod topLvl">
          <ac:chgData name="Sara Mastrorosa" userId="d159c406-3740-4568-9f4d-6092b2495d2a" providerId="ADAL" clId="{68E68552-334A-49D4-906D-42EB7454986A}" dt="2023-10-16T10:35:29.146" v="1304" actId="338"/>
          <ac:cxnSpMkLst>
            <pc:docMk/>
            <pc:sldMk cId="708254642" sldId="2147476492"/>
            <ac:cxnSpMk id="147" creationId="{0FF57845-4FAF-A11D-F96F-3E3BCE4DBB1C}"/>
          </ac:cxnSpMkLst>
        </pc:cxnChg>
        <pc:cxnChg chg="mod topLvl">
          <ac:chgData name="Sara Mastrorosa" userId="d159c406-3740-4568-9f4d-6092b2495d2a" providerId="ADAL" clId="{68E68552-334A-49D4-906D-42EB7454986A}" dt="2023-10-16T10:35:29.146" v="1304" actId="338"/>
          <ac:cxnSpMkLst>
            <pc:docMk/>
            <pc:sldMk cId="708254642" sldId="2147476492"/>
            <ac:cxnSpMk id="148" creationId="{9D55EF04-9583-7DD7-6914-8969FB5B4566}"/>
          </ac:cxnSpMkLst>
        </pc:cxnChg>
        <pc:cxnChg chg="mod topLvl">
          <ac:chgData name="Sara Mastrorosa" userId="d159c406-3740-4568-9f4d-6092b2495d2a" providerId="ADAL" clId="{68E68552-334A-49D4-906D-42EB7454986A}" dt="2023-10-16T10:37:30.605" v="1344" actId="14100"/>
          <ac:cxnSpMkLst>
            <pc:docMk/>
            <pc:sldMk cId="708254642" sldId="2147476492"/>
            <ac:cxnSpMk id="149" creationId="{3A35D86B-7DAD-CE14-3136-B80A1339CCA6}"/>
          </ac:cxnSpMkLst>
        </pc:cxnChg>
      </pc:sldChg>
      <pc:sldChg chg="new del">
        <pc:chgData name="Sara Mastrorosa" userId="d159c406-3740-4568-9f4d-6092b2495d2a" providerId="ADAL" clId="{68E68552-334A-49D4-906D-42EB7454986A}" dt="2023-10-16T09:52:47.094" v="921" actId="47"/>
        <pc:sldMkLst>
          <pc:docMk/>
          <pc:sldMk cId="2156909032" sldId="2147476492"/>
        </pc:sldMkLst>
      </pc:sldChg>
      <pc:sldChg chg="add del">
        <pc:chgData name="Sara Mastrorosa" userId="d159c406-3740-4568-9f4d-6092b2495d2a" providerId="ADAL" clId="{68E68552-334A-49D4-906D-42EB7454986A}" dt="2023-10-16T11:50:26.394" v="1853" actId="47"/>
        <pc:sldMkLst>
          <pc:docMk/>
          <pc:sldMk cId="279472478" sldId="2147476493"/>
        </pc:sldMkLst>
      </pc:sldChg>
      <pc:sldChg chg="addSp delSp modSp add mod ord modShow">
        <pc:chgData name="Sara Mastrorosa" userId="d159c406-3740-4568-9f4d-6092b2495d2a" providerId="ADAL" clId="{68E68552-334A-49D4-906D-42EB7454986A}" dt="2023-10-18T08:57:04.054" v="7766" actId="729"/>
        <pc:sldMkLst>
          <pc:docMk/>
          <pc:sldMk cId="1779934251" sldId="2147476494"/>
        </pc:sldMkLst>
        <pc:spChg chg="mod">
          <ac:chgData name="Sara Mastrorosa" userId="d159c406-3740-4568-9f4d-6092b2495d2a" providerId="ADAL" clId="{68E68552-334A-49D4-906D-42EB7454986A}" dt="2023-10-16T13:25:35.503" v="3178"/>
          <ac:spMkLst>
            <pc:docMk/>
            <pc:sldMk cId="1779934251" sldId="2147476494"/>
            <ac:spMk id="2" creationId="{122FD5BD-DAF5-1A87-AE17-933C9433B867}"/>
          </ac:spMkLst>
        </pc:spChg>
        <pc:spChg chg="del">
          <ac:chgData name="Sara Mastrorosa" userId="d159c406-3740-4568-9f4d-6092b2495d2a" providerId="ADAL" clId="{68E68552-334A-49D4-906D-42EB7454986A}" dt="2023-10-16T12:00:06.109" v="1862" actId="478"/>
          <ac:spMkLst>
            <pc:docMk/>
            <pc:sldMk cId="1779934251" sldId="2147476494"/>
            <ac:spMk id="3" creationId="{58BB20F9-0383-6B17-B25C-EBC97B50B312}"/>
          </ac:spMkLst>
        </pc:spChg>
        <pc:spChg chg="mod">
          <ac:chgData name="Sara Mastrorosa" userId="d159c406-3740-4568-9f4d-6092b2495d2a" providerId="ADAL" clId="{68E68552-334A-49D4-906D-42EB7454986A}" dt="2023-10-16T12:00:39.128" v="1865" actId="1076"/>
          <ac:spMkLst>
            <pc:docMk/>
            <pc:sldMk cId="1779934251" sldId="2147476494"/>
            <ac:spMk id="5" creationId="{08F2B45B-2BC1-44B2-4465-F8FD2B97328F}"/>
          </ac:spMkLst>
        </pc:spChg>
        <pc:spChg chg="mod ord">
          <ac:chgData name="Sara Mastrorosa" userId="d159c406-3740-4568-9f4d-6092b2495d2a" providerId="ADAL" clId="{68E68552-334A-49D4-906D-42EB7454986A}" dt="2023-10-16T12:03:47.418" v="2041" actId="1037"/>
          <ac:spMkLst>
            <pc:docMk/>
            <pc:sldMk cId="1779934251" sldId="2147476494"/>
            <ac:spMk id="6" creationId="{5DFEE4FC-CB7A-6246-952B-FFB874944E08}"/>
          </ac:spMkLst>
        </pc:spChg>
        <pc:spChg chg="del">
          <ac:chgData name="Sara Mastrorosa" userId="d159c406-3740-4568-9f4d-6092b2495d2a" providerId="ADAL" clId="{68E68552-334A-49D4-906D-42EB7454986A}" dt="2023-10-16T11:50:30.051" v="1854" actId="478"/>
          <ac:spMkLst>
            <pc:docMk/>
            <pc:sldMk cId="1779934251" sldId="2147476494"/>
            <ac:spMk id="7" creationId="{616ADD8D-3297-D2F9-C2A8-D1A9C88EE8C8}"/>
          </ac:spMkLst>
        </pc:spChg>
        <pc:spChg chg="mod ord">
          <ac:chgData name="Sara Mastrorosa" userId="d159c406-3740-4568-9f4d-6092b2495d2a" providerId="ADAL" clId="{68E68552-334A-49D4-906D-42EB7454986A}" dt="2023-10-16T12:03:47.418" v="2041" actId="1037"/>
          <ac:spMkLst>
            <pc:docMk/>
            <pc:sldMk cId="1779934251" sldId="2147476494"/>
            <ac:spMk id="9" creationId="{4A2FF5E8-B7C8-D3F0-C830-4717E2FD30F2}"/>
          </ac:spMkLst>
        </pc:spChg>
        <pc:spChg chg="mod">
          <ac:chgData name="Sara Mastrorosa" userId="d159c406-3740-4568-9f4d-6092b2495d2a" providerId="ADAL" clId="{68E68552-334A-49D4-906D-42EB7454986A}" dt="2023-10-16T12:14:27.835" v="2202" actId="1036"/>
          <ac:spMkLst>
            <pc:docMk/>
            <pc:sldMk cId="1779934251" sldId="2147476494"/>
            <ac:spMk id="10" creationId="{8609373F-287F-D060-FC0C-9A87CD90D3CD}"/>
          </ac:spMkLst>
        </pc:spChg>
        <pc:spChg chg="mod">
          <ac:chgData name="Sara Mastrorosa" userId="d159c406-3740-4568-9f4d-6092b2495d2a" providerId="ADAL" clId="{68E68552-334A-49D4-906D-42EB7454986A}" dt="2023-10-16T12:55:47.840" v="3037" actId="1036"/>
          <ac:spMkLst>
            <pc:docMk/>
            <pc:sldMk cId="1779934251" sldId="2147476494"/>
            <ac:spMk id="12" creationId="{84A6FEE9-C9B5-59B2-F810-29649986BAE1}"/>
          </ac:spMkLst>
        </pc:spChg>
        <pc:spChg chg="mod">
          <ac:chgData name="Sara Mastrorosa" userId="d159c406-3740-4568-9f4d-6092b2495d2a" providerId="ADAL" clId="{68E68552-334A-49D4-906D-42EB7454986A}" dt="2023-10-16T12:14:19.602" v="2192" actId="1036"/>
          <ac:spMkLst>
            <pc:docMk/>
            <pc:sldMk cId="1779934251" sldId="2147476494"/>
            <ac:spMk id="13" creationId="{F892B68B-D2AB-BF8C-9E7E-E5752B6238DC}"/>
          </ac:spMkLst>
        </pc:spChg>
        <pc:spChg chg="mod">
          <ac:chgData name="Sara Mastrorosa" userId="d159c406-3740-4568-9f4d-6092b2495d2a" providerId="ADAL" clId="{68E68552-334A-49D4-906D-42EB7454986A}" dt="2023-10-16T11:50:39.732" v="1855" actId="164"/>
          <ac:spMkLst>
            <pc:docMk/>
            <pc:sldMk cId="1779934251" sldId="2147476494"/>
            <ac:spMk id="19" creationId="{093F846B-C0A5-9CD3-B75A-34B69ECB413D}"/>
          </ac:spMkLst>
        </pc:spChg>
        <pc:spChg chg="add del mod">
          <ac:chgData name="Sara Mastrorosa" userId="d159c406-3740-4568-9f4d-6092b2495d2a" providerId="ADAL" clId="{68E68552-334A-49D4-906D-42EB7454986A}" dt="2023-10-16T12:00:39.804" v="1866"/>
          <ac:spMkLst>
            <pc:docMk/>
            <pc:sldMk cId="1779934251" sldId="2147476494"/>
            <ac:spMk id="20" creationId="{B2F8F63E-43C3-4DB2-041F-12A11CB1960A}"/>
          </ac:spMkLst>
        </pc:spChg>
        <pc:spChg chg="add del mod">
          <ac:chgData name="Sara Mastrorosa" userId="d159c406-3740-4568-9f4d-6092b2495d2a" providerId="ADAL" clId="{68E68552-334A-49D4-906D-42EB7454986A}" dt="2023-10-16T12:00:39.804" v="1866"/>
          <ac:spMkLst>
            <pc:docMk/>
            <pc:sldMk cId="1779934251" sldId="2147476494"/>
            <ac:spMk id="21" creationId="{4DC70B30-DBBE-5269-F200-C8CD64ED50A1}"/>
          </ac:spMkLst>
        </pc:spChg>
        <pc:spChg chg="mod">
          <ac:chgData name="Sara Mastrorosa" userId="d159c406-3740-4568-9f4d-6092b2495d2a" providerId="ADAL" clId="{68E68552-334A-49D4-906D-42EB7454986A}" dt="2023-10-16T11:50:39.732" v="1855" actId="164"/>
          <ac:spMkLst>
            <pc:docMk/>
            <pc:sldMk cId="1779934251" sldId="2147476494"/>
            <ac:spMk id="22" creationId="{D70D29A8-0FE0-5667-510E-724ED15D7EEE}"/>
          </ac:spMkLst>
        </pc:spChg>
        <pc:spChg chg="add del mod">
          <ac:chgData name="Sara Mastrorosa" userId="d159c406-3740-4568-9f4d-6092b2495d2a" providerId="ADAL" clId="{68E68552-334A-49D4-906D-42EB7454986A}" dt="2023-10-16T12:00:39.804" v="1866"/>
          <ac:spMkLst>
            <pc:docMk/>
            <pc:sldMk cId="1779934251" sldId="2147476494"/>
            <ac:spMk id="23" creationId="{283521B9-FE28-1F3C-28F4-C6E8BF0FAA75}"/>
          </ac:spMkLst>
        </pc:spChg>
        <pc:spChg chg="mod">
          <ac:chgData name="Sara Mastrorosa" userId="d159c406-3740-4568-9f4d-6092b2495d2a" providerId="ADAL" clId="{68E68552-334A-49D4-906D-42EB7454986A}" dt="2023-10-16T11:50:39.732" v="1855" actId="164"/>
          <ac:spMkLst>
            <pc:docMk/>
            <pc:sldMk cId="1779934251" sldId="2147476494"/>
            <ac:spMk id="24" creationId="{57E30B77-E513-EEAE-6184-57815776342E}"/>
          </ac:spMkLst>
        </pc:spChg>
        <pc:spChg chg="mod">
          <ac:chgData name="Sara Mastrorosa" userId="d159c406-3740-4568-9f4d-6092b2495d2a" providerId="ADAL" clId="{68E68552-334A-49D4-906D-42EB7454986A}" dt="2023-10-16T11:50:39.732" v="1855" actId="164"/>
          <ac:spMkLst>
            <pc:docMk/>
            <pc:sldMk cId="1779934251" sldId="2147476494"/>
            <ac:spMk id="25" creationId="{9B2A9903-FB7F-8C18-290F-A4EE7E14A41B}"/>
          </ac:spMkLst>
        </pc:spChg>
        <pc:spChg chg="mod">
          <ac:chgData name="Sara Mastrorosa" userId="d159c406-3740-4568-9f4d-6092b2495d2a" providerId="ADAL" clId="{68E68552-334A-49D4-906D-42EB7454986A}" dt="2023-10-16T11:50:39.732" v="1855" actId="164"/>
          <ac:spMkLst>
            <pc:docMk/>
            <pc:sldMk cId="1779934251" sldId="2147476494"/>
            <ac:spMk id="26" creationId="{E43C3544-D3B6-5C9F-81F5-41BB76AE41D2}"/>
          </ac:spMkLst>
        </pc:spChg>
        <pc:spChg chg="mod">
          <ac:chgData name="Sara Mastrorosa" userId="d159c406-3740-4568-9f4d-6092b2495d2a" providerId="ADAL" clId="{68E68552-334A-49D4-906D-42EB7454986A}" dt="2023-10-16T11:50:39.732" v="1855" actId="164"/>
          <ac:spMkLst>
            <pc:docMk/>
            <pc:sldMk cId="1779934251" sldId="2147476494"/>
            <ac:spMk id="28" creationId="{E0CE0152-2676-E918-4291-95B373922A8D}"/>
          </ac:spMkLst>
        </pc:spChg>
        <pc:spChg chg="add del mod">
          <ac:chgData name="Sara Mastrorosa" userId="d159c406-3740-4568-9f4d-6092b2495d2a" providerId="ADAL" clId="{68E68552-334A-49D4-906D-42EB7454986A}" dt="2023-10-16T12:00:39.804" v="1866"/>
          <ac:spMkLst>
            <pc:docMk/>
            <pc:sldMk cId="1779934251" sldId="2147476494"/>
            <ac:spMk id="29" creationId="{9B374098-39FC-794D-A2BA-E1475D3B817A}"/>
          </ac:spMkLst>
        </pc:spChg>
        <pc:spChg chg="add del mod">
          <ac:chgData name="Sara Mastrorosa" userId="d159c406-3740-4568-9f4d-6092b2495d2a" providerId="ADAL" clId="{68E68552-334A-49D4-906D-42EB7454986A}" dt="2023-10-16T12:00:39.804" v="1866"/>
          <ac:spMkLst>
            <pc:docMk/>
            <pc:sldMk cId="1779934251" sldId="2147476494"/>
            <ac:spMk id="30" creationId="{09F055E5-C326-E7AE-99AD-8895E5BFCE92}"/>
          </ac:spMkLst>
        </pc:spChg>
        <pc:spChg chg="add mod">
          <ac:chgData name="Sara Mastrorosa" userId="d159c406-3740-4568-9f4d-6092b2495d2a" providerId="ADAL" clId="{68E68552-334A-49D4-906D-42EB7454986A}" dt="2023-10-16T13:27:07.340" v="3199" actId="1035"/>
          <ac:spMkLst>
            <pc:docMk/>
            <pc:sldMk cId="1779934251" sldId="2147476494"/>
            <ac:spMk id="38" creationId="{18D0BA13-5C75-04F7-FA22-D8DAAB1E09BC}"/>
          </ac:spMkLst>
        </pc:spChg>
        <pc:spChg chg="add mod">
          <ac:chgData name="Sara Mastrorosa" userId="d159c406-3740-4568-9f4d-6092b2495d2a" providerId="ADAL" clId="{68E68552-334A-49D4-906D-42EB7454986A}" dt="2023-10-18T07:08:36.438" v="4814" actId="20577"/>
          <ac:spMkLst>
            <pc:docMk/>
            <pc:sldMk cId="1779934251" sldId="2147476494"/>
            <ac:spMk id="39" creationId="{8AE91132-63B2-A336-18DA-52C9E25E8609}"/>
          </ac:spMkLst>
        </pc:spChg>
        <pc:spChg chg="add mod">
          <ac:chgData name="Sara Mastrorosa" userId="d159c406-3740-4568-9f4d-6092b2495d2a" providerId="ADAL" clId="{68E68552-334A-49D4-906D-42EB7454986A}" dt="2023-10-16T13:26:58.659" v="3194" actId="1037"/>
          <ac:spMkLst>
            <pc:docMk/>
            <pc:sldMk cId="1779934251" sldId="2147476494"/>
            <ac:spMk id="40" creationId="{EE6FA58A-6E1D-B918-9340-6270FDB95CD8}"/>
          </ac:spMkLst>
        </pc:spChg>
        <pc:spChg chg="add del mod">
          <ac:chgData name="Sara Mastrorosa" userId="d159c406-3740-4568-9f4d-6092b2495d2a" providerId="ADAL" clId="{68E68552-334A-49D4-906D-42EB7454986A}" dt="2023-10-16T12:01:18.614" v="1937" actId="478"/>
          <ac:spMkLst>
            <pc:docMk/>
            <pc:sldMk cId="1779934251" sldId="2147476494"/>
            <ac:spMk id="42" creationId="{B81F6A13-6DD4-86AC-B93F-47415CAE9EB2}"/>
          </ac:spMkLst>
        </pc:spChg>
        <pc:spChg chg="add del mod">
          <ac:chgData name="Sara Mastrorosa" userId="d159c406-3740-4568-9f4d-6092b2495d2a" providerId="ADAL" clId="{68E68552-334A-49D4-906D-42EB7454986A}" dt="2023-10-16T12:01:18.614" v="1937" actId="478"/>
          <ac:spMkLst>
            <pc:docMk/>
            <pc:sldMk cId="1779934251" sldId="2147476494"/>
            <ac:spMk id="43" creationId="{AD7FC7A1-0865-2CAD-6675-6A0EAFB8B909}"/>
          </ac:spMkLst>
        </pc:spChg>
        <pc:grpChg chg="add mod">
          <ac:chgData name="Sara Mastrorosa" userId="d159c406-3740-4568-9f4d-6092b2495d2a" providerId="ADAL" clId="{68E68552-334A-49D4-906D-42EB7454986A}" dt="2023-10-16T13:25:21.690" v="3168" actId="1076"/>
          <ac:grpSpMkLst>
            <pc:docMk/>
            <pc:sldMk cId="1779934251" sldId="2147476494"/>
            <ac:grpSpMk id="15" creationId="{55EE7CB6-EE6E-9072-8B6D-AED65D023029}"/>
          </ac:grpSpMkLst>
        </pc:grpChg>
        <pc:picChg chg="mod">
          <ac:chgData name="Sara Mastrorosa" userId="d159c406-3740-4568-9f4d-6092b2495d2a" providerId="ADAL" clId="{68E68552-334A-49D4-906D-42EB7454986A}" dt="2023-10-16T11:50:39.732" v="1855" actId="164"/>
          <ac:picMkLst>
            <pc:docMk/>
            <pc:sldMk cId="1779934251" sldId="2147476494"/>
            <ac:picMk id="4" creationId="{089C6848-AFC5-338B-B2CE-0DB302F7BC0C}"/>
          </ac:picMkLst>
        </pc:picChg>
        <pc:picChg chg="mod">
          <ac:chgData name="Sara Mastrorosa" userId="d159c406-3740-4568-9f4d-6092b2495d2a" providerId="ADAL" clId="{68E68552-334A-49D4-906D-42EB7454986A}" dt="2023-10-16T12:55:29.263" v="3015" actId="14100"/>
          <ac:picMkLst>
            <pc:docMk/>
            <pc:sldMk cId="1779934251" sldId="2147476494"/>
            <ac:picMk id="8" creationId="{700F3163-B876-9696-B4DD-4B74879E2474}"/>
          </ac:picMkLst>
        </pc:picChg>
        <pc:picChg chg="mod">
          <ac:chgData name="Sara Mastrorosa" userId="d159c406-3740-4568-9f4d-6092b2495d2a" providerId="ADAL" clId="{68E68552-334A-49D4-906D-42EB7454986A}" dt="2023-10-16T12:55:47.840" v="3037" actId="1036"/>
          <ac:picMkLst>
            <pc:docMk/>
            <pc:sldMk cId="1779934251" sldId="2147476494"/>
            <ac:picMk id="11" creationId="{7B19A6C8-0569-F841-BFE5-9C0A9639DD9E}"/>
          </ac:picMkLst>
        </pc:picChg>
        <pc:picChg chg="mod ord">
          <ac:chgData name="Sara Mastrorosa" userId="d159c406-3740-4568-9f4d-6092b2495d2a" providerId="ADAL" clId="{68E68552-334A-49D4-906D-42EB7454986A}" dt="2023-10-16T12:03:47.418" v="2041" actId="1037"/>
          <ac:picMkLst>
            <pc:docMk/>
            <pc:sldMk cId="1779934251" sldId="2147476494"/>
            <ac:picMk id="14" creationId="{15C60654-0836-0300-DBD9-25C8FC1E3FA4}"/>
          </ac:picMkLst>
        </pc:picChg>
        <pc:picChg chg="add del mod">
          <ac:chgData name="Sara Mastrorosa" userId="d159c406-3740-4568-9f4d-6092b2495d2a" providerId="ADAL" clId="{68E68552-334A-49D4-906D-42EB7454986A}" dt="2023-10-16T12:00:39.804" v="1866"/>
          <ac:picMkLst>
            <pc:docMk/>
            <pc:sldMk cId="1779934251" sldId="2147476494"/>
            <ac:picMk id="27" creationId="{991B27A0-8B75-C46C-4962-B223B4A2CAE3}"/>
          </ac:picMkLst>
        </pc:picChg>
        <pc:picChg chg="add del mod">
          <ac:chgData name="Sara Mastrorosa" userId="d159c406-3740-4568-9f4d-6092b2495d2a" providerId="ADAL" clId="{68E68552-334A-49D4-906D-42EB7454986A}" dt="2023-10-16T12:00:39.804" v="1866"/>
          <ac:picMkLst>
            <pc:docMk/>
            <pc:sldMk cId="1779934251" sldId="2147476494"/>
            <ac:picMk id="31" creationId="{C09693FA-3115-F341-CB7F-2BCCDF7008D3}"/>
          </ac:picMkLst>
        </pc:picChg>
        <pc:picChg chg="add mod">
          <ac:chgData name="Sara Mastrorosa" userId="d159c406-3740-4568-9f4d-6092b2495d2a" providerId="ADAL" clId="{68E68552-334A-49D4-906D-42EB7454986A}" dt="2023-10-16T13:26:58.659" v="3194" actId="1037"/>
          <ac:picMkLst>
            <pc:docMk/>
            <pc:sldMk cId="1779934251" sldId="2147476494"/>
            <ac:picMk id="41" creationId="{45C0EFD5-F600-46A8-A5D5-135975D89167}"/>
          </ac:picMkLst>
        </pc:picChg>
        <pc:picChg chg="add del mod">
          <ac:chgData name="Sara Mastrorosa" userId="d159c406-3740-4568-9f4d-6092b2495d2a" providerId="ADAL" clId="{68E68552-334A-49D4-906D-42EB7454986A}" dt="2023-10-16T12:01:18.614" v="1937" actId="478"/>
          <ac:picMkLst>
            <pc:docMk/>
            <pc:sldMk cId="1779934251" sldId="2147476494"/>
            <ac:picMk id="44" creationId="{AEC2CF9A-D828-4F57-1B34-6B86EABC53F3}"/>
          </ac:picMkLst>
        </pc:picChg>
        <pc:cxnChg chg="add del mod">
          <ac:chgData name="Sara Mastrorosa" userId="d159c406-3740-4568-9f4d-6092b2495d2a" providerId="ADAL" clId="{68E68552-334A-49D4-906D-42EB7454986A}" dt="2023-10-16T12:00:39.804" v="1866"/>
          <ac:cxnSpMkLst>
            <pc:docMk/>
            <pc:sldMk cId="1779934251" sldId="2147476494"/>
            <ac:cxnSpMk id="16" creationId="{79F09C84-8CEB-373B-B275-DD415A87FA24}"/>
          </ac:cxnSpMkLst>
        </pc:cxnChg>
        <pc:cxnChg chg="add del mod">
          <ac:chgData name="Sara Mastrorosa" userId="d159c406-3740-4568-9f4d-6092b2495d2a" providerId="ADAL" clId="{68E68552-334A-49D4-906D-42EB7454986A}" dt="2023-10-16T12:00:39.804" v="1866"/>
          <ac:cxnSpMkLst>
            <pc:docMk/>
            <pc:sldMk cId="1779934251" sldId="2147476494"/>
            <ac:cxnSpMk id="17" creationId="{E7E22611-DB35-1325-5D4D-DF1EF738473A}"/>
          </ac:cxnSpMkLst>
        </pc:cxnChg>
        <pc:cxnChg chg="add del mod">
          <ac:chgData name="Sara Mastrorosa" userId="d159c406-3740-4568-9f4d-6092b2495d2a" providerId="ADAL" clId="{68E68552-334A-49D4-906D-42EB7454986A}" dt="2023-10-16T12:00:39.804" v="1866"/>
          <ac:cxnSpMkLst>
            <pc:docMk/>
            <pc:sldMk cId="1779934251" sldId="2147476494"/>
            <ac:cxnSpMk id="18" creationId="{E92D126D-B884-1043-2BEC-418F6934B765}"/>
          </ac:cxnSpMkLst>
        </pc:cxnChg>
        <pc:cxnChg chg="add del mod">
          <ac:chgData name="Sara Mastrorosa" userId="d159c406-3740-4568-9f4d-6092b2495d2a" providerId="ADAL" clId="{68E68552-334A-49D4-906D-42EB7454986A}" dt="2023-10-16T12:00:39.804" v="1866"/>
          <ac:cxnSpMkLst>
            <pc:docMk/>
            <pc:sldMk cId="1779934251" sldId="2147476494"/>
            <ac:cxnSpMk id="32" creationId="{447F531F-36C0-3BC1-CCC9-D65E0AABC3CB}"/>
          </ac:cxnSpMkLst>
        </pc:cxnChg>
        <pc:cxnChg chg="add del mod">
          <ac:chgData name="Sara Mastrorosa" userId="d159c406-3740-4568-9f4d-6092b2495d2a" providerId="ADAL" clId="{68E68552-334A-49D4-906D-42EB7454986A}" dt="2023-10-16T12:00:39.804" v="1866"/>
          <ac:cxnSpMkLst>
            <pc:docMk/>
            <pc:sldMk cId="1779934251" sldId="2147476494"/>
            <ac:cxnSpMk id="33" creationId="{EF6EA963-71D3-FCB5-0D22-F59FAEBFE308}"/>
          </ac:cxnSpMkLst>
        </pc:cxnChg>
        <pc:cxnChg chg="add mod">
          <ac:chgData name="Sara Mastrorosa" userId="d159c406-3740-4568-9f4d-6092b2495d2a" providerId="ADAL" clId="{68E68552-334A-49D4-906D-42EB7454986A}" dt="2023-10-16T12:01:00.520" v="1936"/>
          <ac:cxnSpMkLst>
            <pc:docMk/>
            <pc:sldMk cId="1779934251" sldId="2147476494"/>
            <ac:cxnSpMk id="34" creationId="{DE0432A5-928F-77BC-00FD-4C47320EA01A}"/>
          </ac:cxnSpMkLst>
        </pc:cxnChg>
        <pc:cxnChg chg="add mod">
          <ac:chgData name="Sara Mastrorosa" userId="d159c406-3740-4568-9f4d-6092b2495d2a" providerId="ADAL" clId="{68E68552-334A-49D4-906D-42EB7454986A}" dt="2023-10-16T12:01:00.520" v="1936"/>
          <ac:cxnSpMkLst>
            <pc:docMk/>
            <pc:sldMk cId="1779934251" sldId="2147476494"/>
            <ac:cxnSpMk id="36" creationId="{0C63C86E-BF91-4793-CA4B-F6A95CBA0E83}"/>
          </ac:cxnSpMkLst>
        </pc:cxnChg>
        <pc:cxnChg chg="add mod">
          <ac:chgData name="Sara Mastrorosa" userId="d159c406-3740-4568-9f4d-6092b2495d2a" providerId="ADAL" clId="{68E68552-334A-49D4-906D-42EB7454986A}" dt="2023-10-16T12:01:00.520" v="1936"/>
          <ac:cxnSpMkLst>
            <pc:docMk/>
            <pc:sldMk cId="1779934251" sldId="2147476494"/>
            <ac:cxnSpMk id="37" creationId="{36798850-9724-D2CA-DBC8-10E51B96BE27}"/>
          </ac:cxnSpMkLst>
        </pc:cxnChg>
        <pc:cxnChg chg="add mod">
          <ac:chgData name="Sara Mastrorosa" userId="d159c406-3740-4568-9f4d-6092b2495d2a" providerId="ADAL" clId="{68E68552-334A-49D4-906D-42EB7454986A}" dt="2023-10-16T12:01:00.520" v="1936"/>
          <ac:cxnSpMkLst>
            <pc:docMk/>
            <pc:sldMk cId="1779934251" sldId="2147476494"/>
            <ac:cxnSpMk id="45" creationId="{446367E0-F1A8-E41E-9CA4-83BBA9412598}"/>
          </ac:cxnSpMkLst>
        </pc:cxnChg>
        <pc:cxnChg chg="add mod">
          <ac:chgData name="Sara Mastrorosa" userId="d159c406-3740-4568-9f4d-6092b2495d2a" providerId="ADAL" clId="{68E68552-334A-49D4-906D-42EB7454986A}" dt="2023-10-16T12:01:00.520" v="1936"/>
          <ac:cxnSpMkLst>
            <pc:docMk/>
            <pc:sldMk cId="1779934251" sldId="2147476494"/>
            <ac:cxnSpMk id="46" creationId="{F70E07B8-B9B2-09FB-6ED8-EBD4852E19F7}"/>
          </ac:cxnSpMkLst>
        </pc:cxnChg>
        <pc:cxnChg chg="add mod ord">
          <ac:chgData name="Sara Mastrorosa" userId="d159c406-3740-4568-9f4d-6092b2495d2a" providerId="ADAL" clId="{68E68552-334A-49D4-906D-42EB7454986A}" dt="2023-10-16T12:16:46.752" v="2213" actId="14100"/>
          <ac:cxnSpMkLst>
            <pc:docMk/>
            <pc:sldMk cId="1779934251" sldId="2147476494"/>
            <ac:cxnSpMk id="47" creationId="{6EAD61A9-072A-9B1D-FA54-C70EE017FF23}"/>
          </ac:cxnSpMkLst>
        </pc:cxnChg>
        <pc:cxnChg chg="add mod">
          <ac:chgData name="Sara Mastrorosa" userId="d159c406-3740-4568-9f4d-6092b2495d2a" providerId="ADAL" clId="{68E68552-334A-49D4-906D-42EB7454986A}" dt="2023-10-16T12:16:28.019" v="2211" actId="14100"/>
          <ac:cxnSpMkLst>
            <pc:docMk/>
            <pc:sldMk cId="1779934251" sldId="2147476494"/>
            <ac:cxnSpMk id="49" creationId="{A7029C7A-F9FF-B330-2334-B75E30B98051}"/>
          </ac:cxnSpMkLst>
        </pc:cxnChg>
      </pc:sldChg>
      <pc:sldChg chg="add mod ord modShow">
        <pc:chgData name="Sara Mastrorosa" userId="d159c406-3740-4568-9f4d-6092b2495d2a" providerId="ADAL" clId="{68E68552-334A-49D4-906D-42EB7454986A}" dt="2023-10-16T12:59:06.896" v="3040" actId="729"/>
        <pc:sldMkLst>
          <pc:docMk/>
          <pc:sldMk cId="2102000062" sldId="2147476495"/>
        </pc:sldMkLst>
      </pc:sldChg>
      <pc:sldChg chg="addSp delSp modSp add mod ord modShow">
        <pc:chgData name="Sara Mastrorosa" userId="d159c406-3740-4568-9f4d-6092b2495d2a" providerId="ADAL" clId="{68E68552-334A-49D4-906D-42EB7454986A}" dt="2023-10-16T12:47:10.078" v="2995" actId="729"/>
        <pc:sldMkLst>
          <pc:docMk/>
          <pc:sldMk cId="1846647078" sldId="2147476496"/>
        </pc:sldMkLst>
        <pc:spChg chg="mod">
          <ac:chgData name="Sara Mastrorosa" userId="d159c406-3740-4568-9f4d-6092b2495d2a" providerId="ADAL" clId="{68E68552-334A-49D4-906D-42EB7454986A}" dt="2023-10-16T12:41:18.315" v="2736" actId="1076"/>
          <ac:spMkLst>
            <pc:docMk/>
            <pc:sldMk cId="1846647078" sldId="2147476496"/>
            <ac:spMk id="2" creationId="{6B76A86A-DF77-A55C-112A-DD9A68D991C0}"/>
          </ac:spMkLst>
        </pc:spChg>
        <pc:spChg chg="mod">
          <ac:chgData name="Sara Mastrorosa" userId="d159c406-3740-4568-9f4d-6092b2495d2a" providerId="ADAL" clId="{68E68552-334A-49D4-906D-42EB7454986A}" dt="2023-10-16T12:41:18.315" v="2736" actId="1076"/>
          <ac:spMkLst>
            <pc:docMk/>
            <pc:sldMk cId="1846647078" sldId="2147476496"/>
            <ac:spMk id="3" creationId="{CF8C611C-0BD5-6C58-2898-B4D4989E6E8D}"/>
          </ac:spMkLst>
        </pc:spChg>
        <pc:spChg chg="del mod">
          <ac:chgData name="Sara Mastrorosa" userId="d159c406-3740-4568-9f4d-6092b2495d2a" providerId="ADAL" clId="{68E68552-334A-49D4-906D-42EB7454986A}" dt="2023-10-16T12:40:57.596" v="2682" actId="478"/>
          <ac:spMkLst>
            <pc:docMk/>
            <pc:sldMk cId="1846647078" sldId="2147476496"/>
            <ac:spMk id="4" creationId="{3B3B71ED-3160-4737-6C7E-41C0FF95D324}"/>
          </ac:spMkLst>
        </pc:spChg>
        <pc:spChg chg="mod">
          <ac:chgData name="Sara Mastrorosa" userId="d159c406-3740-4568-9f4d-6092b2495d2a" providerId="ADAL" clId="{68E68552-334A-49D4-906D-42EB7454986A}" dt="2023-10-16T12:31:48.099" v="2420" actId="1037"/>
          <ac:spMkLst>
            <pc:docMk/>
            <pc:sldMk cId="1846647078" sldId="2147476496"/>
            <ac:spMk id="5" creationId="{08F2B45B-2BC1-44B2-4465-F8FD2B97328F}"/>
          </ac:spMkLst>
        </pc:spChg>
        <pc:spChg chg="del mod">
          <ac:chgData name="Sara Mastrorosa" userId="d159c406-3740-4568-9f4d-6092b2495d2a" providerId="ADAL" clId="{68E68552-334A-49D4-906D-42EB7454986A}" dt="2023-10-16T12:40:52.922" v="2681" actId="478"/>
          <ac:spMkLst>
            <pc:docMk/>
            <pc:sldMk cId="1846647078" sldId="2147476496"/>
            <ac:spMk id="6" creationId="{587267A9-FEC1-686C-CCAE-F86203070F10}"/>
          </ac:spMkLst>
        </pc:spChg>
        <pc:spChg chg="mod">
          <ac:chgData name="Sara Mastrorosa" userId="d159c406-3740-4568-9f4d-6092b2495d2a" providerId="ADAL" clId="{68E68552-334A-49D4-906D-42EB7454986A}" dt="2023-10-16T12:41:18.315" v="2736" actId="1076"/>
          <ac:spMkLst>
            <pc:docMk/>
            <pc:sldMk cId="1846647078" sldId="2147476496"/>
            <ac:spMk id="7" creationId="{1F347664-B6D6-956E-F550-676FB590DD21}"/>
          </ac:spMkLst>
        </pc:spChg>
        <pc:spChg chg="del mod">
          <ac:chgData name="Sara Mastrorosa" userId="d159c406-3740-4568-9f4d-6092b2495d2a" providerId="ADAL" clId="{68E68552-334A-49D4-906D-42EB7454986A}" dt="2023-10-16T12:32:20.892" v="2424" actId="478"/>
          <ac:spMkLst>
            <pc:docMk/>
            <pc:sldMk cId="1846647078" sldId="2147476496"/>
            <ac:spMk id="8" creationId="{72434351-A61D-84E0-386A-EE6FA813EC9A}"/>
          </ac:spMkLst>
        </pc:spChg>
        <pc:spChg chg="del">
          <ac:chgData name="Sara Mastrorosa" userId="d159c406-3740-4568-9f4d-6092b2495d2a" providerId="ADAL" clId="{68E68552-334A-49D4-906D-42EB7454986A}" dt="2023-10-16T12:31:43.531" v="2400" actId="478"/>
          <ac:spMkLst>
            <pc:docMk/>
            <pc:sldMk cId="1846647078" sldId="2147476496"/>
            <ac:spMk id="9" creationId="{43E7061D-7507-8BA0-93F2-64DAD7089C8B}"/>
          </ac:spMkLst>
        </pc:spChg>
        <pc:spChg chg="del">
          <ac:chgData name="Sara Mastrorosa" userId="d159c406-3740-4568-9f4d-6092b2495d2a" providerId="ADAL" clId="{68E68552-334A-49D4-906D-42EB7454986A}" dt="2023-10-16T12:31:43.531" v="2400" actId="478"/>
          <ac:spMkLst>
            <pc:docMk/>
            <pc:sldMk cId="1846647078" sldId="2147476496"/>
            <ac:spMk id="10" creationId="{37EDBEFD-FE09-0115-7D27-A8C9A11A18A6}"/>
          </ac:spMkLst>
        </pc:spChg>
        <pc:spChg chg="del mod">
          <ac:chgData name="Sara Mastrorosa" userId="d159c406-3740-4568-9f4d-6092b2495d2a" providerId="ADAL" clId="{68E68552-334A-49D4-906D-42EB7454986A}" dt="2023-10-16T12:32:17.452" v="2423" actId="478"/>
          <ac:spMkLst>
            <pc:docMk/>
            <pc:sldMk cId="1846647078" sldId="2147476496"/>
            <ac:spMk id="11" creationId="{72744B48-E233-83C1-A3A6-6511596298F4}"/>
          </ac:spMkLst>
        </pc:spChg>
        <pc:spChg chg="mod">
          <ac:chgData name="Sara Mastrorosa" userId="d159c406-3740-4568-9f4d-6092b2495d2a" providerId="ADAL" clId="{68E68552-334A-49D4-906D-42EB7454986A}" dt="2023-10-16T12:41:18.315" v="2736" actId="1076"/>
          <ac:spMkLst>
            <pc:docMk/>
            <pc:sldMk cId="1846647078" sldId="2147476496"/>
            <ac:spMk id="12" creationId="{F2D625EB-DA39-0D02-2D40-A3EA576B1BF8}"/>
          </ac:spMkLst>
        </pc:spChg>
        <pc:spChg chg="mod">
          <ac:chgData name="Sara Mastrorosa" userId="d159c406-3740-4568-9f4d-6092b2495d2a" providerId="ADAL" clId="{68E68552-334A-49D4-906D-42EB7454986A}" dt="2023-10-16T12:41:18.315" v="2736" actId="1076"/>
          <ac:spMkLst>
            <pc:docMk/>
            <pc:sldMk cId="1846647078" sldId="2147476496"/>
            <ac:spMk id="14" creationId="{A184F3EC-9BDB-4CAA-57AB-A7F321692A63}"/>
          </ac:spMkLst>
        </pc:spChg>
        <pc:spChg chg="mod">
          <ac:chgData name="Sara Mastrorosa" userId="d159c406-3740-4568-9f4d-6092b2495d2a" providerId="ADAL" clId="{68E68552-334A-49D4-906D-42EB7454986A}" dt="2023-10-16T12:41:18.315" v="2736" actId="1076"/>
          <ac:spMkLst>
            <pc:docMk/>
            <pc:sldMk cId="1846647078" sldId="2147476496"/>
            <ac:spMk id="15" creationId="{89B44B33-F15B-DD48-AC5B-83C8EF5BFB08}"/>
          </ac:spMkLst>
        </pc:spChg>
        <pc:spChg chg="mod">
          <ac:chgData name="Sara Mastrorosa" userId="d159c406-3740-4568-9f4d-6092b2495d2a" providerId="ADAL" clId="{68E68552-334A-49D4-906D-42EB7454986A}" dt="2023-10-16T12:41:18.315" v="2736" actId="1076"/>
          <ac:spMkLst>
            <pc:docMk/>
            <pc:sldMk cId="1846647078" sldId="2147476496"/>
            <ac:spMk id="18" creationId="{EF0FCF8C-F9A9-F13A-8DD1-355B8F215C35}"/>
          </ac:spMkLst>
        </pc:spChg>
        <pc:spChg chg="add mod">
          <ac:chgData name="Sara Mastrorosa" userId="d159c406-3740-4568-9f4d-6092b2495d2a" providerId="ADAL" clId="{68E68552-334A-49D4-906D-42EB7454986A}" dt="2023-10-16T12:30:58.521" v="2327" actId="207"/>
          <ac:spMkLst>
            <pc:docMk/>
            <pc:sldMk cId="1846647078" sldId="2147476496"/>
            <ac:spMk id="26" creationId="{BF8DBAB6-23E1-D539-4445-528895631166}"/>
          </ac:spMkLst>
        </pc:spChg>
        <pc:spChg chg="add mod">
          <ac:chgData name="Sara Mastrorosa" userId="d159c406-3740-4568-9f4d-6092b2495d2a" providerId="ADAL" clId="{68E68552-334A-49D4-906D-42EB7454986A}" dt="2023-10-16T12:43:17.451" v="2844" actId="20577"/>
          <ac:spMkLst>
            <pc:docMk/>
            <pc:sldMk cId="1846647078" sldId="2147476496"/>
            <ac:spMk id="27" creationId="{019C5E7A-29D8-50B9-BEB8-BB81B142BAC1}"/>
          </ac:spMkLst>
        </pc:spChg>
        <pc:spChg chg="add mod">
          <ac:chgData name="Sara Mastrorosa" userId="d159c406-3740-4568-9f4d-6092b2495d2a" providerId="ADAL" clId="{68E68552-334A-49D4-906D-42EB7454986A}" dt="2023-10-16T12:32:53.111" v="2438" actId="1036"/>
          <ac:spMkLst>
            <pc:docMk/>
            <pc:sldMk cId="1846647078" sldId="2147476496"/>
            <ac:spMk id="28" creationId="{248B7D83-97EA-0736-9929-E486BAC4A2FE}"/>
          </ac:spMkLst>
        </pc:spChg>
        <pc:spChg chg="add mod">
          <ac:chgData name="Sara Mastrorosa" userId="d159c406-3740-4568-9f4d-6092b2495d2a" providerId="ADAL" clId="{68E68552-334A-49D4-906D-42EB7454986A}" dt="2023-10-16T12:30:38.551" v="2325"/>
          <ac:spMkLst>
            <pc:docMk/>
            <pc:sldMk cId="1846647078" sldId="2147476496"/>
            <ac:spMk id="32" creationId="{A517499A-18E9-3037-E46A-E702FEE56E76}"/>
          </ac:spMkLst>
        </pc:spChg>
        <pc:spChg chg="add mod">
          <ac:chgData name="Sara Mastrorosa" userId="d159c406-3740-4568-9f4d-6092b2495d2a" providerId="ADAL" clId="{68E68552-334A-49D4-906D-42EB7454986A}" dt="2023-10-16T12:30:38.551" v="2325"/>
          <ac:spMkLst>
            <pc:docMk/>
            <pc:sldMk cId="1846647078" sldId="2147476496"/>
            <ac:spMk id="33" creationId="{BA866C34-B91D-C59B-8632-33FC0C7C24A6}"/>
          </ac:spMkLst>
        </pc:spChg>
        <pc:grpChg chg="add mod">
          <ac:chgData name="Sara Mastrorosa" userId="d159c406-3740-4568-9f4d-6092b2495d2a" providerId="ADAL" clId="{68E68552-334A-49D4-906D-42EB7454986A}" dt="2023-10-16T12:41:18.315" v="2736" actId="1076"/>
          <ac:grpSpMkLst>
            <pc:docMk/>
            <pc:sldMk cId="1846647078" sldId="2147476496"/>
            <ac:grpSpMk id="21" creationId="{D65F6ED4-A829-CB9E-E969-CD127F9DEB3E}"/>
          </ac:grpSpMkLst>
        </pc:grpChg>
        <pc:picChg chg="mod">
          <ac:chgData name="Sara Mastrorosa" userId="d159c406-3740-4568-9f4d-6092b2495d2a" providerId="ADAL" clId="{68E68552-334A-49D4-906D-42EB7454986A}" dt="2023-10-16T12:41:18.315" v="2736" actId="1076"/>
          <ac:picMkLst>
            <pc:docMk/>
            <pc:sldMk cId="1846647078" sldId="2147476496"/>
            <ac:picMk id="16" creationId="{546672E9-9AE4-1259-97E6-6DF1C09961DF}"/>
          </ac:picMkLst>
        </pc:picChg>
        <pc:picChg chg="mod">
          <ac:chgData name="Sara Mastrorosa" userId="d159c406-3740-4568-9f4d-6092b2495d2a" providerId="ADAL" clId="{68E68552-334A-49D4-906D-42EB7454986A}" dt="2023-10-16T12:41:18.315" v="2736" actId="1076"/>
          <ac:picMkLst>
            <pc:docMk/>
            <pc:sldMk cId="1846647078" sldId="2147476496"/>
            <ac:picMk id="17" creationId="{CAC4E01D-F789-C037-047E-3C7D39ED5220}"/>
          </ac:picMkLst>
        </pc:picChg>
        <pc:picChg chg="mod">
          <ac:chgData name="Sara Mastrorosa" userId="d159c406-3740-4568-9f4d-6092b2495d2a" providerId="ADAL" clId="{68E68552-334A-49D4-906D-42EB7454986A}" dt="2023-10-16T12:41:18.315" v="2736" actId="1076"/>
          <ac:picMkLst>
            <pc:docMk/>
            <pc:sldMk cId="1846647078" sldId="2147476496"/>
            <ac:picMk id="19" creationId="{A9D26A5B-C408-D9CD-511B-9BEEC075D8F2}"/>
          </ac:picMkLst>
        </pc:picChg>
        <pc:picChg chg="del">
          <ac:chgData name="Sara Mastrorosa" userId="d159c406-3740-4568-9f4d-6092b2495d2a" providerId="ADAL" clId="{68E68552-334A-49D4-906D-42EB7454986A}" dt="2023-10-16T12:31:43.531" v="2400" actId="478"/>
          <ac:picMkLst>
            <pc:docMk/>
            <pc:sldMk cId="1846647078" sldId="2147476496"/>
            <ac:picMk id="20" creationId="{AB6EBCB4-A08B-7D90-7D18-474D3026DA1A}"/>
          </ac:picMkLst>
        </pc:picChg>
        <pc:picChg chg="add mod">
          <ac:chgData name="Sara Mastrorosa" userId="d159c406-3740-4568-9f4d-6092b2495d2a" providerId="ADAL" clId="{68E68552-334A-49D4-906D-42EB7454986A}" dt="2023-10-16T12:35:30.468" v="2526" actId="1035"/>
          <ac:picMkLst>
            <pc:docMk/>
            <pc:sldMk cId="1846647078" sldId="2147476496"/>
            <ac:picMk id="29" creationId="{AE3CACFF-51E2-0724-55CE-0239486F69E7}"/>
          </ac:picMkLst>
        </pc:picChg>
        <pc:picChg chg="add mod">
          <ac:chgData name="Sara Mastrorosa" userId="d159c406-3740-4568-9f4d-6092b2495d2a" providerId="ADAL" clId="{68E68552-334A-49D4-906D-42EB7454986A}" dt="2023-10-16T12:30:38.551" v="2325"/>
          <ac:picMkLst>
            <pc:docMk/>
            <pc:sldMk cId="1846647078" sldId="2147476496"/>
            <ac:picMk id="34" creationId="{5E8F72A8-D99A-8F01-236F-9769AD1886B9}"/>
          </ac:picMkLst>
        </pc:picChg>
        <pc:cxnChg chg="add mod">
          <ac:chgData name="Sara Mastrorosa" userId="d159c406-3740-4568-9f4d-6092b2495d2a" providerId="ADAL" clId="{68E68552-334A-49D4-906D-42EB7454986A}" dt="2023-10-16T12:30:38.551" v="2325"/>
          <ac:cxnSpMkLst>
            <pc:docMk/>
            <pc:sldMk cId="1846647078" sldId="2147476496"/>
            <ac:cxnSpMk id="22" creationId="{1CDE986A-D411-879B-B8A0-0CA6D821EF3F}"/>
          </ac:cxnSpMkLst>
        </pc:cxnChg>
        <pc:cxnChg chg="add mod">
          <ac:chgData name="Sara Mastrorosa" userId="d159c406-3740-4568-9f4d-6092b2495d2a" providerId="ADAL" clId="{68E68552-334A-49D4-906D-42EB7454986A}" dt="2023-10-16T12:30:38.551" v="2325"/>
          <ac:cxnSpMkLst>
            <pc:docMk/>
            <pc:sldMk cId="1846647078" sldId="2147476496"/>
            <ac:cxnSpMk id="23" creationId="{3132C647-9380-F39E-BB60-AAC890D725FC}"/>
          </ac:cxnSpMkLst>
        </pc:cxnChg>
        <pc:cxnChg chg="add mod">
          <ac:chgData name="Sara Mastrorosa" userId="d159c406-3740-4568-9f4d-6092b2495d2a" providerId="ADAL" clId="{68E68552-334A-49D4-906D-42EB7454986A}" dt="2023-10-16T12:30:38.551" v="2325"/>
          <ac:cxnSpMkLst>
            <pc:docMk/>
            <pc:sldMk cId="1846647078" sldId="2147476496"/>
            <ac:cxnSpMk id="24" creationId="{490869C5-89EC-DF6D-058C-76A50665CBC8}"/>
          </ac:cxnSpMkLst>
        </pc:cxnChg>
        <pc:cxnChg chg="add mod">
          <ac:chgData name="Sara Mastrorosa" userId="d159c406-3740-4568-9f4d-6092b2495d2a" providerId="ADAL" clId="{68E68552-334A-49D4-906D-42EB7454986A}" dt="2023-10-16T12:30:38.551" v="2325"/>
          <ac:cxnSpMkLst>
            <pc:docMk/>
            <pc:sldMk cId="1846647078" sldId="2147476496"/>
            <ac:cxnSpMk id="25" creationId="{AD652ADC-2C3E-9BC3-C773-7B9C5BC8D622}"/>
          </ac:cxnSpMkLst>
        </pc:cxnChg>
        <pc:cxnChg chg="add mod">
          <ac:chgData name="Sara Mastrorosa" userId="d159c406-3740-4568-9f4d-6092b2495d2a" providerId="ADAL" clId="{68E68552-334A-49D4-906D-42EB7454986A}" dt="2023-10-16T12:30:38.551" v="2325"/>
          <ac:cxnSpMkLst>
            <pc:docMk/>
            <pc:sldMk cId="1846647078" sldId="2147476496"/>
            <ac:cxnSpMk id="30" creationId="{4A0A3732-2CA8-B95D-4E57-94EBC3ACF16E}"/>
          </ac:cxnSpMkLst>
        </pc:cxnChg>
        <pc:cxnChg chg="add mod">
          <ac:chgData name="Sara Mastrorosa" userId="d159c406-3740-4568-9f4d-6092b2495d2a" providerId="ADAL" clId="{68E68552-334A-49D4-906D-42EB7454986A}" dt="2023-10-16T12:30:38.551" v="2325"/>
          <ac:cxnSpMkLst>
            <pc:docMk/>
            <pc:sldMk cId="1846647078" sldId="2147476496"/>
            <ac:cxnSpMk id="31" creationId="{5A656EDB-8167-EE56-15C7-6B7A7ECDFF81}"/>
          </ac:cxnSpMkLst>
        </pc:cxnChg>
        <pc:cxnChg chg="add mod ord">
          <ac:chgData name="Sara Mastrorosa" userId="d159c406-3740-4568-9f4d-6092b2495d2a" providerId="ADAL" clId="{68E68552-334A-49D4-906D-42EB7454986A}" dt="2023-10-16T12:39:51.240" v="2646" actId="14100"/>
          <ac:cxnSpMkLst>
            <pc:docMk/>
            <pc:sldMk cId="1846647078" sldId="2147476496"/>
            <ac:cxnSpMk id="36" creationId="{4D9E2B80-FAE8-8A5F-3EA5-5B24B698011C}"/>
          </ac:cxnSpMkLst>
        </pc:cxnChg>
        <pc:cxnChg chg="add mod">
          <ac:chgData name="Sara Mastrorosa" userId="d159c406-3740-4568-9f4d-6092b2495d2a" providerId="ADAL" clId="{68E68552-334A-49D4-906D-42EB7454986A}" dt="2023-10-16T12:40:05.766" v="2658" actId="14100"/>
          <ac:cxnSpMkLst>
            <pc:docMk/>
            <pc:sldMk cId="1846647078" sldId="2147476496"/>
            <ac:cxnSpMk id="40" creationId="{2487B00F-2ABF-0740-4B0C-2DFD5C7DF6DA}"/>
          </ac:cxnSpMkLst>
        </pc:cxnChg>
      </pc:sldChg>
      <pc:sldChg chg="addSp delSp modSp add mod">
        <pc:chgData name="Sara Mastrorosa" userId="d159c406-3740-4568-9f4d-6092b2495d2a" providerId="ADAL" clId="{68E68552-334A-49D4-906D-42EB7454986A}" dt="2023-10-19T15:02:06.149" v="9656" actId="1037"/>
        <pc:sldMkLst>
          <pc:docMk/>
          <pc:sldMk cId="624556791" sldId="2147476497"/>
        </pc:sldMkLst>
        <pc:spChg chg="del mod">
          <ac:chgData name="Sara Mastrorosa" userId="d159c406-3740-4568-9f4d-6092b2495d2a" providerId="ADAL" clId="{68E68552-334A-49D4-906D-42EB7454986A}" dt="2023-10-19T15:01:51.844" v="9610" actId="478"/>
          <ac:spMkLst>
            <pc:docMk/>
            <pc:sldMk cId="624556791" sldId="2147476497"/>
            <ac:spMk id="10" creationId="{C5BC277D-CE67-870B-D765-EC6437F60853}"/>
          </ac:spMkLst>
        </pc:spChg>
        <pc:spChg chg="mod">
          <ac:chgData name="Sara Mastrorosa" userId="d159c406-3740-4568-9f4d-6092b2495d2a" providerId="ADAL" clId="{68E68552-334A-49D4-906D-42EB7454986A}" dt="2023-10-19T15:02:06.149" v="9656" actId="1037"/>
          <ac:spMkLst>
            <pc:docMk/>
            <pc:sldMk cId="624556791" sldId="2147476497"/>
            <ac:spMk id="20" creationId="{1772249E-E43C-2AA8-9050-30039C6E5B3C}"/>
          </ac:spMkLst>
        </pc:spChg>
        <pc:spChg chg="mod">
          <ac:chgData name="Sara Mastrorosa" userId="d159c406-3740-4568-9f4d-6092b2495d2a" providerId="ADAL" clId="{68E68552-334A-49D4-906D-42EB7454986A}" dt="2023-10-16T13:04:15.646" v="3149" actId="1037"/>
          <ac:spMkLst>
            <pc:docMk/>
            <pc:sldMk cId="624556791" sldId="2147476497"/>
            <ac:spMk id="26" creationId="{BF8DBAB6-23E1-D539-4445-528895631166}"/>
          </ac:spMkLst>
        </pc:spChg>
        <pc:spChg chg="mod">
          <ac:chgData name="Sara Mastrorosa" userId="d159c406-3740-4568-9f4d-6092b2495d2a" providerId="ADAL" clId="{68E68552-334A-49D4-906D-42EB7454986A}" dt="2023-10-16T13:04:15.646" v="3149" actId="1037"/>
          <ac:spMkLst>
            <pc:docMk/>
            <pc:sldMk cId="624556791" sldId="2147476497"/>
            <ac:spMk id="27" creationId="{019C5E7A-29D8-50B9-BEB8-BB81B142BAC1}"/>
          </ac:spMkLst>
        </pc:spChg>
        <pc:spChg chg="mod">
          <ac:chgData name="Sara Mastrorosa" userId="d159c406-3740-4568-9f4d-6092b2495d2a" providerId="ADAL" clId="{68E68552-334A-49D4-906D-42EB7454986A}" dt="2023-10-16T13:04:15.646" v="3149" actId="1037"/>
          <ac:spMkLst>
            <pc:docMk/>
            <pc:sldMk cId="624556791" sldId="2147476497"/>
            <ac:spMk id="28" creationId="{248B7D83-97EA-0736-9929-E486BAC4A2FE}"/>
          </ac:spMkLst>
        </pc:spChg>
        <pc:spChg chg="mod">
          <ac:chgData name="Sara Mastrorosa" userId="d159c406-3740-4568-9f4d-6092b2495d2a" providerId="ADAL" clId="{68E68552-334A-49D4-906D-42EB7454986A}" dt="2023-10-16T13:04:15.646" v="3149" actId="1037"/>
          <ac:spMkLst>
            <pc:docMk/>
            <pc:sldMk cId="624556791" sldId="2147476497"/>
            <ac:spMk id="32" creationId="{A517499A-18E9-3037-E46A-E702FEE56E76}"/>
          </ac:spMkLst>
        </pc:spChg>
        <pc:spChg chg="mod">
          <ac:chgData name="Sara Mastrorosa" userId="d159c406-3740-4568-9f4d-6092b2495d2a" providerId="ADAL" clId="{68E68552-334A-49D4-906D-42EB7454986A}" dt="2023-10-16T13:04:15.646" v="3149" actId="1037"/>
          <ac:spMkLst>
            <pc:docMk/>
            <pc:sldMk cId="624556791" sldId="2147476497"/>
            <ac:spMk id="33" creationId="{BA866C34-B91D-C59B-8632-33FC0C7C24A6}"/>
          </ac:spMkLst>
        </pc:spChg>
        <pc:spChg chg="mod">
          <ac:chgData name="Sara Mastrorosa" userId="d159c406-3740-4568-9f4d-6092b2495d2a" providerId="ADAL" clId="{68E68552-334A-49D4-906D-42EB7454986A}" dt="2023-10-19T15:02:06.149" v="9656" actId="1037"/>
          <ac:spMkLst>
            <pc:docMk/>
            <pc:sldMk cId="624556791" sldId="2147476497"/>
            <ac:spMk id="38" creationId="{538DD084-A3B4-9F0A-75DD-4FE120CFD943}"/>
          </ac:spMkLst>
        </pc:spChg>
        <pc:spChg chg="mod">
          <ac:chgData name="Sara Mastrorosa" userId="d159c406-3740-4568-9f4d-6092b2495d2a" providerId="ADAL" clId="{68E68552-334A-49D4-906D-42EB7454986A}" dt="2023-10-19T15:02:06.149" v="9656" actId="1037"/>
          <ac:spMkLst>
            <pc:docMk/>
            <pc:sldMk cId="624556791" sldId="2147476497"/>
            <ac:spMk id="41" creationId="{DB9384C1-D874-C56A-DDA6-EDC6C9924681}"/>
          </ac:spMkLst>
        </pc:spChg>
        <pc:spChg chg="mod">
          <ac:chgData name="Sara Mastrorosa" userId="d159c406-3740-4568-9f4d-6092b2495d2a" providerId="ADAL" clId="{68E68552-334A-49D4-906D-42EB7454986A}" dt="2023-10-19T15:02:06.149" v="9656" actId="1037"/>
          <ac:spMkLst>
            <pc:docMk/>
            <pc:sldMk cId="624556791" sldId="2147476497"/>
            <ac:spMk id="43" creationId="{89188892-87A1-CABA-46DE-7E0BFE5603AF}"/>
          </ac:spMkLst>
        </pc:spChg>
        <pc:spChg chg="mod">
          <ac:chgData name="Sara Mastrorosa" userId="d159c406-3740-4568-9f4d-6092b2495d2a" providerId="ADAL" clId="{68E68552-334A-49D4-906D-42EB7454986A}" dt="2023-10-19T15:02:06.149" v="9656" actId="1037"/>
          <ac:spMkLst>
            <pc:docMk/>
            <pc:sldMk cId="624556791" sldId="2147476497"/>
            <ac:spMk id="44" creationId="{DC40EF6F-5966-186B-47B4-259C3E761C9A}"/>
          </ac:spMkLst>
        </pc:spChg>
        <pc:spChg chg="mod">
          <ac:chgData name="Sara Mastrorosa" userId="d159c406-3740-4568-9f4d-6092b2495d2a" providerId="ADAL" clId="{68E68552-334A-49D4-906D-42EB7454986A}" dt="2023-10-19T15:02:06.149" v="9656" actId="1037"/>
          <ac:spMkLst>
            <pc:docMk/>
            <pc:sldMk cId="624556791" sldId="2147476497"/>
            <ac:spMk id="46" creationId="{FC0B53D7-B01F-351C-E7DA-CFCD506B2C68}"/>
          </ac:spMkLst>
        </pc:spChg>
        <pc:spChg chg="mod">
          <ac:chgData name="Sara Mastrorosa" userId="d159c406-3740-4568-9f4d-6092b2495d2a" providerId="ADAL" clId="{68E68552-334A-49D4-906D-42EB7454986A}" dt="2023-10-19T15:02:06.149" v="9656" actId="1037"/>
          <ac:spMkLst>
            <pc:docMk/>
            <pc:sldMk cId="624556791" sldId="2147476497"/>
            <ac:spMk id="47" creationId="{C9FCFD87-A16C-A229-EB87-C919A70B2A99}"/>
          </ac:spMkLst>
        </pc:spChg>
        <pc:spChg chg="mod">
          <ac:chgData name="Sara Mastrorosa" userId="d159c406-3740-4568-9f4d-6092b2495d2a" providerId="ADAL" clId="{68E68552-334A-49D4-906D-42EB7454986A}" dt="2023-10-19T15:02:06.149" v="9656" actId="1037"/>
          <ac:spMkLst>
            <pc:docMk/>
            <pc:sldMk cId="624556791" sldId="2147476497"/>
            <ac:spMk id="50" creationId="{E3051E09-AA91-C5FF-5E1E-530ACD5610AF}"/>
          </ac:spMkLst>
        </pc:spChg>
        <pc:spChg chg="mod">
          <ac:chgData name="Sara Mastrorosa" userId="d159c406-3740-4568-9f4d-6092b2495d2a" providerId="ADAL" clId="{68E68552-334A-49D4-906D-42EB7454986A}" dt="2023-10-19T15:02:06.149" v="9656" actId="1037"/>
          <ac:spMkLst>
            <pc:docMk/>
            <pc:sldMk cId="624556791" sldId="2147476497"/>
            <ac:spMk id="53" creationId="{6077B44B-D860-5E3B-B94A-98CB8A38B679}"/>
          </ac:spMkLst>
        </pc:spChg>
        <pc:spChg chg="mod">
          <ac:chgData name="Sara Mastrorosa" userId="d159c406-3740-4568-9f4d-6092b2495d2a" providerId="ADAL" clId="{68E68552-334A-49D4-906D-42EB7454986A}" dt="2023-10-19T15:02:06.149" v="9656" actId="1037"/>
          <ac:spMkLst>
            <pc:docMk/>
            <pc:sldMk cId="624556791" sldId="2147476497"/>
            <ac:spMk id="54" creationId="{91A8D74B-22F0-8C00-2A5C-19706561190E}"/>
          </ac:spMkLst>
        </pc:spChg>
        <pc:grpChg chg="add mod">
          <ac:chgData name="Sara Mastrorosa" userId="d159c406-3740-4568-9f4d-6092b2495d2a" providerId="ADAL" clId="{68E68552-334A-49D4-906D-42EB7454986A}" dt="2023-10-19T15:02:06.149" v="9656" actId="1037"/>
          <ac:grpSpMkLst>
            <pc:docMk/>
            <pc:sldMk cId="624556791" sldId="2147476497"/>
            <ac:grpSpMk id="4" creationId="{FD807A26-814F-EEEE-8D7A-CF8B79C21BD7}"/>
          </ac:grpSpMkLst>
        </pc:grpChg>
        <pc:grpChg chg="mod">
          <ac:chgData name="Sara Mastrorosa" userId="d159c406-3740-4568-9f4d-6092b2495d2a" providerId="ADAL" clId="{68E68552-334A-49D4-906D-42EB7454986A}" dt="2023-10-19T15:02:06.149" v="9656" actId="1037"/>
          <ac:grpSpMkLst>
            <pc:docMk/>
            <pc:sldMk cId="624556791" sldId="2147476497"/>
            <ac:grpSpMk id="6" creationId="{C421D833-FBC8-260E-0E86-78D71EE2AE74}"/>
          </ac:grpSpMkLst>
        </pc:grpChg>
        <pc:grpChg chg="mod">
          <ac:chgData name="Sara Mastrorosa" userId="d159c406-3740-4568-9f4d-6092b2495d2a" providerId="ADAL" clId="{68E68552-334A-49D4-906D-42EB7454986A}" dt="2023-10-19T15:02:06.149" v="9656" actId="1037"/>
          <ac:grpSpMkLst>
            <pc:docMk/>
            <pc:sldMk cId="624556791" sldId="2147476497"/>
            <ac:grpSpMk id="8" creationId="{2EB7BC87-257B-662E-59FC-797D37AFFA3A}"/>
          </ac:grpSpMkLst>
        </pc:grpChg>
        <pc:grpChg chg="del mod">
          <ac:chgData name="Sara Mastrorosa" userId="d159c406-3740-4568-9f4d-6092b2495d2a" providerId="ADAL" clId="{68E68552-334A-49D4-906D-42EB7454986A}" dt="2023-10-16T12:45:05.897" v="2896" actId="478"/>
          <ac:grpSpMkLst>
            <pc:docMk/>
            <pc:sldMk cId="624556791" sldId="2147476497"/>
            <ac:grpSpMk id="9" creationId="{AED52778-7288-80D0-E44E-5CF7BA31F60C}"/>
          </ac:grpSpMkLst>
        </pc:grpChg>
        <pc:grpChg chg="del">
          <ac:chgData name="Sara Mastrorosa" userId="d159c406-3740-4568-9f4d-6092b2495d2a" providerId="ADAL" clId="{68E68552-334A-49D4-906D-42EB7454986A}" dt="2023-10-16T12:44:11.171" v="2847" actId="478"/>
          <ac:grpSpMkLst>
            <pc:docMk/>
            <pc:sldMk cId="624556791" sldId="2147476497"/>
            <ac:grpSpMk id="21" creationId="{D65F6ED4-A829-CB9E-E969-CD127F9DEB3E}"/>
          </ac:grpSpMkLst>
        </pc:grpChg>
        <pc:picChg chg="mod">
          <ac:chgData name="Sara Mastrorosa" userId="d159c406-3740-4568-9f4d-6092b2495d2a" providerId="ADAL" clId="{68E68552-334A-49D4-906D-42EB7454986A}" dt="2023-10-19T15:02:06.149" v="9656" actId="1037"/>
          <ac:picMkLst>
            <pc:docMk/>
            <pc:sldMk cId="624556791" sldId="2147476497"/>
            <ac:picMk id="11" creationId="{688FC9FB-ED98-362E-4232-B0F67508ECC2}"/>
          </ac:picMkLst>
        </pc:picChg>
        <pc:picChg chg="mod">
          <ac:chgData name="Sara Mastrorosa" userId="d159c406-3740-4568-9f4d-6092b2495d2a" providerId="ADAL" clId="{68E68552-334A-49D4-906D-42EB7454986A}" dt="2023-10-16T13:25:40.217" v="3180" actId="1076"/>
          <ac:picMkLst>
            <pc:docMk/>
            <pc:sldMk cId="624556791" sldId="2147476497"/>
            <ac:picMk id="29" creationId="{AE3CACFF-51E2-0724-55CE-0239486F69E7}"/>
          </ac:picMkLst>
        </pc:picChg>
        <pc:picChg chg="mod">
          <ac:chgData name="Sara Mastrorosa" userId="d159c406-3740-4568-9f4d-6092b2495d2a" providerId="ADAL" clId="{68E68552-334A-49D4-906D-42EB7454986A}" dt="2023-10-16T13:04:15.646" v="3149" actId="1037"/>
          <ac:picMkLst>
            <pc:docMk/>
            <pc:sldMk cId="624556791" sldId="2147476497"/>
            <ac:picMk id="34" creationId="{5E8F72A8-D99A-8F01-236F-9769AD1886B9}"/>
          </ac:picMkLst>
        </pc:picChg>
        <pc:picChg chg="mod">
          <ac:chgData name="Sara Mastrorosa" userId="d159c406-3740-4568-9f4d-6092b2495d2a" providerId="ADAL" clId="{68E68552-334A-49D4-906D-42EB7454986A}" dt="2023-10-19T15:02:06.149" v="9656" actId="1037"/>
          <ac:picMkLst>
            <pc:docMk/>
            <pc:sldMk cId="624556791" sldId="2147476497"/>
            <ac:picMk id="37" creationId="{55689214-832E-4C96-80E6-3679822377FC}"/>
          </ac:picMkLst>
        </pc:picChg>
        <pc:picChg chg="mod">
          <ac:chgData name="Sara Mastrorosa" userId="d159c406-3740-4568-9f4d-6092b2495d2a" providerId="ADAL" clId="{68E68552-334A-49D4-906D-42EB7454986A}" dt="2023-10-19T15:02:06.149" v="9656" actId="1037"/>
          <ac:picMkLst>
            <pc:docMk/>
            <pc:sldMk cId="624556791" sldId="2147476497"/>
            <ac:picMk id="39" creationId="{3F03ACE0-8921-FC2E-108D-7A0B3106E085}"/>
          </ac:picMkLst>
        </pc:picChg>
        <pc:picChg chg="mod">
          <ac:chgData name="Sara Mastrorosa" userId="d159c406-3740-4568-9f4d-6092b2495d2a" providerId="ADAL" clId="{68E68552-334A-49D4-906D-42EB7454986A}" dt="2023-10-19T15:02:06.149" v="9656" actId="1037"/>
          <ac:picMkLst>
            <pc:docMk/>
            <pc:sldMk cId="624556791" sldId="2147476497"/>
            <ac:picMk id="42" creationId="{A1C0F6BC-648F-1345-0DB1-509C94E7B09D}"/>
          </ac:picMkLst>
        </pc:picChg>
        <pc:picChg chg="mod">
          <ac:chgData name="Sara Mastrorosa" userId="d159c406-3740-4568-9f4d-6092b2495d2a" providerId="ADAL" clId="{68E68552-334A-49D4-906D-42EB7454986A}" dt="2023-10-19T15:02:06.149" v="9656" actId="1037"/>
          <ac:picMkLst>
            <pc:docMk/>
            <pc:sldMk cId="624556791" sldId="2147476497"/>
            <ac:picMk id="45" creationId="{5D9387AE-2046-8AC8-133F-996207BBF3C5}"/>
          </ac:picMkLst>
        </pc:picChg>
        <pc:picChg chg="del mod">
          <ac:chgData name="Sara Mastrorosa" userId="d159c406-3740-4568-9f4d-6092b2495d2a" providerId="ADAL" clId="{68E68552-334A-49D4-906D-42EB7454986A}" dt="2023-10-19T15:01:50.031" v="9609" actId="478"/>
          <ac:picMkLst>
            <pc:docMk/>
            <pc:sldMk cId="624556791" sldId="2147476497"/>
            <ac:picMk id="48" creationId="{08626B9E-8FBD-D121-5E18-498E51822705}"/>
          </ac:picMkLst>
        </pc:picChg>
        <pc:picChg chg="del mod">
          <ac:chgData name="Sara Mastrorosa" userId="d159c406-3740-4568-9f4d-6092b2495d2a" providerId="ADAL" clId="{68E68552-334A-49D4-906D-42EB7454986A}" dt="2023-10-16T12:45:05.897" v="2896" actId="478"/>
          <ac:picMkLst>
            <pc:docMk/>
            <pc:sldMk cId="624556791" sldId="2147476497"/>
            <ac:picMk id="49" creationId="{635E1E64-D615-9AC1-E4CB-9014098D4A57}"/>
          </ac:picMkLst>
        </pc:picChg>
        <pc:picChg chg="mod">
          <ac:chgData name="Sara Mastrorosa" userId="d159c406-3740-4568-9f4d-6092b2495d2a" providerId="ADAL" clId="{68E68552-334A-49D4-906D-42EB7454986A}" dt="2023-10-19T15:02:06.149" v="9656" actId="1037"/>
          <ac:picMkLst>
            <pc:docMk/>
            <pc:sldMk cId="624556791" sldId="2147476497"/>
            <ac:picMk id="51" creationId="{E9B4A055-903E-6196-618C-A93DA88E1826}"/>
          </ac:picMkLst>
        </pc:picChg>
        <pc:picChg chg="mod">
          <ac:chgData name="Sara Mastrorosa" userId="d159c406-3740-4568-9f4d-6092b2495d2a" providerId="ADAL" clId="{68E68552-334A-49D4-906D-42EB7454986A}" dt="2023-10-19T15:02:06.149" v="9656" actId="1037"/>
          <ac:picMkLst>
            <pc:docMk/>
            <pc:sldMk cId="624556791" sldId="2147476497"/>
            <ac:picMk id="52" creationId="{0A4F96DD-4D85-2421-5835-DA454342473E}"/>
          </ac:picMkLst>
        </pc:picChg>
        <pc:cxnChg chg="mod">
          <ac:chgData name="Sara Mastrorosa" userId="d159c406-3740-4568-9f4d-6092b2495d2a" providerId="ADAL" clId="{68E68552-334A-49D4-906D-42EB7454986A}" dt="2023-10-18T08:12:43.237" v="6977" actId="14100"/>
          <ac:cxnSpMkLst>
            <pc:docMk/>
            <pc:sldMk cId="624556791" sldId="2147476497"/>
            <ac:cxnSpMk id="40" creationId="{2487B00F-2ABF-0740-4B0C-2DFD5C7DF6DA}"/>
          </ac:cxnSpMkLst>
        </pc:cxnChg>
      </pc:sldChg>
      <pc:sldChg chg="addSp delSp modSp add del mod">
        <pc:chgData name="Sara Mastrorosa" userId="d159c406-3740-4568-9f4d-6092b2495d2a" providerId="ADAL" clId="{68E68552-334A-49D4-906D-42EB7454986A}" dt="2023-10-17T09:41:30.650" v="4013" actId="47"/>
        <pc:sldMkLst>
          <pc:docMk/>
          <pc:sldMk cId="2585558168" sldId="2147476498"/>
        </pc:sldMkLst>
        <pc:spChg chg="mod">
          <ac:chgData name="Sara Mastrorosa" userId="d159c406-3740-4568-9f4d-6092b2495d2a" providerId="ADAL" clId="{68E68552-334A-49D4-906D-42EB7454986A}" dt="2023-10-17T07:09:22.632" v="3317"/>
          <ac:spMkLst>
            <pc:docMk/>
            <pc:sldMk cId="2585558168" sldId="2147476498"/>
            <ac:spMk id="3" creationId="{17F0816C-EABF-0C09-276D-0ECCF525EF4C}"/>
          </ac:spMkLst>
        </pc:spChg>
        <pc:spChg chg="mod">
          <ac:chgData name="Sara Mastrorosa" userId="d159c406-3740-4568-9f4d-6092b2495d2a" providerId="ADAL" clId="{68E68552-334A-49D4-906D-42EB7454986A}" dt="2023-10-17T07:09:22.632" v="3317"/>
          <ac:spMkLst>
            <pc:docMk/>
            <pc:sldMk cId="2585558168" sldId="2147476498"/>
            <ac:spMk id="4" creationId="{E2B8C57E-DBC2-8597-6B54-007024B3A8C1}"/>
          </ac:spMkLst>
        </pc:spChg>
        <pc:spChg chg="mod">
          <ac:chgData name="Sara Mastrorosa" userId="d159c406-3740-4568-9f4d-6092b2495d2a" providerId="ADAL" clId="{68E68552-334A-49D4-906D-42EB7454986A}" dt="2023-10-17T07:53:19.931" v="3740" actId="20577"/>
          <ac:spMkLst>
            <pc:docMk/>
            <pc:sldMk cId="2585558168" sldId="2147476498"/>
            <ac:spMk id="5" creationId="{08F2B45B-2BC1-44B2-4465-F8FD2B97328F}"/>
          </ac:spMkLst>
        </pc:spChg>
        <pc:spChg chg="mod">
          <ac:chgData name="Sara Mastrorosa" userId="d159c406-3740-4568-9f4d-6092b2495d2a" providerId="ADAL" clId="{68E68552-334A-49D4-906D-42EB7454986A}" dt="2023-10-17T07:09:22.632" v="3317"/>
          <ac:spMkLst>
            <pc:docMk/>
            <pc:sldMk cId="2585558168" sldId="2147476498"/>
            <ac:spMk id="6" creationId="{9B87713C-76E7-131F-5E50-824AF465F4B8}"/>
          </ac:spMkLst>
        </pc:spChg>
        <pc:spChg chg="mod">
          <ac:chgData name="Sara Mastrorosa" userId="d159c406-3740-4568-9f4d-6092b2495d2a" providerId="ADAL" clId="{68E68552-334A-49D4-906D-42EB7454986A}" dt="2023-10-17T07:09:22.632" v="3317"/>
          <ac:spMkLst>
            <pc:docMk/>
            <pc:sldMk cId="2585558168" sldId="2147476498"/>
            <ac:spMk id="7" creationId="{CB9D45F7-C391-3E98-E810-A97DAEDC1DCA}"/>
          </ac:spMkLst>
        </pc:spChg>
        <pc:spChg chg="mod">
          <ac:chgData name="Sara Mastrorosa" userId="d159c406-3740-4568-9f4d-6092b2495d2a" providerId="ADAL" clId="{68E68552-334A-49D4-906D-42EB7454986A}" dt="2023-10-17T07:09:22.632" v="3317"/>
          <ac:spMkLst>
            <pc:docMk/>
            <pc:sldMk cId="2585558168" sldId="2147476498"/>
            <ac:spMk id="8" creationId="{D924C02A-18E2-BA6F-2464-B7FEE9A6E77A}"/>
          </ac:spMkLst>
        </pc:spChg>
        <pc:spChg chg="add del mod">
          <ac:chgData name="Sara Mastrorosa" userId="d159c406-3740-4568-9f4d-6092b2495d2a" providerId="ADAL" clId="{68E68552-334A-49D4-906D-42EB7454986A}" dt="2023-10-17T07:14:42.475" v="3460" actId="478"/>
          <ac:spMkLst>
            <pc:docMk/>
            <pc:sldMk cId="2585558168" sldId="2147476498"/>
            <ac:spMk id="9" creationId="{79D320C2-2DE4-0231-8E0B-8BEE092ABC11}"/>
          </ac:spMkLst>
        </pc:spChg>
        <pc:spChg chg="add del mod">
          <ac:chgData name="Sara Mastrorosa" userId="d159c406-3740-4568-9f4d-6092b2495d2a" providerId="ADAL" clId="{68E68552-334A-49D4-906D-42EB7454986A}" dt="2023-10-17T07:51:56.907" v="3653" actId="478"/>
          <ac:spMkLst>
            <pc:docMk/>
            <pc:sldMk cId="2585558168" sldId="2147476498"/>
            <ac:spMk id="10" creationId="{A387F670-7FB3-BF8A-9208-81D9FB831C00}"/>
          </ac:spMkLst>
        </pc:spChg>
        <pc:spChg chg="mod">
          <ac:chgData name="Sara Mastrorosa" userId="d159c406-3740-4568-9f4d-6092b2495d2a" providerId="ADAL" clId="{68E68552-334A-49D4-906D-42EB7454986A}" dt="2023-10-17T07:15:18.527" v="3464" actId="165"/>
          <ac:spMkLst>
            <pc:docMk/>
            <pc:sldMk cId="2585558168" sldId="2147476498"/>
            <ac:spMk id="12" creationId="{D97FA913-FB31-E06D-6E35-999BD7CB60BA}"/>
          </ac:spMkLst>
        </pc:spChg>
        <pc:spChg chg="mod">
          <ac:chgData name="Sara Mastrorosa" userId="d159c406-3740-4568-9f4d-6092b2495d2a" providerId="ADAL" clId="{68E68552-334A-49D4-906D-42EB7454986A}" dt="2023-10-17T07:15:18.527" v="3464" actId="165"/>
          <ac:spMkLst>
            <pc:docMk/>
            <pc:sldMk cId="2585558168" sldId="2147476498"/>
            <ac:spMk id="14" creationId="{97ECBDA4-2BE1-950A-32B9-1890F3567F3A}"/>
          </ac:spMkLst>
        </pc:spChg>
        <pc:spChg chg="mod">
          <ac:chgData name="Sara Mastrorosa" userId="d159c406-3740-4568-9f4d-6092b2495d2a" providerId="ADAL" clId="{68E68552-334A-49D4-906D-42EB7454986A}" dt="2023-10-17T07:15:18.527" v="3464" actId="165"/>
          <ac:spMkLst>
            <pc:docMk/>
            <pc:sldMk cId="2585558168" sldId="2147476498"/>
            <ac:spMk id="16" creationId="{59B9B5CC-ED59-9E5C-7994-AB8B94ED2756}"/>
          </ac:spMkLst>
        </pc:spChg>
        <pc:spChg chg="mod">
          <ac:chgData name="Sara Mastrorosa" userId="d159c406-3740-4568-9f4d-6092b2495d2a" providerId="ADAL" clId="{68E68552-334A-49D4-906D-42EB7454986A}" dt="2023-10-17T07:15:18.527" v="3464" actId="165"/>
          <ac:spMkLst>
            <pc:docMk/>
            <pc:sldMk cId="2585558168" sldId="2147476498"/>
            <ac:spMk id="17" creationId="{B6BE29D1-ECCB-AF10-433D-995F62673714}"/>
          </ac:spMkLst>
        </pc:spChg>
        <pc:spChg chg="mod">
          <ac:chgData name="Sara Mastrorosa" userId="d159c406-3740-4568-9f4d-6092b2495d2a" providerId="ADAL" clId="{68E68552-334A-49D4-906D-42EB7454986A}" dt="2023-10-17T07:15:18.527" v="3464" actId="165"/>
          <ac:spMkLst>
            <pc:docMk/>
            <pc:sldMk cId="2585558168" sldId="2147476498"/>
            <ac:spMk id="18" creationId="{8BB261D4-E964-EB0C-17A3-38B7201BF462}"/>
          </ac:spMkLst>
        </pc:spChg>
        <pc:spChg chg="add mod">
          <ac:chgData name="Sara Mastrorosa" userId="d159c406-3740-4568-9f4d-6092b2495d2a" providerId="ADAL" clId="{68E68552-334A-49D4-906D-42EB7454986A}" dt="2023-10-17T07:52:52.035" v="3694" actId="1036"/>
          <ac:spMkLst>
            <pc:docMk/>
            <pc:sldMk cId="2585558168" sldId="2147476498"/>
            <ac:spMk id="19" creationId="{80C45B94-9D08-8AA1-49F1-8677F8B4C57F}"/>
          </ac:spMkLst>
        </pc:spChg>
        <pc:spChg chg="mod">
          <ac:chgData name="Sara Mastrorosa" userId="d159c406-3740-4568-9f4d-6092b2495d2a" providerId="ADAL" clId="{68E68552-334A-49D4-906D-42EB7454986A}" dt="2023-10-17T07:15:18.527" v="3464" actId="165"/>
          <ac:spMkLst>
            <pc:docMk/>
            <pc:sldMk cId="2585558168" sldId="2147476498"/>
            <ac:spMk id="21" creationId="{9F5303AF-62D3-513F-6557-71125C75C77A}"/>
          </ac:spMkLst>
        </pc:spChg>
        <pc:spChg chg="mod">
          <ac:chgData name="Sara Mastrorosa" userId="d159c406-3740-4568-9f4d-6092b2495d2a" providerId="ADAL" clId="{68E68552-334A-49D4-906D-42EB7454986A}" dt="2023-10-17T07:15:18.527" v="3464" actId="165"/>
          <ac:spMkLst>
            <pc:docMk/>
            <pc:sldMk cId="2585558168" sldId="2147476498"/>
            <ac:spMk id="22" creationId="{9A41CE92-26F8-75B8-69EF-8CA9E2CC8C75}"/>
          </ac:spMkLst>
        </pc:spChg>
        <pc:spChg chg="mod">
          <ac:chgData name="Sara Mastrorosa" userId="d159c406-3740-4568-9f4d-6092b2495d2a" providerId="ADAL" clId="{68E68552-334A-49D4-906D-42EB7454986A}" dt="2023-10-17T07:15:18.527" v="3464" actId="165"/>
          <ac:spMkLst>
            <pc:docMk/>
            <pc:sldMk cId="2585558168" sldId="2147476498"/>
            <ac:spMk id="23" creationId="{6DC19455-9B2A-4BBE-24D5-06AF978B5895}"/>
          </ac:spMkLst>
        </pc:spChg>
        <pc:spChg chg="mod">
          <ac:chgData name="Sara Mastrorosa" userId="d159c406-3740-4568-9f4d-6092b2495d2a" providerId="ADAL" clId="{68E68552-334A-49D4-906D-42EB7454986A}" dt="2023-10-17T07:15:18.527" v="3464" actId="165"/>
          <ac:spMkLst>
            <pc:docMk/>
            <pc:sldMk cId="2585558168" sldId="2147476498"/>
            <ac:spMk id="24" creationId="{05E14FFE-056B-2E31-6447-A081D4713BBC}"/>
          </ac:spMkLst>
        </pc:spChg>
        <pc:spChg chg="mod">
          <ac:chgData name="Sara Mastrorosa" userId="d159c406-3740-4568-9f4d-6092b2495d2a" providerId="ADAL" clId="{68E68552-334A-49D4-906D-42EB7454986A}" dt="2023-10-17T07:15:18.527" v="3464" actId="165"/>
          <ac:spMkLst>
            <pc:docMk/>
            <pc:sldMk cId="2585558168" sldId="2147476498"/>
            <ac:spMk id="25" creationId="{6C652CF7-E000-18CA-A3F4-B0D9E62BFD98}"/>
          </ac:spMkLst>
        </pc:spChg>
        <pc:spChg chg="mod">
          <ac:chgData name="Sara Mastrorosa" userId="d159c406-3740-4568-9f4d-6092b2495d2a" providerId="ADAL" clId="{68E68552-334A-49D4-906D-42EB7454986A}" dt="2023-10-17T07:15:18.527" v="3464" actId="165"/>
          <ac:spMkLst>
            <pc:docMk/>
            <pc:sldMk cId="2585558168" sldId="2147476498"/>
            <ac:spMk id="27" creationId="{AA9C5C43-D2EF-D2E0-FB90-839FDA9C5D43}"/>
          </ac:spMkLst>
        </pc:spChg>
        <pc:spChg chg="mod">
          <ac:chgData name="Sara Mastrorosa" userId="d159c406-3740-4568-9f4d-6092b2495d2a" providerId="ADAL" clId="{68E68552-334A-49D4-906D-42EB7454986A}" dt="2023-10-17T07:15:18.527" v="3464" actId="165"/>
          <ac:spMkLst>
            <pc:docMk/>
            <pc:sldMk cId="2585558168" sldId="2147476498"/>
            <ac:spMk id="29" creationId="{00A4ADA6-7E8B-684C-3360-9B78BB64A109}"/>
          </ac:spMkLst>
        </pc:spChg>
        <pc:spChg chg="del">
          <ac:chgData name="Sara Mastrorosa" userId="d159c406-3740-4568-9f4d-6092b2495d2a" providerId="ADAL" clId="{68E68552-334A-49D4-906D-42EB7454986A}" dt="2023-10-17T07:09:14.619" v="3316" actId="478"/>
          <ac:spMkLst>
            <pc:docMk/>
            <pc:sldMk cId="2585558168" sldId="2147476498"/>
            <ac:spMk id="30" creationId="{59BDC5FC-DE88-0754-6273-EE8034C183E3}"/>
          </ac:spMkLst>
        </pc:spChg>
        <pc:spChg chg="mod">
          <ac:chgData name="Sara Mastrorosa" userId="d159c406-3740-4568-9f4d-6092b2495d2a" providerId="ADAL" clId="{68E68552-334A-49D4-906D-42EB7454986A}" dt="2023-10-17T07:15:18.527" v="3464" actId="165"/>
          <ac:spMkLst>
            <pc:docMk/>
            <pc:sldMk cId="2585558168" sldId="2147476498"/>
            <ac:spMk id="31" creationId="{54AEC71F-D743-7DE5-6BD8-98F5553AD142}"/>
          </ac:spMkLst>
        </pc:spChg>
        <pc:spChg chg="mod">
          <ac:chgData name="Sara Mastrorosa" userId="d159c406-3740-4568-9f4d-6092b2495d2a" providerId="ADAL" clId="{68E68552-334A-49D4-906D-42EB7454986A}" dt="2023-10-17T07:15:18.527" v="3464" actId="165"/>
          <ac:spMkLst>
            <pc:docMk/>
            <pc:sldMk cId="2585558168" sldId="2147476498"/>
            <ac:spMk id="32" creationId="{FD895622-58D3-E968-9598-7D8DDD087F9A}"/>
          </ac:spMkLst>
        </pc:spChg>
        <pc:spChg chg="mod">
          <ac:chgData name="Sara Mastrorosa" userId="d159c406-3740-4568-9f4d-6092b2495d2a" providerId="ADAL" clId="{68E68552-334A-49D4-906D-42EB7454986A}" dt="2023-10-17T07:15:18.527" v="3464" actId="165"/>
          <ac:spMkLst>
            <pc:docMk/>
            <pc:sldMk cId="2585558168" sldId="2147476498"/>
            <ac:spMk id="33" creationId="{4DE79669-DC1D-3416-AFD1-F39A8912BED6}"/>
          </ac:spMkLst>
        </pc:spChg>
        <pc:spChg chg="del">
          <ac:chgData name="Sara Mastrorosa" userId="d159c406-3740-4568-9f4d-6092b2495d2a" providerId="ADAL" clId="{68E68552-334A-49D4-906D-42EB7454986A}" dt="2023-10-17T07:09:14.619" v="3316" actId="478"/>
          <ac:spMkLst>
            <pc:docMk/>
            <pc:sldMk cId="2585558168" sldId="2147476498"/>
            <ac:spMk id="36" creationId="{777B36B2-DAB4-40FC-2D86-8161892F5B80}"/>
          </ac:spMkLst>
        </pc:spChg>
        <pc:spChg chg="del">
          <ac:chgData name="Sara Mastrorosa" userId="d159c406-3740-4568-9f4d-6092b2495d2a" providerId="ADAL" clId="{68E68552-334A-49D4-906D-42EB7454986A}" dt="2023-10-17T07:09:14.619" v="3316" actId="478"/>
          <ac:spMkLst>
            <pc:docMk/>
            <pc:sldMk cId="2585558168" sldId="2147476498"/>
            <ac:spMk id="38" creationId="{8784901C-DCE8-E033-D0DE-AD9BCB680BF2}"/>
          </ac:spMkLst>
        </pc:spChg>
        <pc:spChg chg="del">
          <ac:chgData name="Sara Mastrorosa" userId="d159c406-3740-4568-9f4d-6092b2495d2a" providerId="ADAL" clId="{68E68552-334A-49D4-906D-42EB7454986A}" dt="2023-10-17T07:09:14.619" v="3316" actId="478"/>
          <ac:spMkLst>
            <pc:docMk/>
            <pc:sldMk cId="2585558168" sldId="2147476498"/>
            <ac:spMk id="39" creationId="{5C51DE71-51D5-CD9F-E486-F8B1F0726F78}"/>
          </ac:spMkLst>
        </pc:spChg>
        <pc:spChg chg="del">
          <ac:chgData name="Sara Mastrorosa" userId="d159c406-3740-4568-9f4d-6092b2495d2a" providerId="ADAL" clId="{68E68552-334A-49D4-906D-42EB7454986A}" dt="2023-10-17T07:09:14.619" v="3316" actId="478"/>
          <ac:spMkLst>
            <pc:docMk/>
            <pc:sldMk cId="2585558168" sldId="2147476498"/>
            <ac:spMk id="40" creationId="{BC5D5077-58B0-B112-CF7D-34E5CBF85845}"/>
          </ac:spMkLst>
        </pc:spChg>
        <pc:spChg chg="del">
          <ac:chgData name="Sara Mastrorosa" userId="d159c406-3740-4568-9f4d-6092b2495d2a" providerId="ADAL" clId="{68E68552-334A-49D4-906D-42EB7454986A}" dt="2023-10-17T07:09:14.619" v="3316" actId="478"/>
          <ac:spMkLst>
            <pc:docMk/>
            <pc:sldMk cId="2585558168" sldId="2147476498"/>
            <ac:spMk id="41" creationId="{44B08EB5-3376-1094-3EE3-4CF6F3422D64}"/>
          </ac:spMkLst>
        </pc:spChg>
        <pc:spChg chg="del">
          <ac:chgData name="Sara Mastrorosa" userId="d159c406-3740-4568-9f4d-6092b2495d2a" providerId="ADAL" clId="{68E68552-334A-49D4-906D-42EB7454986A}" dt="2023-10-17T07:09:14.619" v="3316" actId="478"/>
          <ac:spMkLst>
            <pc:docMk/>
            <pc:sldMk cId="2585558168" sldId="2147476498"/>
            <ac:spMk id="42" creationId="{07FBC924-7384-CBC4-B42A-43809B7F3F28}"/>
          </ac:spMkLst>
        </pc:spChg>
        <pc:spChg chg="add del mod">
          <ac:chgData name="Sara Mastrorosa" userId="d159c406-3740-4568-9f4d-6092b2495d2a" providerId="ADAL" clId="{68E68552-334A-49D4-906D-42EB7454986A}" dt="2023-10-17T07:51:56.907" v="3653" actId="478"/>
          <ac:spMkLst>
            <pc:docMk/>
            <pc:sldMk cId="2585558168" sldId="2147476498"/>
            <ac:spMk id="43" creationId="{81434047-7AE0-4C83-A66C-0FD431964F6F}"/>
          </ac:spMkLst>
        </pc:spChg>
        <pc:spChg chg="del mod">
          <ac:chgData name="Sara Mastrorosa" userId="d159c406-3740-4568-9f4d-6092b2495d2a" providerId="ADAL" clId="{68E68552-334A-49D4-906D-42EB7454986A}" dt="2023-10-17T07:09:10.729" v="3315" actId="478"/>
          <ac:spMkLst>
            <pc:docMk/>
            <pc:sldMk cId="2585558168" sldId="2147476498"/>
            <ac:spMk id="45" creationId="{DDF39047-A654-1197-E21E-ABB7461563A3}"/>
          </ac:spMkLst>
        </pc:spChg>
        <pc:spChg chg="del">
          <ac:chgData name="Sara Mastrorosa" userId="d159c406-3740-4568-9f4d-6092b2495d2a" providerId="ADAL" clId="{68E68552-334A-49D4-906D-42EB7454986A}" dt="2023-10-17T07:09:14.619" v="3316" actId="478"/>
          <ac:spMkLst>
            <pc:docMk/>
            <pc:sldMk cId="2585558168" sldId="2147476498"/>
            <ac:spMk id="47" creationId="{C408E0B0-7EFA-0772-EFA9-A3CF0948F060}"/>
          </ac:spMkLst>
        </pc:spChg>
        <pc:spChg chg="del">
          <ac:chgData name="Sara Mastrorosa" userId="d159c406-3740-4568-9f4d-6092b2495d2a" providerId="ADAL" clId="{68E68552-334A-49D4-906D-42EB7454986A}" dt="2023-10-17T07:09:14.619" v="3316" actId="478"/>
          <ac:spMkLst>
            <pc:docMk/>
            <pc:sldMk cId="2585558168" sldId="2147476498"/>
            <ac:spMk id="48" creationId="{758FFF20-1E7C-F02C-AE4E-1CDBA75B769B}"/>
          </ac:spMkLst>
        </pc:spChg>
        <pc:spChg chg="add del mod">
          <ac:chgData name="Sara Mastrorosa" userId="d159c406-3740-4568-9f4d-6092b2495d2a" providerId="ADAL" clId="{68E68552-334A-49D4-906D-42EB7454986A}" dt="2023-10-17T07:09:46.005" v="3320" actId="478"/>
          <ac:spMkLst>
            <pc:docMk/>
            <pc:sldMk cId="2585558168" sldId="2147476498"/>
            <ac:spMk id="53" creationId="{E29797C0-F091-AD26-9CC1-ABAB94A44411}"/>
          </ac:spMkLst>
        </pc:spChg>
        <pc:spChg chg="add del mod">
          <ac:chgData name="Sara Mastrorosa" userId="d159c406-3740-4568-9f4d-6092b2495d2a" providerId="ADAL" clId="{68E68552-334A-49D4-906D-42EB7454986A}" dt="2023-10-17T07:12:03.972" v="3397"/>
          <ac:spMkLst>
            <pc:docMk/>
            <pc:sldMk cId="2585558168" sldId="2147476498"/>
            <ac:spMk id="55" creationId="{155B61A5-08D1-CE3B-3F16-16383A346527}"/>
          </ac:spMkLst>
        </pc:spChg>
        <pc:spChg chg="mod">
          <ac:chgData name="Sara Mastrorosa" userId="d159c406-3740-4568-9f4d-6092b2495d2a" providerId="ADAL" clId="{68E68552-334A-49D4-906D-42EB7454986A}" dt="2023-10-17T07:11:47.894" v="3392"/>
          <ac:spMkLst>
            <pc:docMk/>
            <pc:sldMk cId="2585558168" sldId="2147476498"/>
            <ac:spMk id="57" creationId="{A87612DF-56FE-B86D-3D4D-D425A28DF666}"/>
          </ac:spMkLst>
        </pc:spChg>
        <pc:spChg chg="mod">
          <ac:chgData name="Sara Mastrorosa" userId="d159c406-3740-4568-9f4d-6092b2495d2a" providerId="ADAL" clId="{68E68552-334A-49D4-906D-42EB7454986A}" dt="2023-10-17T07:11:47.894" v="3392"/>
          <ac:spMkLst>
            <pc:docMk/>
            <pc:sldMk cId="2585558168" sldId="2147476498"/>
            <ac:spMk id="58" creationId="{49BE4886-8B24-1BB0-9330-456CF59A2C12}"/>
          </ac:spMkLst>
        </pc:spChg>
        <pc:spChg chg="mod">
          <ac:chgData name="Sara Mastrorosa" userId="d159c406-3740-4568-9f4d-6092b2495d2a" providerId="ADAL" clId="{68E68552-334A-49D4-906D-42EB7454986A}" dt="2023-10-17T07:11:47.894" v="3392"/>
          <ac:spMkLst>
            <pc:docMk/>
            <pc:sldMk cId="2585558168" sldId="2147476498"/>
            <ac:spMk id="59" creationId="{919B62BC-1341-F3BA-24B3-971F8422936E}"/>
          </ac:spMkLst>
        </pc:spChg>
        <pc:spChg chg="mod">
          <ac:chgData name="Sara Mastrorosa" userId="d159c406-3740-4568-9f4d-6092b2495d2a" providerId="ADAL" clId="{68E68552-334A-49D4-906D-42EB7454986A}" dt="2023-10-17T07:11:47.894" v="3392"/>
          <ac:spMkLst>
            <pc:docMk/>
            <pc:sldMk cId="2585558168" sldId="2147476498"/>
            <ac:spMk id="60" creationId="{61F6617C-9CD8-8C44-A7C4-88263AB0557B}"/>
          </ac:spMkLst>
        </pc:spChg>
        <pc:spChg chg="mod">
          <ac:chgData name="Sara Mastrorosa" userId="d159c406-3740-4568-9f4d-6092b2495d2a" providerId="ADAL" clId="{68E68552-334A-49D4-906D-42EB7454986A}" dt="2023-10-17T07:11:47.894" v="3392"/>
          <ac:spMkLst>
            <pc:docMk/>
            <pc:sldMk cId="2585558168" sldId="2147476498"/>
            <ac:spMk id="61" creationId="{87E769D7-31E6-733D-3786-62B3E64D7D62}"/>
          </ac:spMkLst>
        </pc:spChg>
        <pc:spChg chg="add del mod">
          <ac:chgData name="Sara Mastrorosa" userId="d159c406-3740-4568-9f4d-6092b2495d2a" providerId="ADAL" clId="{68E68552-334A-49D4-906D-42EB7454986A}" dt="2023-10-17T07:12:03.972" v="3397"/>
          <ac:spMkLst>
            <pc:docMk/>
            <pc:sldMk cId="2585558168" sldId="2147476498"/>
            <ac:spMk id="62" creationId="{F2342CC0-1444-4CF1-80C1-55FEB4BC8C87}"/>
          </ac:spMkLst>
        </pc:spChg>
        <pc:spChg chg="mod">
          <ac:chgData name="Sara Mastrorosa" userId="d159c406-3740-4568-9f4d-6092b2495d2a" providerId="ADAL" clId="{68E68552-334A-49D4-906D-42EB7454986A}" dt="2023-10-17T07:11:47.894" v="3392"/>
          <ac:spMkLst>
            <pc:docMk/>
            <pc:sldMk cId="2585558168" sldId="2147476498"/>
            <ac:spMk id="64" creationId="{7FF530B2-D5EE-8687-561B-333728060B47}"/>
          </ac:spMkLst>
        </pc:spChg>
        <pc:spChg chg="mod">
          <ac:chgData name="Sara Mastrorosa" userId="d159c406-3740-4568-9f4d-6092b2495d2a" providerId="ADAL" clId="{68E68552-334A-49D4-906D-42EB7454986A}" dt="2023-10-17T07:11:47.894" v="3392"/>
          <ac:spMkLst>
            <pc:docMk/>
            <pc:sldMk cId="2585558168" sldId="2147476498"/>
            <ac:spMk id="65" creationId="{DADA7F98-2704-BAB8-E663-AF6E27216709}"/>
          </ac:spMkLst>
        </pc:spChg>
        <pc:spChg chg="mod">
          <ac:chgData name="Sara Mastrorosa" userId="d159c406-3740-4568-9f4d-6092b2495d2a" providerId="ADAL" clId="{68E68552-334A-49D4-906D-42EB7454986A}" dt="2023-10-17T07:11:47.894" v="3392"/>
          <ac:spMkLst>
            <pc:docMk/>
            <pc:sldMk cId="2585558168" sldId="2147476498"/>
            <ac:spMk id="66" creationId="{E60D75D5-2874-A94F-D1FE-0F417D667EEE}"/>
          </ac:spMkLst>
        </pc:spChg>
        <pc:spChg chg="mod">
          <ac:chgData name="Sara Mastrorosa" userId="d159c406-3740-4568-9f4d-6092b2495d2a" providerId="ADAL" clId="{68E68552-334A-49D4-906D-42EB7454986A}" dt="2023-10-17T07:11:47.894" v="3392"/>
          <ac:spMkLst>
            <pc:docMk/>
            <pc:sldMk cId="2585558168" sldId="2147476498"/>
            <ac:spMk id="67" creationId="{D91557B2-1A13-EE87-23B1-377B5A76FBC2}"/>
          </ac:spMkLst>
        </pc:spChg>
        <pc:spChg chg="mod">
          <ac:chgData name="Sara Mastrorosa" userId="d159c406-3740-4568-9f4d-6092b2495d2a" providerId="ADAL" clId="{68E68552-334A-49D4-906D-42EB7454986A}" dt="2023-10-17T07:11:47.894" v="3392"/>
          <ac:spMkLst>
            <pc:docMk/>
            <pc:sldMk cId="2585558168" sldId="2147476498"/>
            <ac:spMk id="68" creationId="{EFDAC1AB-B201-DE35-8EF1-286454C3820B}"/>
          </ac:spMkLst>
        </pc:spChg>
        <pc:spChg chg="mod">
          <ac:chgData name="Sara Mastrorosa" userId="d159c406-3740-4568-9f4d-6092b2495d2a" providerId="ADAL" clId="{68E68552-334A-49D4-906D-42EB7454986A}" dt="2023-10-17T07:11:47.894" v="3392"/>
          <ac:spMkLst>
            <pc:docMk/>
            <pc:sldMk cId="2585558168" sldId="2147476498"/>
            <ac:spMk id="70" creationId="{F3E5F065-F199-4B59-F2AA-F050911756E6}"/>
          </ac:spMkLst>
        </pc:spChg>
        <pc:spChg chg="mod">
          <ac:chgData name="Sara Mastrorosa" userId="d159c406-3740-4568-9f4d-6092b2495d2a" providerId="ADAL" clId="{68E68552-334A-49D4-906D-42EB7454986A}" dt="2023-10-17T07:11:47.894" v="3392"/>
          <ac:spMkLst>
            <pc:docMk/>
            <pc:sldMk cId="2585558168" sldId="2147476498"/>
            <ac:spMk id="71" creationId="{2BD1779E-FD2B-46D9-DB46-CC7D3ACD4EF5}"/>
          </ac:spMkLst>
        </pc:spChg>
        <pc:spChg chg="mod">
          <ac:chgData name="Sara Mastrorosa" userId="d159c406-3740-4568-9f4d-6092b2495d2a" providerId="ADAL" clId="{68E68552-334A-49D4-906D-42EB7454986A}" dt="2023-10-17T07:11:47.894" v="3392"/>
          <ac:spMkLst>
            <pc:docMk/>
            <pc:sldMk cId="2585558168" sldId="2147476498"/>
            <ac:spMk id="72" creationId="{7BAFE8CC-8C20-7C95-41DF-96ADA6528CCA}"/>
          </ac:spMkLst>
        </pc:spChg>
        <pc:spChg chg="mod">
          <ac:chgData name="Sara Mastrorosa" userId="d159c406-3740-4568-9f4d-6092b2495d2a" providerId="ADAL" clId="{68E68552-334A-49D4-906D-42EB7454986A}" dt="2023-10-17T07:11:47.894" v="3392"/>
          <ac:spMkLst>
            <pc:docMk/>
            <pc:sldMk cId="2585558168" sldId="2147476498"/>
            <ac:spMk id="73" creationId="{1C8BCE3B-E820-89D3-F323-C76446C4BE9D}"/>
          </ac:spMkLst>
        </pc:spChg>
        <pc:spChg chg="mod">
          <ac:chgData name="Sara Mastrorosa" userId="d159c406-3740-4568-9f4d-6092b2495d2a" providerId="ADAL" clId="{68E68552-334A-49D4-906D-42EB7454986A}" dt="2023-10-17T07:11:47.894" v="3392"/>
          <ac:spMkLst>
            <pc:docMk/>
            <pc:sldMk cId="2585558168" sldId="2147476498"/>
            <ac:spMk id="74" creationId="{A6AB01F1-D4BB-3761-86C3-916EAF056ABD}"/>
          </ac:spMkLst>
        </pc:spChg>
        <pc:spChg chg="add del mod">
          <ac:chgData name="Sara Mastrorosa" userId="d159c406-3740-4568-9f4d-6092b2495d2a" providerId="ADAL" clId="{68E68552-334A-49D4-906D-42EB7454986A}" dt="2023-10-17T07:12:03.972" v="3397"/>
          <ac:spMkLst>
            <pc:docMk/>
            <pc:sldMk cId="2585558168" sldId="2147476498"/>
            <ac:spMk id="75" creationId="{2CC308DD-B7D0-1918-8096-2F84CF7B3C23}"/>
          </ac:spMkLst>
        </pc:spChg>
        <pc:spChg chg="add del mod">
          <ac:chgData name="Sara Mastrorosa" userId="d159c406-3740-4568-9f4d-6092b2495d2a" providerId="ADAL" clId="{68E68552-334A-49D4-906D-42EB7454986A}" dt="2023-10-17T07:13:31.675" v="3426" actId="478"/>
          <ac:spMkLst>
            <pc:docMk/>
            <pc:sldMk cId="2585558168" sldId="2147476498"/>
            <ac:spMk id="79" creationId="{B3942B23-8433-628C-8011-812587D13090}"/>
          </ac:spMkLst>
        </pc:spChg>
        <pc:spChg chg="mod">
          <ac:chgData name="Sara Mastrorosa" userId="d159c406-3740-4568-9f4d-6092b2495d2a" providerId="ADAL" clId="{68E68552-334A-49D4-906D-42EB7454986A}" dt="2023-10-17T07:15:18.527" v="3464" actId="165"/>
          <ac:spMkLst>
            <pc:docMk/>
            <pc:sldMk cId="2585558168" sldId="2147476498"/>
            <ac:spMk id="81" creationId="{C9BF7ED0-23A2-899E-0B06-156A0621992C}"/>
          </ac:spMkLst>
        </pc:spChg>
        <pc:spChg chg="mod">
          <ac:chgData name="Sara Mastrorosa" userId="d159c406-3740-4568-9f4d-6092b2495d2a" providerId="ADAL" clId="{68E68552-334A-49D4-906D-42EB7454986A}" dt="2023-10-17T07:15:18.527" v="3464" actId="165"/>
          <ac:spMkLst>
            <pc:docMk/>
            <pc:sldMk cId="2585558168" sldId="2147476498"/>
            <ac:spMk id="82" creationId="{0162ED23-0021-247B-5B11-C23500736E8F}"/>
          </ac:spMkLst>
        </pc:spChg>
        <pc:spChg chg="mod">
          <ac:chgData name="Sara Mastrorosa" userId="d159c406-3740-4568-9f4d-6092b2495d2a" providerId="ADAL" clId="{68E68552-334A-49D4-906D-42EB7454986A}" dt="2023-10-17T07:15:18.527" v="3464" actId="165"/>
          <ac:spMkLst>
            <pc:docMk/>
            <pc:sldMk cId="2585558168" sldId="2147476498"/>
            <ac:spMk id="83" creationId="{055A69C9-4712-5B63-1E14-CC76001EC5DE}"/>
          </ac:spMkLst>
        </pc:spChg>
        <pc:spChg chg="mod">
          <ac:chgData name="Sara Mastrorosa" userId="d159c406-3740-4568-9f4d-6092b2495d2a" providerId="ADAL" clId="{68E68552-334A-49D4-906D-42EB7454986A}" dt="2023-10-17T07:15:18.527" v="3464" actId="165"/>
          <ac:spMkLst>
            <pc:docMk/>
            <pc:sldMk cId="2585558168" sldId="2147476498"/>
            <ac:spMk id="84" creationId="{E76F6E90-2452-EE17-D554-06B4618045ED}"/>
          </ac:spMkLst>
        </pc:spChg>
        <pc:spChg chg="mod">
          <ac:chgData name="Sara Mastrorosa" userId="d159c406-3740-4568-9f4d-6092b2495d2a" providerId="ADAL" clId="{68E68552-334A-49D4-906D-42EB7454986A}" dt="2023-10-17T07:15:18.527" v="3464" actId="165"/>
          <ac:spMkLst>
            <pc:docMk/>
            <pc:sldMk cId="2585558168" sldId="2147476498"/>
            <ac:spMk id="85" creationId="{ACF80870-B520-50FF-AD25-870E960B9AC5}"/>
          </ac:spMkLst>
        </pc:spChg>
        <pc:spChg chg="add del mod">
          <ac:chgData name="Sara Mastrorosa" userId="d159c406-3740-4568-9f4d-6092b2495d2a" providerId="ADAL" clId="{68E68552-334A-49D4-906D-42EB7454986A}" dt="2023-10-17T07:13:28.513" v="3425" actId="478"/>
          <ac:spMkLst>
            <pc:docMk/>
            <pc:sldMk cId="2585558168" sldId="2147476498"/>
            <ac:spMk id="86" creationId="{189C0B08-ED44-A98B-4F6C-199A054F94F2}"/>
          </ac:spMkLst>
        </pc:spChg>
        <pc:spChg chg="mod">
          <ac:chgData name="Sara Mastrorosa" userId="d159c406-3740-4568-9f4d-6092b2495d2a" providerId="ADAL" clId="{68E68552-334A-49D4-906D-42EB7454986A}" dt="2023-10-17T07:15:18.527" v="3464" actId="165"/>
          <ac:spMkLst>
            <pc:docMk/>
            <pc:sldMk cId="2585558168" sldId="2147476498"/>
            <ac:spMk id="88" creationId="{882FF791-0510-6761-157E-059288330F8F}"/>
          </ac:spMkLst>
        </pc:spChg>
        <pc:spChg chg="mod">
          <ac:chgData name="Sara Mastrorosa" userId="d159c406-3740-4568-9f4d-6092b2495d2a" providerId="ADAL" clId="{68E68552-334A-49D4-906D-42EB7454986A}" dt="2023-10-17T07:15:18.527" v="3464" actId="165"/>
          <ac:spMkLst>
            <pc:docMk/>
            <pc:sldMk cId="2585558168" sldId="2147476498"/>
            <ac:spMk id="89" creationId="{855C7F58-6A89-0727-AB02-4FABD2CD9024}"/>
          </ac:spMkLst>
        </pc:spChg>
        <pc:spChg chg="mod">
          <ac:chgData name="Sara Mastrorosa" userId="d159c406-3740-4568-9f4d-6092b2495d2a" providerId="ADAL" clId="{68E68552-334A-49D4-906D-42EB7454986A}" dt="2023-10-17T07:15:18.527" v="3464" actId="165"/>
          <ac:spMkLst>
            <pc:docMk/>
            <pc:sldMk cId="2585558168" sldId="2147476498"/>
            <ac:spMk id="90" creationId="{95D4D200-2FA5-545D-DF35-412AA48EFFB6}"/>
          </ac:spMkLst>
        </pc:spChg>
        <pc:spChg chg="mod">
          <ac:chgData name="Sara Mastrorosa" userId="d159c406-3740-4568-9f4d-6092b2495d2a" providerId="ADAL" clId="{68E68552-334A-49D4-906D-42EB7454986A}" dt="2023-10-17T07:15:18.527" v="3464" actId="165"/>
          <ac:spMkLst>
            <pc:docMk/>
            <pc:sldMk cId="2585558168" sldId="2147476498"/>
            <ac:spMk id="91" creationId="{668FEA12-D541-0786-4216-0B385667DB8C}"/>
          </ac:spMkLst>
        </pc:spChg>
        <pc:spChg chg="mod">
          <ac:chgData name="Sara Mastrorosa" userId="d159c406-3740-4568-9f4d-6092b2495d2a" providerId="ADAL" clId="{68E68552-334A-49D4-906D-42EB7454986A}" dt="2023-10-17T08:41:36.044" v="3764" actId="207"/>
          <ac:spMkLst>
            <pc:docMk/>
            <pc:sldMk cId="2585558168" sldId="2147476498"/>
            <ac:spMk id="92" creationId="{3A774BC4-EEFF-3310-C873-683698E178CA}"/>
          </ac:spMkLst>
        </pc:spChg>
        <pc:spChg chg="mod">
          <ac:chgData name="Sara Mastrorosa" userId="d159c406-3740-4568-9f4d-6092b2495d2a" providerId="ADAL" clId="{68E68552-334A-49D4-906D-42EB7454986A}" dt="2023-10-17T07:15:18.527" v="3464" actId="165"/>
          <ac:spMkLst>
            <pc:docMk/>
            <pc:sldMk cId="2585558168" sldId="2147476498"/>
            <ac:spMk id="94" creationId="{D85367C4-001B-7930-5B74-E23E400F65A9}"/>
          </ac:spMkLst>
        </pc:spChg>
        <pc:spChg chg="mod">
          <ac:chgData name="Sara Mastrorosa" userId="d159c406-3740-4568-9f4d-6092b2495d2a" providerId="ADAL" clId="{68E68552-334A-49D4-906D-42EB7454986A}" dt="2023-10-17T07:15:18.527" v="3464" actId="165"/>
          <ac:spMkLst>
            <pc:docMk/>
            <pc:sldMk cId="2585558168" sldId="2147476498"/>
            <ac:spMk id="95" creationId="{4C2D5A05-6530-4024-CF8E-C87C05D23C67}"/>
          </ac:spMkLst>
        </pc:spChg>
        <pc:spChg chg="mod">
          <ac:chgData name="Sara Mastrorosa" userId="d159c406-3740-4568-9f4d-6092b2495d2a" providerId="ADAL" clId="{68E68552-334A-49D4-906D-42EB7454986A}" dt="2023-10-17T07:15:18.527" v="3464" actId="165"/>
          <ac:spMkLst>
            <pc:docMk/>
            <pc:sldMk cId="2585558168" sldId="2147476498"/>
            <ac:spMk id="96" creationId="{0F3A5F9A-4F0C-5A1F-6428-9718DABBA6A1}"/>
          </ac:spMkLst>
        </pc:spChg>
        <pc:spChg chg="mod">
          <ac:chgData name="Sara Mastrorosa" userId="d159c406-3740-4568-9f4d-6092b2495d2a" providerId="ADAL" clId="{68E68552-334A-49D4-906D-42EB7454986A}" dt="2023-10-17T07:15:18.527" v="3464" actId="165"/>
          <ac:spMkLst>
            <pc:docMk/>
            <pc:sldMk cId="2585558168" sldId="2147476498"/>
            <ac:spMk id="97" creationId="{571F7687-B576-DC9A-C0AF-5C3E2C170869}"/>
          </ac:spMkLst>
        </pc:spChg>
        <pc:spChg chg="mod">
          <ac:chgData name="Sara Mastrorosa" userId="d159c406-3740-4568-9f4d-6092b2495d2a" providerId="ADAL" clId="{68E68552-334A-49D4-906D-42EB7454986A}" dt="2023-10-17T07:15:18.527" v="3464" actId="165"/>
          <ac:spMkLst>
            <pc:docMk/>
            <pc:sldMk cId="2585558168" sldId="2147476498"/>
            <ac:spMk id="98" creationId="{BE3B7716-9527-D7ED-8617-E2AC880A22AE}"/>
          </ac:spMkLst>
        </pc:spChg>
        <pc:spChg chg="add del mod">
          <ac:chgData name="Sara Mastrorosa" userId="d159c406-3740-4568-9f4d-6092b2495d2a" providerId="ADAL" clId="{68E68552-334A-49D4-906D-42EB7454986A}" dt="2023-10-17T07:13:32.651" v="3427" actId="478"/>
          <ac:spMkLst>
            <pc:docMk/>
            <pc:sldMk cId="2585558168" sldId="2147476498"/>
            <ac:spMk id="99" creationId="{F2B021C5-0C8F-0E9B-2115-E24B38475F65}"/>
          </ac:spMkLst>
        </pc:spChg>
        <pc:spChg chg="add mod">
          <ac:chgData name="Sara Mastrorosa" userId="d159c406-3740-4568-9f4d-6092b2495d2a" providerId="ADAL" clId="{68E68552-334A-49D4-906D-42EB7454986A}" dt="2023-10-17T07:52:52.035" v="3694" actId="1036"/>
          <ac:spMkLst>
            <pc:docMk/>
            <pc:sldMk cId="2585558168" sldId="2147476498"/>
            <ac:spMk id="106" creationId="{24432AC9-4497-93CA-DC37-07D22C88F154}"/>
          </ac:spMkLst>
        </pc:spChg>
        <pc:spChg chg="add mod">
          <ac:chgData name="Sara Mastrorosa" userId="d159c406-3740-4568-9f4d-6092b2495d2a" providerId="ADAL" clId="{68E68552-334A-49D4-906D-42EB7454986A}" dt="2023-10-17T07:52:52.035" v="3694" actId="1036"/>
          <ac:spMkLst>
            <pc:docMk/>
            <pc:sldMk cId="2585558168" sldId="2147476498"/>
            <ac:spMk id="107" creationId="{6E86EA0B-36FC-F544-774A-A3FD675DE9E0}"/>
          </ac:spMkLst>
        </pc:spChg>
        <pc:spChg chg="mod">
          <ac:chgData name="Sara Mastrorosa" userId="d159c406-3740-4568-9f4d-6092b2495d2a" providerId="ADAL" clId="{68E68552-334A-49D4-906D-42EB7454986A}" dt="2023-10-17T07:14:43.825" v="3461"/>
          <ac:spMkLst>
            <pc:docMk/>
            <pc:sldMk cId="2585558168" sldId="2147476498"/>
            <ac:spMk id="111" creationId="{2C59E28E-3C5B-1B8F-E8E5-ED2F4BF8B8D5}"/>
          </ac:spMkLst>
        </pc:spChg>
        <pc:spChg chg="mod">
          <ac:chgData name="Sara Mastrorosa" userId="d159c406-3740-4568-9f4d-6092b2495d2a" providerId="ADAL" clId="{68E68552-334A-49D4-906D-42EB7454986A}" dt="2023-10-17T07:14:43.825" v="3461"/>
          <ac:spMkLst>
            <pc:docMk/>
            <pc:sldMk cId="2585558168" sldId="2147476498"/>
            <ac:spMk id="112" creationId="{071C3B06-E727-A9AC-94AA-F301F0C63598}"/>
          </ac:spMkLst>
        </pc:spChg>
        <pc:spChg chg="mod">
          <ac:chgData name="Sara Mastrorosa" userId="d159c406-3740-4568-9f4d-6092b2495d2a" providerId="ADAL" clId="{68E68552-334A-49D4-906D-42EB7454986A}" dt="2023-10-17T07:14:43.825" v="3461"/>
          <ac:spMkLst>
            <pc:docMk/>
            <pc:sldMk cId="2585558168" sldId="2147476498"/>
            <ac:spMk id="114" creationId="{FFE4BD69-A2EF-1D27-C19A-DCB4B723E5CE}"/>
          </ac:spMkLst>
        </pc:spChg>
        <pc:spChg chg="mod">
          <ac:chgData name="Sara Mastrorosa" userId="d159c406-3740-4568-9f4d-6092b2495d2a" providerId="ADAL" clId="{68E68552-334A-49D4-906D-42EB7454986A}" dt="2023-10-17T07:14:43.825" v="3461"/>
          <ac:spMkLst>
            <pc:docMk/>
            <pc:sldMk cId="2585558168" sldId="2147476498"/>
            <ac:spMk id="115" creationId="{E60CEEC6-6EF0-9161-14D1-5B73D1E2FF40}"/>
          </ac:spMkLst>
        </pc:spChg>
        <pc:spChg chg="add mod">
          <ac:chgData name="Sara Mastrorosa" userId="d159c406-3740-4568-9f4d-6092b2495d2a" providerId="ADAL" clId="{68E68552-334A-49D4-906D-42EB7454986A}" dt="2023-10-17T07:56:46.060" v="3762" actId="1076"/>
          <ac:spMkLst>
            <pc:docMk/>
            <pc:sldMk cId="2585558168" sldId="2147476498"/>
            <ac:spMk id="116" creationId="{1FE593EB-A22D-FE87-F6E0-B7760F7CB25C}"/>
          </ac:spMkLst>
        </pc:spChg>
        <pc:spChg chg="mod">
          <ac:chgData name="Sara Mastrorosa" userId="d159c406-3740-4568-9f4d-6092b2495d2a" providerId="ADAL" clId="{68E68552-334A-49D4-906D-42EB7454986A}" dt="2023-10-17T07:15:24.121" v="3465"/>
          <ac:spMkLst>
            <pc:docMk/>
            <pc:sldMk cId="2585558168" sldId="2147476498"/>
            <ac:spMk id="118" creationId="{3164BF59-F70F-3A9F-85AB-15A77553F08C}"/>
          </ac:spMkLst>
        </pc:spChg>
        <pc:spChg chg="mod">
          <ac:chgData name="Sara Mastrorosa" userId="d159c406-3740-4568-9f4d-6092b2495d2a" providerId="ADAL" clId="{68E68552-334A-49D4-906D-42EB7454986A}" dt="2023-10-17T07:15:24.121" v="3465"/>
          <ac:spMkLst>
            <pc:docMk/>
            <pc:sldMk cId="2585558168" sldId="2147476498"/>
            <ac:spMk id="119" creationId="{DC6981AE-EB0D-F87A-80C7-36CA3C9B1EBD}"/>
          </ac:spMkLst>
        </pc:spChg>
        <pc:spChg chg="mod">
          <ac:chgData name="Sara Mastrorosa" userId="d159c406-3740-4568-9f4d-6092b2495d2a" providerId="ADAL" clId="{68E68552-334A-49D4-906D-42EB7454986A}" dt="2023-10-17T07:15:24.121" v="3465"/>
          <ac:spMkLst>
            <pc:docMk/>
            <pc:sldMk cId="2585558168" sldId="2147476498"/>
            <ac:spMk id="120" creationId="{3D94CC87-47FA-E00C-99C9-74302345DD3F}"/>
          </ac:spMkLst>
        </pc:spChg>
        <pc:spChg chg="mod">
          <ac:chgData name="Sara Mastrorosa" userId="d159c406-3740-4568-9f4d-6092b2495d2a" providerId="ADAL" clId="{68E68552-334A-49D4-906D-42EB7454986A}" dt="2023-10-17T07:15:24.121" v="3465"/>
          <ac:spMkLst>
            <pc:docMk/>
            <pc:sldMk cId="2585558168" sldId="2147476498"/>
            <ac:spMk id="121" creationId="{0DE4EE48-80FE-3AB8-6860-17898E479152}"/>
          </ac:spMkLst>
        </pc:spChg>
        <pc:spChg chg="mod">
          <ac:chgData name="Sara Mastrorosa" userId="d159c406-3740-4568-9f4d-6092b2495d2a" providerId="ADAL" clId="{68E68552-334A-49D4-906D-42EB7454986A}" dt="2023-10-17T07:15:24.121" v="3465"/>
          <ac:spMkLst>
            <pc:docMk/>
            <pc:sldMk cId="2585558168" sldId="2147476498"/>
            <ac:spMk id="122" creationId="{DF2D8870-7FF9-3036-8AB6-41FD2AA5A489}"/>
          </ac:spMkLst>
        </pc:spChg>
        <pc:spChg chg="mod">
          <ac:chgData name="Sara Mastrorosa" userId="d159c406-3740-4568-9f4d-6092b2495d2a" providerId="ADAL" clId="{68E68552-334A-49D4-906D-42EB7454986A}" dt="2023-10-17T07:15:24.121" v="3465"/>
          <ac:spMkLst>
            <pc:docMk/>
            <pc:sldMk cId="2585558168" sldId="2147476498"/>
            <ac:spMk id="124" creationId="{4ADC82C1-D09A-E14C-985E-B93D69888DF9}"/>
          </ac:spMkLst>
        </pc:spChg>
        <pc:spChg chg="mod">
          <ac:chgData name="Sara Mastrorosa" userId="d159c406-3740-4568-9f4d-6092b2495d2a" providerId="ADAL" clId="{68E68552-334A-49D4-906D-42EB7454986A}" dt="2023-10-17T07:15:24.121" v="3465"/>
          <ac:spMkLst>
            <pc:docMk/>
            <pc:sldMk cId="2585558168" sldId="2147476498"/>
            <ac:spMk id="125" creationId="{89C9CE65-26A0-1DEE-74A3-FF8A10D08F01}"/>
          </ac:spMkLst>
        </pc:spChg>
        <pc:spChg chg="mod">
          <ac:chgData name="Sara Mastrorosa" userId="d159c406-3740-4568-9f4d-6092b2495d2a" providerId="ADAL" clId="{68E68552-334A-49D4-906D-42EB7454986A}" dt="2023-10-17T07:15:24.121" v="3465"/>
          <ac:spMkLst>
            <pc:docMk/>
            <pc:sldMk cId="2585558168" sldId="2147476498"/>
            <ac:spMk id="126" creationId="{8A215801-3AC3-342E-4A46-9B9B82A5FDA3}"/>
          </ac:spMkLst>
        </pc:spChg>
        <pc:spChg chg="mod">
          <ac:chgData name="Sara Mastrorosa" userId="d159c406-3740-4568-9f4d-6092b2495d2a" providerId="ADAL" clId="{68E68552-334A-49D4-906D-42EB7454986A}" dt="2023-10-17T07:15:24.121" v="3465"/>
          <ac:spMkLst>
            <pc:docMk/>
            <pc:sldMk cId="2585558168" sldId="2147476498"/>
            <ac:spMk id="127" creationId="{FE6177A6-1607-3AC6-A497-83DDF29C74B4}"/>
          </ac:spMkLst>
        </pc:spChg>
        <pc:spChg chg="mod">
          <ac:chgData name="Sara Mastrorosa" userId="d159c406-3740-4568-9f4d-6092b2495d2a" providerId="ADAL" clId="{68E68552-334A-49D4-906D-42EB7454986A}" dt="2023-10-17T07:15:24.121" v="3465"/>
          <ac:spMkLst>
            <pc:docMk/>
            <pc:sldMk cId="2585558168" sldId="2147476498"/>
            <ac:spMk id="128" creationId="{30716ED3-5243-F710-E3F7-CC00730C234B}"/>
          </ac:spMkLst>
        </pc:spChg>
        <pc:spChg chg="mod">
          <ac:chgData name="Sara Mastrorosa" userId="d159c406-3740-4568-9f4d-6092b2495d2a" providerId="ADAL" clId="{68E68552-334A-49D4-906D-42EB7454986A}" dt="2023-10-17T07:15:24.121" v="3465"/>
          <ac:spMkLst>
            <pc:docMk/>
            <pc:sldMk cId="2585558168" sldId="2147476498"/>
            <ac:spMk id="130" creationId="{E149B4AC-191F-3D36-C2F0-B6EC68BA0F8F}"/>
          </ac:spMkLst>
        </pc:spChg>
        <pc:spChg chg="mod">
          <ac:chgData name="Sara Mastrorosa" userId="d159c406-3740-4568-9f4d-6092b2495d2a" providerId="ADAL" clId="{68E68552-334A-49D4-906D-42EB7454986A}" dt="2023-10-17T07:15:24.121" v="3465"/>
          <ac:spMkLst>
            <pc:docMk/>
            <pc:sldMk cId="2585558168" sldId="2147476498"/>
            <ac:spMk id="131" creationId="{3B8D6C2C-BC20-AEED-C9C4-3C708022684E}"/>
          </ac:spMkLst>
        </pc:spChg>
        <pc:spChg chg="mod">
          <ac:chgData name="Sara Mastrorosa" userId="d159c406-3740-4568-9f4d-6092b2495d2a" providerId="ADAL" clId="{68E68552-334A-49D4-906D-42EB7454986A}" dt="2023-10-17T07:15:24.121" v="3465"/>
          <ac:spMkLst>
            <pc:docMk/>
            <pc:sldMk cId="2585558168" sldId="2147476498"/>
            <ac:spMk id="132" creationId="{736B455E-E8FF-E4ED-61CA-FD29507836AC}"/>
          </ac:spMkLst>
        </pc:spChg>
        <pc:spChg chg="mod">
          <ac:chgData name="Sara Mastrorosa" userId="d159c406-3740-4568-9f4d-6092b2495d2a" providerId="ADAL" clId="{68E68552-334A-49D4-906D-42EB7454986A}" dt="2023-10-17T07:15:24.121" v="3465"/>
          <ac:spMkLst>
            <pc:docMk/>
            <pc:sldMk cId="2585558168" sldId="2147476498"/>
            <ac:spMk id="133" creationId="{477174AC-2CBA-1C78-0237-30761F698D4E}"/>
          </ac:spMkLst>
        </pc:spChg>
        <pc:spChg chg="mod">
          <ac:chgData name="Sara Mastrorosa" userId="d159c406-3740-4568-9f4d-6092b2495d2a" providerId="ADAL" clId="{68E68552-334A-49D4-906D-42EB7454986A}" dt="2023-10-17T07:15:24.121" v="3465"/>
          <ac:spMkLst>
            <pc:docMk/>
            <pc:sldMk cId="2585558168" sldId="2147476498"/>
            <ac:spMk id="134" creationId="{311C720C-2547-3319-F991-2206C9FF0694}"/>
          </ac:spMkLst>
        </pc:spChg>
        <pc:spChg chg="mod">
          <ac:chgData name="Sara Mastrorosa" userId="d159c406-3740-4568-9f4d-6092b2495d2a" providerId="ADAL" clId="{68E68552-334A-49D4-906D-42EB7454986A}" dt="2023-10-17T07:15:40.543" v="3504"/>
          <ac:spMkLst>
            <pc:docMk/>
            <pc:sldMk cId="2585558168" sldId="2147476498"/>
            <ac:spMk id="139" creationId="{835CF8A6-BFC5-5346-CD45-255AA8043CBA}"/>
          </ac:spMkLst>
        </pc:spChg>
        <pc:spChg chg="mod">
          <ac:chgData name="Sara Mastrorosa" userId="d159c406-3740-4568-9f4d-6092b2495d2a" providerId="ADAL" clId="{68E68552-334A-49D4-906D-42EB7454986A}" dt="2023-10-17T07:15:40.543" v="3504"/>
          <ac:spMkLst>
            <pc:docMk/>
            <pc:sldMk cId="2585558168" sldId="2147476498"/>
            <ac:spMk id="140" creationId="{A58CD06F-1C13-0160-74BC-FA3F8B7611A9}"/>
          </ac:spMkLst>
        </pc:spChg>
        <pc:spChg chg="mod">
          <ac:chgData name="Sara Mastrorosa" userId="d159c406-3740-4568-9f4d-6092b2495d2a" providerId="ADAL" clId="{68E68552-334A-49D4-906D-42EB7454986A}" dt="2023-10-17T07:15:40.543" v="3504"/>
          <ac:spMkLst>
            <pc:docMk/>
            <pc:sldMk cId="2585558168" sldId="2147476498"/>
            <ac:spMk id="141" creationId="{3132AC67-E339-C03D-13A4-FF9879B94615}"/>
          </ac:spMkLst>
        </pc:spChg>
        <pc:spChg chg="mod">
          <ac:chgData name="Sara Mastrorosa" userId="d159c406-3740-4568-9f4d-6092b2495d2a" providerId="ADAL" clId="{68E68552-334A-49D4-906D-42EB7454986A}" dt="2023-10-17T07:15:40.543" v="3504"/>
          <ac:spMkLst>
            <pc:docMk/>
            <pc:sldMk cId="2585558168" sldId="2147476498"/>
            <ac:spMk id="142" creationId="{04E69FAD-3049-A91E-0CDE-C4F4C64218C5}"/>
          </ac:spMkLst>
        </pc:spChg>
        <pc:spChg chg="mod">
          <ac:chgData name="Sara Mastrorosa" userId="d159c406-3740-4568-9f4d-6092b2495d2a" providerId="ADAL" clId="{68E68552-334A-49D4-906D-42EB7454986A}" dt="2023-10-17T07:15:40.543" v="3504"/>
          <ac:spMkLst>
            <pc:docMk/>
            <pc:sldMk cId="2585558168" sldId="2147476498"/>
            <ac:spMk id="143" creationId="{5ECD1A8D-411B-80C5-ADDB-5362609D859F}"/>
          </ac:spMkLst>
        </pc:spChg>
        <pc:spChg chg="mod">
          <ac:chgData name="Sara Mastrorosa" userId="d159c406-3740-4568-9f4d-6092b2495d2a" providerId="ADAL" clId="{68E68552-334A-49D4-906D-42EB7454986A}" dt="2023-10-17T07:15:40.543" v="3504"/>
          <ac:spMkLst>
            <pc:docMk/>
            <pc:sldMk cId="2585558168" sldId="2147476498"/>
            <ac:spMk id="145" creationId="{AAAD3DD8-458E-283C-0DD1-211950770D51}"/>
          </ac:spMkLst>
        </pc:spChg>
        <pc:spChg chg="mod">
          <ac:chgData name="Sara Mastrorosa" userId="d159c406-3740-4568-9f4d-6092b2495d2a" providerId="ADAL" clId="{68E68552-334A-49D4-906D-42EB7454986A}" dt="2023-10-17T07:15:40.543" v="3504"/>
          <ac:spMkLst>
            <pc:docMk/>
            <pc:sldMk cId="2585558168" sldId="2147476498"/>
            <ac:spMk id="146" creationId="{DB375B53-F25D-E923-C518-A455232B2E01}"/>
          </ac:spMkLst>
        </pc:spChg>
        <pc:spChg chg="mod">
          <ac:chgData name="Sara Mastrorosa" userId="d159c406-3740-4568-9f4d-6092b2495d2a" providerId="ADAL" clId="{68E68552-334A-49D4-906D-42EB7454986A}" dt="2023-10-17T07:15:40.543" v="3504"/>
          <ac:spMkLst>
            <pc:docMk/>
            <pc:sldMk cId="2585558168" sldId="2147476498"/>
            <ac:spMk id="147" creationId="{37BDA4A1-7065-483B-C3AE-2D3C77CE96D0}"/>
          </ac:spMkLst>
        </pc:spChg>
        <pc:spChg chg="mod">
          <ac:chgData name="Sara Mastrorosa" userId="d159c406-3740-4568-9f4d-6092b2495d2a" providerId="ADAL" clId="{68E68552-334A-49D4-906D-42EB7454986A}" dt="2023-10-17T07:15:40.543" v="3504"/>
          <ac:spMkLst>
            <pc:docMk/>
            <pc:sldMk cId="2585558168" sldId="2147476498"/>
            <ac:spMk id="148" creationId="{63FBDA06-8D62-D92C-3139-6EED9FACC06D}"/>
          </ac:spMkLst>
        </pc:spChg>
        <pc:spChg chg="mod">
          <ac:chgData name="Sara Mastrorosa" userId="d159c406-3740-4568-9f4d-6092b2495d2a" providerId="ADAL" clId="{68E68552-334A-49D4-906D-42EB7454986A}" dt="2023-10-17T07:15:40.543" v="3504"/>
          <ac:spMkLst>
            <pc:docMk/>
            <pc:sldMk cId="2585558168" sldId="2147476498"/>
            <ac:spMk id="149" creationId="{048B667F-BEF7-A0AC-12A2-92196CD2F85D}"/>
          </ac:spMkLst>
        </pc:spChg>
        <pc:spChg chg="mod">
          <ac:chgData name="Sara Mastrorosa" userId="d159c406-3740-4568-9f4d-6092b2495d2a" providerId="ADAL" clId="{68E68552-334A-49D4-906D-42EB7454986A}" dt="2023-10-17T07:15:40.543" v="3504"/>
          <ac:spMkLst>
            <pc:docMk/>
            <pc:sldMk cId="2585558168" sldId="2147476498"/>
            <ac:spMk id="151" creationId="{2A03D588-C8D7-7295-3FEC-2E1EEDAF59E8}"/>
          </ac:spMkLst>
        </pc:spChg>
        <pc:spChg chg="mod">
          <ac:chgData name="Sara Mastrorosa" userId="d159c406-3740-4568-9f4d-6092b2495d2a" providerId="ADAL" clId="{68E68552-334A-49D4-906D-42EB7454986A}" dt="2023-10-17T07:15:40.543" v="3504"/>
          <ac:spMkLst>
            <pc:docMk/>
            <pc:sldMk cId="2585558168" sldId="2147476498"/>
            <ac:spMk id="152" creationId="{65E2C29D-B100-B0EB-A7D5-22E0EBB63E05}"/>
          </ac:spMkLst>
        </pc:spChg>
        <pc:spChg chg="mod">
          <ac:chgData name="Sara Mastrorosa" userId="d159c406-3740-4568-9f4d-6092b2495d2a" providerId="ADAL" clId="{68E68552-334A-49D4-906D-42EB7454986A}" dt="2023-10-17T07:15:40.543" v="3504"/>
          <ac:spMkLst>
            <pc:docMk/>
            <pc:sldMk cId="2585558168" sldId="2147476498"/>
            <ac:spMk id="153" creationId="{8C305D43-1157-B89F-98AF-41287030A7B6}"/>
          </ac:spMkLst>
        </pc:spChg>
        <pc:spChg chg="mod">
          <ac:chgData name="Sara Mastrorosa" userId="d159c406-3740-4568-9f4d-6092b2495d2a" providerId="ADAL" clId="{68E68552-334A-49D4-906D-42EB7454986A}" dt="2023-10-17T07:15:40.543" v="3504"/>
          <ac:spMkLst>
            <pc:docMk/>
            <pc:sldMk cId="2585558168" sldId="2147476498"/>
            <ac:spMk id="154" creationId="{02FDD1B7-35A1-C11F-59CA-4475A362CEBD}"/>
          </ac:spMkLst>
        </pc:spChg>
        <pc:spChg chg="mod">
          <ac:chgData name="Sara Mastrorosa" userId="d159c406-3740-4568-9f4d-6092b2495d2a" providerId="ADAL" clId="{68E68552-334A-49D4-906D-42EB7454986A}" dt="2023-10-17T07:15:40.543" v="3504"/>
          <ac:spMkLst>
            <pc:docMk/>
            <pc:sldMk cId="2585558168" sldId="2147476498"/>
            <ac:spMk id="155" creationId="{1B232523-F5BF-E47A-FD46-151FB3F4B3CB}"/>
          </ac:spMkLst>
        </pc:spChg>
        <pc:spChg chg="add mod">
          <ac:chgData name="Sara Mastrorosa" userId="d159c406-3740-4568-9f4d-6092b2495d2a" providerId="ADAL" clId="{68E68552-334A-49D4-906D-42EB7454986A}" dt="2023-10-17T07:52:52.035" v="3694" actId="1036"/>
          <ac:spMkLst>
            <pc:docMk/>
            <pc:sldMk cId="2585558168" sldId="2147476498"/>
            <ac:spMk id="159" creationId="{D5B5EA3D-BBFE-7E6C-98D3-1E383B1B73F1}"/>
          </ac:spMkLst>
        </pc:spChg>
        <pc:spChg chg="add del mod">
          <ac:chgData name="Sara Mastrorosa" userId="d159c406-3740-4568-9f4d-6092b2495d2a" providerId="ADAL" clId="{68E68552-334A-49D4-906D-42EB7454986A}" dt="2023-10-17T07:39:38.362" v="3517"/>
          <ac:spMkLst>
            <pc:docMk/>
            <pc:sldMk cId="2585558168" sldId="2147476498"/>
            <ac:spMk id="160" creationId="{3CD55FED-C90C-0907-FDB2-631154AEB277}"/>
          </ac:spMkLst>
        </pc:spChg>
        <pc:spChg chg="add del mod">
          <ac:chgData name="Sara Mastrorosa" userId="d159c406-3740-4568-9f4d-6092b2495d2a" providerId="ADAL" clId="{68E68552-334A-49D4-906D-42EB7454986A}" dt="2023-10-17T07:39:38.362" v="3517"/>
          <ac:spMkLst>
            <pc:docMk/>
            <pc:sldMk cId="2585558168" sldId="2147476498"/>
            <ac:spMk id="161" creationId="{F0BC73BA-54D3-623A-46D2-EDD3A7B4B67F}"/>
          </ac:spMkLst>
        </pc:spChg>
        <pc:spChg chg="add del mod">
          <ac:chgData name="Sara Mastrorosa" userId="d159c406-3740-4568-9f4d-6092b2495d2a" providerId="ADAL" clId="{68E68552-334A-49D4-906D-42EB7454986A}" dt="2023-10-17T07:39:38.362" v="3517"/>
          <ac:spMkLst>
            <pc:docMk/>
            <pc:sldMk cId="2585558168" sldId="2147476498"/>
            <ac:spMk id="162" creationId="{C7A015C4-174B-A09B-5C19-61B2C951E406}"/>
          </ac:spMkLst>
        </pc:spChg>
        <pc:spChg chg="add del mod">
          <ac:chgData name="Sara Mastrorosa" userId="d159c406-3740-4568-9f4d-6092b2495d2a" providerId="ADAL" clId="{68E68552-334A-49D4-906D-42EB7454986A}" dt="2023-10-17T07:39:38.362" v="3517"/>
          <ac:spMkLst>
            <pc:docMk/>
            <pc:sldMk cId="2585558168" sldId="2147476498"/>
            <ac:spMk id="163" creationId="{82DE8D35-E7FA-6D39-AA36-CB36B1E5AF44}"/>
          </ac:spMkLst>
        </pc:spChg>
        <pc:spChg chg="add del mod">
          <ac:chgData name="Sara Mastrorosa" userId="d159c406-3740-4568-9f4d-6092b2495d2a" providerId="ADAL" clId="{68E68552-334A-49D4-906D-42EB7454986A}" dt="2023-10-17T07:39:38.362" v="3517"/>
          <ac:spMkLst>
            <pc:docMk/>
            <pc:sldMk cId="2585558168" sldId="2147476498"/>
            <ac:spMk id="164" creationId="{232D9EBF-EC2B-2F48-8670-62551455B904}"/>
          </ac:spMkLst>
        </pc:spChg>
        <pc:spChg chg="add del mod">
          <ac:chgData name="Sara Mastrorosa" userId="d159c406-3740-4568-9f4d-6092b2495d2a" providerId="ADAL" clId="{68E68552-334A-49D4-906D-42EB7454986A}" dt="2023-10-17T07:39:38.362" v="3517"/>
          <ac:spMkLst>
            <pc:docMk/>
            <pc:sldMk cId="2585558168" sldId="2147476498"/>
            <ac:spMk id="165" creationId="{5944CA24-EB08-6450-6988-EB61EEDA24BE}"/>
          </ac:spMkLst>
        </pc:spChg>
        <pc:spChg chg="add del mod">
          <ac:chgData name="Sara Mastrorosa" userId="d159c406-3740-4568-9f4d-6092b2495d2a" providerId="ADAL" clId="{68E68552-334A-49D4-906D-42EB7454986A}" dt="2023-10-17T07:39:38.362" v="3517"/>
          <ac:spMkLst>
            <pc:docMk/>
            <pc:sldMk cId="2585558168" sldId="2147476498"/>
            <ac:spMk id="166" creationId="{E03D2314-C3DB-4C28-E40E-47B02D45BDFE}"/>
          </ac:spMkLst>
        </pc:spChg>
        <pc:spChg chg="add del mod">
          <ac:chgData name="Sara Mastrorosa" userId="d159c406-3740-4568-9f4d-6092b2495d2a" providerId="ADAL" clId="{68E68552-334A-49D4-906D-42EB7454986A}" dt="2023-10-17T07:39:38.362" v="3517"/>
          <ac:spMkLst>
            <pc:docMk/>
            <pc:sldMk cId="2585558168" sldId="2147476498"/>
            <ac:spMk id="167" creationId="{4735B9F2-402C-FCA3-21EB-45581983DBF6}"/>
          </ac:spMkLst>
        </pc:spChg>
        <pc:spChg chg="add del mod">
          <ac:chgData name="Sara Mastrorosa" userId="d159c406-3740-4568-9f4d-6092b2495d2a" providerId="ADAL" clId="{68E68552-334A-49D4-906D-42EB7454986A}" dt="2023-10-17T07:39:38.362" v="3517"/>
          <ac:spMkLst>
            <pc:docMk/>
            <pc:sldMk cId="2585558168" sldId="2147476498"/>
            <ac:spMk id="168" creationId="{27C59038-D8FB-3238-7E79-5A73E1CD7328}"/>
          </ac:spMkLst>
        </pc:spChg>
        <pc:spChg chg="add del mod">
          <ac:chgData name="Sara Mastrorosa" userId="d159c406-3740-4568-9f4d-6092b2495d2a" providerId="ADAL" clId="{68E68552-334A-49D4-906D-42EB7454986A}" dt="2023-10-17T07:39:38.362" v="3517"/>
          <ac:spMkLst>
            <pc:docMk/>
            <pc:sldMk cId="2585558168" sldId="2147476498"/>
            <ac:spMk id="169" creationId="{CA33B7E5-2649-3B0C-CE19-3728F1019704}"/>
          </ac:spMkLst>
        </pc:spChg>
        <pc:spChg chg="add del mod">
          <ac:chgData name="Sara Mastrorosa" userId="d159c406-3740-4568-9f4d-6092b2495d2a" providerId="ADAL" clId="{68E68552-334A-49D4-906D-42EB7454986A}" dt="2023-10-17T07:39:38.362" v="3517"/>
          <ac:spMkLst>
            <pc:docMk/>
            <pc:sldMk cId="2585558168" sldId="2147476498"/>
            <ac:spMk id="170" creationId="{8CFB012A-B375-6BBF-926D-A808E56A5AE5}"/>
          </ac:spMkLst>
        </pc:spChg>
        <pc:spChg chg="add del mod">
          <ac:chgData name="Sara Mastrorosa" userId="d159c406-3740-4568-9f4d-6092b2495d2a" providerId="ADAL" clId="{68E68552-334A-49D4-906D-42EB7454986A}" dt="2023-10-17T07:39:38.362" v="3517"/>
          <ac:spMkLst>
            <pc:docMk/>
            <pc:sldMk cId="2585558168" sldId="2147476498"/>
            <ac:spMk id="171" creationId="{8F8A6B59-A51A-88D0-8504-FE7B2D95A60F}"/>
          </ac:spMkLst>
        </pc:spChg>
        <pc:spChg chg="add del mod">
          <ac:chgData name="Sara Mastrorosa" userId="d159c406-3740-4568-9f4d-6092b2495d2a" providerId="ADAL" clId="{68E68552-334A-49D4-906D-42EB7454986A}" dt="2023-10-17T07:39:38.362" v="3517"/>
          <ac:spMkLst>
            <pc:docMk/>
            <pc:sldMk cId="2585558168" sldId="2147476498"/>
            <ac:spMk id="172" creationId="{1D8C4DB1-A9E5-BADE-37F9-6B2A645ED714}"/>
          </ac:spMkLst>
        </pc:spChg>
        <pc:spChg chg="add del mod">
          <ac:chgData name="Sara Mastrorosa" userId="d159c406-3740-4568-9f4d-6092b2495d2a" providerId="ADAL" clId="{68E68552-334A-49D4-906D-42EB7454986A}" dt="2023-10-17T07:39:38.362" v="3517"/>
          <ac:spMkLst>
            <pc:docMk/>
            <pc:sldMk cId="2585558168" sldId="2147476498"/>
            <ac:spMk id="173" creationId="{01DD2BB7-63AF-AE5B-DD7C-C9B9DD5E27B3}"/>
          </ac:spMkLst>
        </pc:spChg>
        <pc:spChg chg="add del mod">
          <ac:chgData name="Sara Mastrorosa" userId="d159c406-3740-4568-9f4d-6092b2495d2a" providerId="ADAL" clId="{68E68552-334A-49D4-906D-42EB7454986A}" dt="2023-10-17T07:39:38.362" v="3517"/>
          <ac:spMkLst>
            <pc:docMk/>
            <pc:sldMk cId="2585558168" sldId="2147476498"/>
            <ac:spMk id="174" creationId="{C1F7395F-904B-6ED3-CE69-4E82809F5537}"/>
          </ac:spMkLst>
        </pc:spChg>
        <pc:spChg chg="add del mod">
          <ac:chgData name="Sara Mastrorosa" userId="d159c406-3740-4568-9f4d-6092b2495d2a" providerId="ADAL" clId="{68E68552-334A-49D4-906D-42EB7454986A}" dt="2023-10-17T07:39:38.362" v="3517"/>
          <ac:spMkLst>
            <pc:docMk/>
            <pc:sldMk cId="2585558168" sldId="2147476498"/>
            <ac:spMk id="175" creationId="{AD40CB83-596F-5135-E813-C92298836105}"/>
          </ac:spMkLst>
        </pc:spChg>
        <pc:spChg chg="add mod">
          <ac:chgData name="Sara Mastrorosa" userId="d159c406-3740-4568-9f4d-6092b2495d2a" providerId="ADAL" clId="{68E68552-334A-49D4-906D-42EB7454986A}" dt="2023-10-17T07:52:52.035" v="3694" actId="1036"/>
          <ac:spMkLst>
            <pc:docMk/>
            <pc:sldMk cId="2585558168" sldId="2147476498"/>
            <ac:spMk id="185" creationId="{BA775956-1CF2-6593-747D-B60353DCF1B0}"/>
          </ac:spMkLst>
        </pc:spChg>
        <pc:spChg chg="mod">
          <ac:chgData name="Sara Mastrorosa" userId="d159c406-3740-4568-9f4d-6092b2495d2a" providerId="ADAL" clId="{68E68552-334A-49D4-906D-42EB7454986A}" dt="2023-10-17T07:49:34.117" v="3644"/>
          <ac:spMkLst>
            <pc:docMk/>
            <pc:sldMk cId="2585558168" sldId="2147476498"/>
            <ac:spMk id="187" creationId="{7A4A7480-5DD0-FE30-79E1-DD7D3341FF55}"/>
          </ac:spMkLst>
        </pc:spChg>
        <pc:spChg chg="mod">
          <ac:chgData name="Sara Mastrorosa" userId="d159c406-3740-4568-9f4d-6092b2495d2a" providerId="ADAL" clId="{68E68552-334A-49D4-906D-42EB7454986A}" dt="2023-10-17T07:49:34.117" v="3644"/>
          <ac:spMkLst>
            <pc:docMk/>
            <pc:sldMk cId="2585558168" sldId="2147476498"/>
            <ac:spMk id="188" creationId="{62183009-E22C-925B-1767-69E23FF3CE9C}"/>
          </ac:spMkLst>
        </pc:spChg>
        <pc:spChg chg="mod">
          <ac:chgData name="Sara Mastrorosa" userId="d159c406-3740-4568-9f4d-6092b2495d2a" providerId="ADAL" clId="{68E68552-334A-49D4-906D-42EB7454986A}" dt="2023-10-17T07:49:34.117" v="3644"/>
          <ac:spMkLst>
            <pc:docMk/>
            <pc:sldMk cId="2585558168" sldId="2147476498"/>
            <ac:spMk id="189" creationId="{BEF7FEF2-088A-5D1E-5CE6-0ECD48243768}"/>
          </ac:spMkLst>
        </pc:spChg>
        <pc:spChg chg="mod">
          <ac:chgData name="Sara Mastrorosa" userId="d159c406-3740-4568-9f4d-6092b2495d2a" providerId="ADAL" clId="{68E68552-334A-49D4-906D-42EB7454986A}" dt="2023-10-17T07:49:34.117" v="3644"/>
          <ac:spMkLst>
            <pc:docMk/>
            <pc:sldMk cId="2585558168" sldId="2147476498"/>
            <ac:spMk id="190" creationId="{6D2BD96B-192E-8403-DFFB-1F8DD8EA9A03}"/>
          </ac:spMkLst>
        </pc:spChg>
        <pc:spChg chg="mod">
          <ac:chgData name="Sara Mastrorosa" userId="d159c406-3740-4568-9f4d-6092b2495d2a" providerId="ADAL" clId="{68E68552-334A-49D4-906D-42EB7454986A}" dt="2023-10-17T08:41:33.547" v="3763" actId="207"/>
          <ac:spMkLst>
            <pc:docMk/>
            <pc:sldMk cId="2585558168" sldId="2147476498"/>
            <ac:spMk id="191" creationId="{0AA8D809-3DC6-6CC4-46CB-8BBEB5D3D205}"/>
          </ac:spMkLst>
        </pc:spChg>
        <pc:spChg chg="add del mod">
          <ac:chgData name="Sara Mastrorosa" userId="d159c406-3740-4568-9f4d-6092b2495d2a" providerId="ADAL" clId="{68E68552-334A-49D4-906D-42EB7454986A}" dt="2023-10-17T07:49:53.699" v="3649" actId="478"/>
          <ac:spMkLst>
            <pc:docMk/>
            <pc:sldMk cId="2585558168" sldId="2147476498"/>
            <ac:spMk id="195" creationId="{07B6A4EA-7F1A-BE5A-2B64-67244FB27434}"/>
          </ac:spMkLst>
        </pc:spChg>
        <pc:spChg chg="mod">
          <ac:chgData name="Sara Mastrorosa" userId="d159c406-3740-4568-9f4d-6092b2495d2a" providerId="ADAL" clId="{68E68552-334A-49D4-906D-42EB7454986A}" dt="2023-10-17T07:49:49.479" v="3647"/>
          <ac:spMkLst>
            <pc:docMk/>
            <pc:sldMk cId="2585558168" sldId="2147476498"/>
            <ac:spMk id="197" creationId="{145BC747-B3F1-7989-6908-EB27AFB56739}"/>
          </ac:spMkLst>
        </pc:spChg>
        <pc:spChg chg="mod">
          <ac:chgData name="Sara Mastrorosa" userId="d159c406-3740-4568-9f4d-6092b2495d2a" providerId="ADAL" clId="{68E68552-334A-49D4-906D-42EB7454986A}" dt="2023-10-17T07:49:49.479" v="3647"/>
          <ac:spMkLst>
            <pc:docMk/>
            <pc:sldMk cId="2585558168" sldId="2147476498"/>
            <ac:spMk id="198" creationId="{30272BBA-7867-95A1-0D40-9E276FDBCB95}"/>
          </ac:spMkLst>
        </pc:spChg>
        <pc:spChg chg="mod">
          <ac:chgData name="Sara Mastrorosa" userId="d159c406-3740-4568-9f4d-6092b2495d2a" providerId="ADAL" clId="{68E68552-334A-49D4-906D-42EB7454986A}" dt="2023-10-17T07:49:49.479" v="3647"/>
          <ac:spMkLst>
            <pc:docMk/>
            <pc:sldMk cId="2585558168" sldId="2147476498"/>
            <ac:spMk id="199" creationId="{CE0A7224-B583-42DA-2887-7BF8EEA68BCB}"/>
          </ac:spMkLst>
        </pc:spChg>
        <pc:spChg chg="mod">
          <ac:chgData name="Sara Mastrorosa" userId="d159c406-3740-4568-9f4d-6092b2495d2a" providerId="ADAL" clId="{68E68552-334A-49D4-906D-42EB7454986A}" dt="2023-10-17T07:49:49.479" v="3647"/>
          <ac:spMkLst>
            <pc:docMk/>
            <pc:sldMk cId="2585558168" sldId="2147476498"/>
            <ac:spMk id="200" creationId="{567E0BF7-FA81-CAE7-CF8E-AE082FB0A142}"/>
          </ac:spMkLst>
        </pc:spChg>
        <pc:spChg chg="mod">
          <ac:chgData name="Sara Mastrorosa" userId="d159c406-3740-4568-9f4d-6092b2495d2a" providerId="ADAL" clId="{68E68552-334A-49D4-906D-42EB7454986A}" dt="2023-10-17T07:49:49.479" v="3647"/>
          <ac:spMkLst>
            <pc:docMk/>
            <pc:sldMk cId="2585558168" sldId="2147476498"/>
            <ac:spMk id="201" creationId="{A1B3BC0F-E6B1-372C-F794-945F23B8DC05}"/>
          </ac:spMkLst>
        </pc:spChg>
        <pc:spChg chg="add mod">
          <ac:chgData name="Sara Mastrorosa" userId="d159c406-3740-4568-9f4d-6092b2495d2a" providerId="ADAL" clId="{68E68552-334A-49D4-906D-42EB7454986A}" dt="2023-10-17T07:55:06.463" v="3759" actId="1076"/>
          <ac:spMkLst>
            <pc:docMk/>
            <pc:sldMk cId="2585558168" sldId="2147476498"/>
            <ac:spMk id="202" creationId="{5554C46E-A78F-2E9D-B727-DE000F4E5692}"/>
          </ac:spMkLst>
        </pc:spChg>
        <pc:spChg chg="mod">
          <ac:chgData name="Sara Mastrorosa" userId="d159c406-3740-4568-9f4d-6092b2495d2a" providerId="ADAL" clId="{68E68552-334A-49D4-906D-42EB7454986A}" dt="2023-10-17T07:49:57.517" v="3650"/>
          <ac:spMkLst>
            <pc:docMk/>
            <pc:sldMk cId="2585558168" sldId="2147476498"/>
            <ac:spMk id="204" creationId="{03CAD4C2-F97C-D5CF-7879-A4D6DDD3EF92}"/>
          </ac:spMkLst>
        </pc:spChg>
        <pc:spChg chg="mod">
          <ac:chgData name="Sara Mastrorosa" userId="d159c406-3740-4568-9f4d-6092b2495d2a" providerId="ADAL" clId="{68E68552-334A-49D4-906D-42EB7454986A}" dt="2023-10-17T07:49:57.517" v="3650"/>
          <ac:spMkLst>
            <pc:docMk/>
            <pc:sldMk cId="2585558168" sldId="2147476498"/>
            <ac:spMk id="205" creationId="{831E0176-2C23-2F89-86F0-A7D3BE49B08E}"/>
          </ac:spMkLst>
        </pc:spChg>
        <pc:spChg chg="mod">
          <ac:chgData name="Sara Mastrorosa" userId="d159c406-3740-4568-9f4d-6092b2495d2a" providerId="ADAL" clId="{68E68552-334A-49D4-906D-42EB7454986A}" dt="2023-10-17T07:49:57.517" v="3650"/>
          <ac:spMkLst>
            <pc:docMk/>
            <pc:sldMk cId="2585558168" sldId="2147476498"/>
            <ac:spMk id="206" creationId="{1E1F52B2-C884-B0AA-15FD-D00D392F6274}"/>
          </ac:spMkLst>
        </pc:spChg>
        <pc:spChg chg="mod">
          <ac:chgData name="Sara Mastrorosa" userId="d159c406-3740-4568-9f4d-6092b2495d2a" providerId="ADAL" clId="{68E68552-334A-49D4-906D-42EB7454986A}" dt="2023-10-17T07:49:57.517" v="3650"/>
          <ac:spMkLst>
            <pc:docMk/>
            <pc:sldMk cId="2585558168" sldId="2147476498"/>
            <ac:spMk id="207" creationId="{527AFE62-210D-53CC-9DD7-056300F68CE8}"/>
          </ac:spMkLst>
        </pc:spChg>
        <pc:spChg chg="mod">
          <ac:chgData name="Sara Mastrorosa" userId="d159c406-3740-4568-9f4d-6092b2495d2a" providerId="ADAL" clId="{68E68552-334A-49D4-906D-42EB7454986A}" dt="2023-10-17T08:41:38.800" v="3765" actId="207"/>
          <ac:spMkLst>
            <pc:docMk/>
            <pc:sldMk cId="2585558168" sldId="2147476498"/>
            <ac:spMk id="208" creationId="{A4EEC348-6458-F25A-49AD-DBBAE3DFE36B}"/>
          </ac:spMkLst>
        </pc:spChg>
        <pc:spChg chg="add del mod">
          <ac:chgData name="Sara Mastrorosa" userId="d159c406-3740-4568-9f4d-6092b2495d2a" providerId="ADAL" clId="{68E68552-334A-49D4-906D-42EB7454986A}" dt="2023-10-17T08:49:22.519" v="3801" actId="478"/>
          <ac:spMkLst>
            <pc:docMk/>
            <pc:sldMk cId="2585558168" sldId="2147476498"/>
            <ac:spMk id="233" creationId="{3E116441-9E48-E19D-2E1C-1DFF627112CC}"/>
          </ac:spMkLst>
        </pc:spChg>
        <pc:spChg chg="mod">
          <ac:chgData name="Sara Mastrorosa" userId="d159c406-3740-4568-9f4d-6092b2495d2a" providerId="ADAL" clId="{68E68552-334A-49D4-906D-42EB7454986A}" dt="2023-10-17T08:45:47.828" v="3776" actId="207"/>
          <ac:spMkLst>
            <pc:docMk/>
            <pc:sldMk cId="2585558168" sldId="2147476498"/>
            <ac:spMk id="235" creationId="{116120F8-8937-6842-44E1-803F1A286614}"/>
          </ac:spMkLst>
        </pc:spChg>
        <pc:spChg chg="mod">
          <ac:chgData name="Sara Mastrorosa" userId="d159c406-3740-4568-9f4d-6092b2495d2a" providerId="ADAL" clId="{68E68552-334A-49D4-906D-42EB7454986A}" dt="2023-10-17T08:45:41.483" v="3774" actId="207"/>
          <ac:spMkLst>
            <pc:docMk/>
            <pc:sldMk cId="2585558168" sldId="2147476498"/>
            <ac:spMk id="236" creationId="{0403ABFE-442D-7C1D-3D78-5A499243458B}"/>
          </ac:spMkLst>
        </pc:spChg>
        <pc:spChg chg="mod">
          <ac:chgData name="Sara Mastrorosa" userId="d159c406-3740-4568-9f4d-6092b2495d2a" providerId="ADAL" clId="{68E68552-334A-49D4-906D-42EB7454986A}" dt="2023-10-17T08:45:50.948" v="3777" actId="207"/>
          <ac:spMkLst>
            <pc:docMk/>
            <pc:sldMk cId="2585558168" sldId="2147476498"/>
            <ac:spMk id="237" creationId="{7BBA3725-1301-9A2D-8BEA-B247699F9D49}"/>
          </ac:spMkLst>
        </pc:spChg>
        <pc:spChg chg="mod">
          <ac:chgData name="Sara Mastrorosa" userId="d159c406-3740-4568-9f4d-6092b2495d2a" providerId="ADAL" clId="{68E68552-334A-49D4-906D-42EB7454986A}" dt="2023-10-17T08:45:38.313" v="3773" actId="207"/>
          <ac:spMkLst>
            <pc:docMk/>
            <pc:sldMk cId="2585558168" sldId="2147476498"/>
            <ac:spMk id="238" creationId="{6BBCFD1E-8E65-0F60-4A2F-2856A2FD7928}"/>
          </ac:spMkLst>
        </pc:spChg>
        <pc:spChg chg="mod">
          <ac:chgData name="Sara Mastrorosa" userId="d159c406-3740-4568-9f4d-6092b2495d2a" providerId="ADAL" clId="{68E68552-334A-49D4-906D-42EB7454986A}" dt="2023-10-17T08:45:54.391" v="3778" actId="207"/>
          <ac:spMkLst>
            <pc:docMk/>
            <pc:sldMk cId="2585558168" sldId="2147476498"/>
            <ac:spMk id="239" creationId="{4632B7D6-507B-F118-EB9C-2BDC788E5963}"/>
          </ac:spMkLst>
        </pc:spChg>
        <pc:spChg chg="add del mod">
          <ac:chgData name="Sara Mastrorosa" userId="d159c406-3740-4568-9f4d-6092b2495d2a" providerId="ADAL" clId="{68E68552-334A-49D4-906D-42EB7454986A}" dt="2023-10-17T08:49:22.519" v="3801" actId="478"/>
          <ac:spMkLst>
            <pc:docMk/>
            <pc:sldMk cId="2585558168" sldId="2147476498"/>
            <ac:spMk id="243" creationId="{EDE2F281-3A63-56C0-F1CA-EA495412FC59}"/>
          </ac:spMkLst>
        </pc:spChg>
        <pc:spChg chg="mod">
          <ac:chgData name="Sara Mastrorosa" userId="d159c406-3740-4568-9f4d-6092b2495d2a" providerId="ADAL" clId="{68E68552-334A-49D4-906D-42EB7454986A}" dt="2023-10-17T08:46:23.184" v="3781" actId="207"/>
          <ac:spMkLst>
            <pc:docMk/>
            <pc:sldMk cId="2585558168" sldId="2147476498"/>
            <ac:spMk id="245" creationId="{D03BC901-8E3B-92C9-F78C-CE38B78EAAFE}"/>
          </ac:spMkLst>
        </pc:spChg>
        <pc:spChg chg="mod">
          <ac:chgData name="Sara Mastrorosa" userId="d159c406-3740-4568-9f4d-6092b2495d2a" providerId="ADAL" clId="{68E68552-334A-49D4-906D-42EB7454986A}" dt="2023-10-17T08:46:20.250" v="3780" actId="207"/>
          <ac:spMkLst>
            <pc:docMk/>
            <pc:sldMk cId="2585558168" sldId="2147476498"/>
            <ac:spMk id="246" creationId="{80063C9F-23D6-A2E0-8A3C-2EA22017D6D3}"/>
          </ac:spMkLst>
        </pc:spChg>
        <pc:spChg chg="mod">
          <ac:chgData name="Sara Mastrorosa" userId="d159c406-3740-4568-9f4d-6092b2495d2a" providerId="ADAL" clId="{68E68552-334A-49D4-906D-42EB7454986A}" dt="2023-10-17T08:46:28.204" v="3782" actId="207"/>
          <ac:spMkLst>
            <pc:docMk/>
            <pc:sldMk cId="2585558168" sldId="2147476498"/>
            <ac:spMk id="247" creationId="{1B9CCBC3-EB42-C489-9AFA-14F4D6E6798E}"/>
          </ac:spMkLst>
        </pc:spChg>
        <pc:spChg chg="mod">
          <ac:chgData name="Sara Mastrorosa" userId="d159c406-3740-4568-9f4d-6092b2495d2a" providerId="ADAL" clId="{68E68552-334A-49D4-906D-42EB7454986A}" dt="2023-10-17T08:46:16.727" v="3779" actId="207"/>
          <ac:spMkLst>
            <pc:docMk/>
            <pc:sldMk cId="2585558168" sldId="2147476498"/>
            <ac:spMk id="248" creationId="{893137B7-9881-DCA2-C1F7-A27DE54278FB}"/>
          </ac:spMkLst>
        </pc:spChg>
        <pc:spChg chg="mod">
          <ac:chgData name="Sara Mastrorosa" userId="d159c406-3740-4568-9f4d-6092b2495d2a" providerId="ADAL" clId="{68E68552-334A-49D4-906D-42EB7454986A}" dt="2023-10-17T08:46:32.313" v="3783" actId="207"/>
          <ac:spMkLst>
            <pc:docMk/>
            <pc:sldMk cId="2585558168" sldId="2147476498"/>
            <ac:spMk id="249" creationId="{458AD975-4040-99C7-38FA-0ABC5E132AE0}"/>
          </ac:spMkLst>
        </pc:spChg>
        <pc:spChg chg="add del mod">
          <ac:chgData name="Sara Mastrorosa" userId="d159c406-3740-4568-9f4d-6092b2495d2a" providerId="ADAL" clId="{68E68552-334A-49D4-906D-42EB7454986A}" dt="2023-10-17T08:49:22.519" v="3801" actId="478"/>
          <ac:spMkLst>
            <pc:docMk/>
            <pc:sldMk cId="2585558168" sldId="2147476498"/>
            <ac:spMk id="252" creationId="{54387CBF-690A-4D51-2200-34DE54F05B3F}"/>
          </ac:spMkLst>
        </pc:spChg>
        <pc:spChg chg="mod">
          <ac:chgData name="Sara Mastrorosa" userId="d159c406-3740-4568-9f4d-6092b2495d2a" providerId="ADAL" clId="{68E68552-334A-49D4-906D-42EB7454986A}" dt="2023-10-17T08:47:10.966" v="3786" actId="207"/>
          <ac:spMkLst>
            <pc:docMk/>
            <pc:sldMk cId="2585558168" sldId="2147476498"/>
            <ac:spMk id="254" creationId="{E3662C87-BB66-C3B5-9CF5-59BD2FEF3682}"/>
          </ac:spMkLst>
        </pc:spChg>
        <pc:spChg chg="mod">
          <ac:chgData name="Sara Mastrorosa" userId="d159c406-3740-4568-9f4d-6092b2495d2a" providerId="ADAL" clId="{68E68552-334A-49D4-906D-42EB7454986A}" dt="2023-10-17T08:47:06.908" v="3785" actId="207"/>
          <ac:spMkLst>
            <pc:docMk/>
            <pc:sldMk cId="2585558168" sldId="2147476498"/>
            <ac:spMk id="255" creationId="{9E433B7B-7F62-0D0B-EB65-1B89DE7D9D98}"/>
          </ac:spMkLst>
        </pc:spChg>
        <pc:spChg chg="mod">
          <ac:chgData name="Sara Mastrorosa" userId="d159c406-3740-4568-9f4d-6092b2495d2a" providerId="ADAL" clId="{68E68552-334A-49D4-906D-42EB7454986A}" dt="2023-10-17T08:47:14.475" v="3787" actId="207"/>
          <ac:spMkLst>
            <pc:docMk/>
            <pc:sldMk cId="2585558168" sldId="2147476498"/>
            <ac:spMk id="256" creationId="{49FC50B8-93AA-225F-3869-485ABF698951}"/>
          </ac:spMkLst>
        </pc:spChg>
        <pc:spChg chg="mod">
          <ac:chgData name="Sara Mastrorosa" userId="d159c406-3740-4568-9f4d-6092b2495d2a" providerId="ADAL" clId="{68E68552-334A-49D4-906D-42EB7454986A}" dt="2023-10-17T08:46:55.777" v="3784" actId="207"/>
          <ac:spMkLst>
            <pc:docMk/>
            <pc:sldMk cId="2585558168" sldId="2147476498"/>
            <ac:spMk id="257" creationId="{F15FBD03-D26C-EE21-4774-95DADFCD655C}"/>
          </ac:spMkLst>
        </pc:spChg>
        <pc:spChg chg="mod">
          <ac:chgData name="Sara Mastrorosa" userId="d159c406-3740-4568-9f4d-6092b2495d2a" providerId="ADAL" clId="{68E68552-334A-49D4-906D-42EB7454986A}" dt="2023-10-17T08:47:18.477" v="3788" actId="207"/>
          <ac:spMkLst>
            <pc:docMk/>
            <pc:sldMk cId="2585558168" sldId="2147476498"/>
            <ac:spMk id="258" creationId="{694D9496-1540-F402-B1A0-26B550609F39}"/>
          </ac:spMkLst>
        </pc:spChg>
        <pc:spChg chg="add mod">
          <ac:chgData name="Sara Mastrorosa" userId="d159c406-3740-4568-9f4d-6092b2495d2a" providerId="ADAL" clId="{68E68552-334A-49D4-906D-42EB7454986A}" dt="2023-10-17T08:49:35.643" v="3802" actId="1076"/>
          <ac:spMkLst>
            <pc:docMk/>
            <pc:sldMk cId="2585558168" sldId="2147476498"/>
            <ac:spMk id="263" creationId="{3C5A95A6-7F20-1A69-1451-5325A6680337}"/>
          </ac:spMkLst>
        </pc:spChg>
        <pc:spChg chg="mod">
          <ac:chgData name="Sara Mastrorosa" userId="d159c406-3740-4568-9f4d-6092b2495d2a" providerId="ADAL" clId="{68E68552-334A-49D4-906D-42EB7454986A}" dt="2023-10-17T08:47:42.847" v="3789"/>
          <ac:spMkLst>
            <pc:docMk/>
            <pc:sldMk cId="2585558168" sldId="2147476498"/>
            <ac:spMk id="265" creationId="{1B1DE614-7257-F0B8-772F-9E4B73CC856B}"/>
          </ac:spMkLst>
        </pc:spChg>
        <pc:spChg chg="mod">
          <ac:chgData name="Sara Mastrorosa" userId="d159c406-3740-4568-9f4d-6092b2495d2a" providerId="ADAL" clId="{68E68552-334A-49D4-906D-42EB7454986A}" dt="2023-10-17T08:47:42.847" v="3789"/>
          <ac:spMkLst>
            <pc:docMk/>
            <pc:sldMk cId="2585558168" sldId="2147476498"/>
            <ac:spMk id="266" creationId="{D6E85016-9E22-797C-7235-AB4EBF2DC147}"/>
          </ac:spMkLst>
        </pc:spChg>
        <pc:spChg chg="mod">
          <ac:chgData name="Sara Mastrorosa" userId="d159c406-3740-4568-9f4d-6092b2495d2a" providerId="ADAL" clId="{68E68552-334A-49D4-906D-42EB7454986A}" dt="2023-10-17T08:47:42.847" v="3789"/>
          <ac:spMkLst>
            <pc:docMk/>
            <pc:sldMk cId="2585558168" sldId="2147476498"/>
            <ac:spMk id="267" creationId="{61E41120-CE37-23FB-6080-1D95D055BF88}"/>
          </ac:spMkLst>
        </pc:spChg>
        <pc:spChg chg="mod">
          <ac:chgData name="Sara Mastrorosa" userId="d159c406-3740-4568-9f4d-6092b2495d2a" providerId="ADAL" clId="{68E68552-334A-49D4-906D-42EB7454986A}" dt="2023-10-17T08:47:42.847" v="3789"/>
          <ac:spMkLst>
            <pc:docMk/>
            <pc:sldMk cId="2585558168" sldId="2147476498"/>
            <ac:spMk id="268" creationId="{CF559741-423C-7AAF-BB17-4F45ABBEB64F}"/>
          </ac:spMkLst>
        </pc:spChg>
        <pc:spChg chg="mod">
          <ac:chgData name="Sara Mastrorosa" userId="d159c406-3740-4568-9f4d-6092b2495d2a" providerId="ADAL" clId="{68E68552-334A-49D4-906D-42EB7454986A}" dt="2023-10-17T08:47:42.847" v="3789"/>
          <ac:spMkLst>
            <pc:docMk/>
            <pc:sldMk cId="2585558168" sldId="2147476498"/>
            <ac:spMk id="269" creationId="{9DB53330-2A9B-D310-C7D0-36414BA61488}"/>
          </ac:spMkLst>
        </pc:spChg>
        <pc:spChg chg="add mod">
          <ac:chgData name="Sara Mastrorosa" userId="d159c406-3740-4568-9f4d-6092b2495d2a" providerId="ADAL" clId="{68E68552-334A-49D4-906D-42EB7454986A}" dt="2023-10-17T08:49:35.643" v="3802" actId="1076"/>
          <ac:spMkLst>
            <pc:docMk/>
            <pc:sldMk cId="2585558168" sldId="2147476498"/>
            <ac:spMk id="273" creationId="{0A41BBD1-BBD9-7312-A609-DA3A6C25E8D0}"/>
          </ac:spMkLst>
        </pc:spChg>
        <pc:spChg chg="mod">
          <ac:chgData name="Sara Mastrorosa" userId="d159c406-3740-4568-9f4d-6092b2495d2a" providerId="ADAL" clId="{68E68552-334A-49D4-906D-42EB7454986A}" dt="2023-10-17T08:48:00.485" v="3793" actId="207"/>
          <ac:spMkLst>
            <pc:docMk/>
            <pc:sldMk cId="2585558168" sldId="2147476498"/>
            <ac:spMk id="275" creationId="{6E058B2E-77CA-B411-3888-820640BBBF15}"/>
          </ac:spMkLst>
        </pc:spChg>
        <pc:spChg chg="mod">
          <ac:chgData name="Sara Mastrorosa" userId="d159c406-3740-4568-9f4d-6092b2495d2a" providerId="ADAL" clId="{68E68552-334A-49D4-906D-42EB7454986A}" dt="2023-10-17T08:47:57.612" v="3792" actId="207"/>
          <ac:spMkLst>
            <pc:docMk/>
            <pc:sldMk cId="2585558168" sldId="2147476498"/>
            <ac:spMk id="276" creationId="{D4EAEBF7-7C82-8238-4B6E-5BF45ADA3EDB}"/>
          </ac:spMkLst>
        </pc:spChg>
        <pc:spChg chg="mod">
          <ac:chgData name="Sara Mastrorosa" userId="d159c406-3740-4568-9f4d-6092b2495d2a" providerId="ADAL" clId="{68E68552-334A-49D4-906D-42EB7454986A}" dt="2023-10-17T08:48:04.607" v="3794" actId="207"/>
          <ac:spMkLst>
            <pc:docMk/>
            <pc:sldMk cId="2585558168" sldId="2147476498"/>
            <ac:spMk id="277" creationId="{B61A5F62-44AD-F2DC-D305-7E50F5F49C8E}"/>
          </ac:spMkLst>
        </pc:spChg>
        <pc:spChg chg="mod">
          <ac:chgData name="Sara Mastrorosa" userId="d159c406-3740-4568-9f4d-6092b2495d2a" providerId="ADAL" clId="{68E68552-334A-49D4-906D-42EB7454986A}" dt="2023-10-17T08:47:54.499" v="3791" actId="207"/>
          <ac:spMkLst>
            <pc:docMk/>
            <pc:sldMk cId="2585558168" sldId="2147476498"/>
            <ac:spMk id="278" creationId="{21DB5CFF-608B-5302-257A-ACB3338BB2E0}"/>
          </ac:spMkLst>
        </pc:spChg>
        <pc:spChg chg="mod">
          <ac:chgData name="Sara Mastrorosa" userId="d159c406-3740-4568-9f4d-6092b2495d2a" providerId="ADAL" clId="{68E68552-334A-49D4-906D-42EB7454986A}" dt="2023-10-17T08:48:17.285" v="3795" actId="207"/>
          <ac:spMkLst>
            <pc:docMk/>
            <pc:sldMk cId="2585558168" sldId="2147476498"/>
            <ac:spMk id="279" creationId="{9434C718-01CD-E1AF-8CC1-1045A6E6A548}"/>
          </ac:spMkLst>
        </pc:spChg>
        <pc:spChg chg="add mod">
          <ac:chgData name="Sara Mastrorosa" userId="d159c406-3740-4568-9f4d-6092b2495d2a" providerId="ADAL" clId="{68E68552-334A-49D4-906D-42EB7454986A}" dt="2023-10-17T08:49:35.643" v="3802" actId="1076"/>
          <ac:spMkLst>
            <pc:docMk/>
            <pc:sldMk cId="2585558168" sldId="2147476498"/>
            <ac:spMk id="282" creationId="{022EAB5F-2469-80A1-9DB3-F166537F6E53}"/>
          </ac:spMkLst>
        </pc:spChg>
        <pc:spChg chg="mod">
          <ac:chgData name="Sara Mastrorosa" userId="d159c406-3740-4568-9f4d-6092b2495d2a" providerId="ADAL" clId="{68E68552-334A-49D4-906D-42EB7454986A}" dt="2023-10-17T08:49:05.249" v="3798" actId="207"/>
          <ac:spMkLst>
            <pc:docMk/>
            <pc:sldMk cId="2585558168" sldId="2147476498"/>
            <ac:spMk id="284" creationId="{F542D85E-E954-00CA-8AC2-155A62F9F7F6}"/>
          </ac:spMkLst>
        </pc:spChg>
        <pc:spChg chg="mod">
          <ac:chgData name="Sara Mastrorosa" userId="d159c406-3740-4568-9f4d-6092b2495d2a" providerId="ADAL" clId="{68E68552-334A-49D4-906D-42EB7454986A}" dt="2023-10-17T08:49:02.732" v="3797" actId="207"/>
          <ac:spMkLst>
            <pc:docMk/>
            <pc:sldMk cId="2585558168" sldId="2147476498"/>
            <ac:spMk id="285" creationId="{4BFB9ADE-618F-EE5A-12CD-0E10DD941810}"/>
          </ac:spMkLst>
        </pc:spChg>
        <pc:spChg chg="mod">
          <ac:chgData name="Sara Mastrorosa" userId="d159c406-3740-4568-9f4d-6092b2495d2a" providerId="ADAL" clId="{68E68552-334A-49D4-906D-42EB7454986A}" dt="2023-10-17T08:49:09.656" v="3799" actId="207"/>
          <ac:spMkLst>
            <pc:docMk/>
            <pc:sldMk cId="2585558168" sldId="2147476498"/>
            <ac:spMk id="286" creationId="{40EDC4AD-347D-1E9F-2A91-19CD47CAE20D}"/>
          </ac:spMkLst>
        </pc:spChg>
        <pc:spChg chg="mod">
          <ac:chgData name="Sara Mastrorosa" userId="d159c406-3740-4568-9f4d-6092b2495d2a" providerId="ADAL" clId="{68E68552-334A-49D4-906D-42EB7454986A}" dt="2023-10-17T08:48:59.642" v="3796" actId="207"/>
          <ac:spMkLst>
            <pc:docMk/>
            <pc:sldMk cId="2585558168" sldId="2147476498"/>
            <ac:spMk id="287" creationId="{0FE42D0A-8620-430C-5B17-16730B6563E2}"/>
          </ac:spMkLst>
        </pc:spChg>
        <pc:spChg chg="mod">
          <ac:chgData name="Sara Mastrorosa" userId="d159c406-3740-4568-9f4d-6092b2495d2a" providerId="ADAL" clId="{68E68552-334A-49D4-906D-42EB7454986A}" dt="2023-10-17T08:49:18.694" v="3800" actId="207"/>
          <ac:spMkLst>
            <pc:docMk/>
            <pc:sldMk cId="2585558168" sldId="2147476498"/>
            <ac:spMk id="288" creationId="{620CFA37-7AE8-7EB3-D63D-F3D947E394DD}"/>
          </ac:spMkLst>
        </pc:spChg>
        <pc:grpChg chg="add del mod">
          <ac:chgData name="Sara Mastrorosa" userId="d159c406-3740-4568-9f4d-6092b2495d2a" providerId="ADAL" clId="{68E68552-334A-49D4-906D-42EB7454986A}" dt="2023-10-17T07:14:42.475" v="3460" actId="478"/>
          <ac:grpSpMkLst>
            <pc:docMk/>
            <pc:sldMk cId="2585558168" sldId="2147476498"/>
            <ac:grpSpMk id="2" creationId="{351DA11A-3865-08F7-59C2-4D5593D2FB24}"/>
          </ac:grpSpMkLst>
        </pc:grpChg>
        <pc:grpChg chg="add del mod topLvl">
          <ac:chgData name="Sara Mastrorosa" userId="d159c406-3740-4568-9f4d-6092b2495d2a" providerId="ADAL" clId="{68E68552-334A-49D4-906D-42EB7454986A}" dt="2023-10-17T07:47:56.788" v="3624" actId="478"/>
          <ac:grpSpMkLst>
            <pc:docMk/>
            <pc:sldMk cId="2585558168" sldId="2147476498"/>
            <ac:grpSpMk id="11" creationId="{BD2C39F8-072B-A9E5-3E63-A810F98FD6BE}"/>
          </ac:grpSpMkLst>
        </pc:grpChg>
        <pc:grpChg chg="add del mod topLvl">
          <ac:chgData name="Sara Mastrorosa" userId="d159c406-3740-4568-9f4d-6092b2495d2a" providerId="ADAL" clId="{68E68552-334A-49D4-906D-42EB7454986A}" dt="2023-10-17T07:47:56.788" v="3624" actId="478"/>
          <ac:grpSpMkLst>
            <pc:docMk/>
            <pc:sldMk cId="2585558168" sldId="2147476498"/>
            <ac:grpSpMk id="20" creationId="{5220FA80-D6FD-0300-9635-1686BA5C1596}"/>
          </ac:grpSpMkLst>
        </pc:grpChg>
        <pc:grpChg chg="add del mod topLvl">
          <ac:chgData name="Sara Mastrorosa" userId="d159c406-3740-4568-9f4d-6092b2495d2a" providerId="ADAL" clId="{68E68552-334A-49D4-906D-42EB7454986A}" dt="2023-10-17T07:47:56.788" v="3624" actId="478"/>
          <ac:grpSpMkLst>
            <pc:docMk/>
            <pc:sldMk cId="2585558168" sldId="2147476498"/>
            <ac:grpSpMk id="26" creationId="{1E327D54-5F8D-5319-160D-019D4EBF2F7D}"/>
          </ac:grpSpMkLst>
        </pc:grpChg>
        <pc:grpChg chg="add del mod">
          <ac:chgData name="Sara Mastrorosa" userId="d159c406-3740-4568-9f4d-6092b2495d2a" providerId="ADAL" clId="{68E68552-334A-49D4-906D-42EB7454986A}" dt="2023-10-17T07:12:03.972" v="3397"/>
          <ac:grpSpMkLst>
            <pc:docMk/>
            <pc:sldMk cId="2585558168" sldId="2147476498"/>
            <ac:grpSpMk id="56" creationId="{B7F47079-9973-9C15-8AE9-FAB16FA260DE}"/>
          </ac:grpSpMkLst>
        </pc:grpChg>
        <pc:grpChg chg="add del mod">
          <ac:chgData name="Sara Mastrorosa" userId="d159c406-3740-4568-9f4d-6092b2495d2a" providerId="ADAL" clId="{68E68552-334A-49D4-906D-42EB7454986A}" dt="2023-10-17T07:12:03.972" v="3397"/>
          <ac:grpSpMkLst>
            <pc:docMk/>
            <pc:sldMk cId="2585558168" sldId="2147476498"/>
            <ac:grpSpMk id="63" creationId="{4BB5CF4F-2806-1AF9-2ECD-BDC1B37F6155}"/>
          </ac:grpSpMkLst>
        </pc:grpChg>
        <pc:grpChg chg="add del mod">
          <ac:chgData name="Sara Mastrorosa" userId="d159c406-3740-4568-9f4d-6092b2495d2a" providerId="ADAL" clId="{68E68552-334A-49D4-906D-42EB7454986A}" dt="2023-10-17T07:12:03.972" v="3397"/>
          <ac:grpSpMkLst>
            <pc:docMk/>
            <pc:sldMk cId="2585558168" sldId="2147476498"/>
            <ac:grpSpMk id="69" creationId="{D11E2B58-765C-1652-E604-FB69B98F0B3D}"/>
          </ac:grpSpMkLst>
        </pc:grpChg>
        <pc:grpChg chg="add del mod topLvl">
          <ac:chgData name="Sara Mastrorosa" userId="d159c406-3740-4568-9f4d-6092b2495d2a" providerId="ADAL" clId="{68E68552-334A-49D4-906D-42EB7454986A}" dt="2023-10-17T07:49:18.476" v="3641" actId="478"/>
          <ac:grpSpMkLst>
            <pc:docMk/>
            <pc:sldMk cId="2585558168" sldId="2147476498"/>
            <ac:grpSpMk id="80" creationId="{1702935E-ED40-E98B-9CF5-606D33DF02D3}"/>
          </ac:grpSpMkLst>
        </pc:grpChg>
        <pc:grpChg chg="add mod topLvl">
          <ac:chgData name="Sara Mastrorosa" userId="d159c406-3740-4568-9f4d-6092b2495d2a" providerId="ADAL" clId="{68E68552-334A-49D4-906D-42EB7454986A}" dt="2023-10-17T07:52:52.035" v="3694" actId="1036"/>
          <ac:grpSpMkLst>
            <pc:docMk/>
            <pc:sldMk cId="2585558168" sldId="2147476498"/>
            <ac:grpSpMk id="87" creationId="{E87D1F59-C0DE-C900-4870-BFE31FFCA799}"/>
          </ac:grpSpMkLst>
        </pc:grpChg>
        <pc:grpChg chg="add del mod topLvl">
          <ac:chgData name="Sara Mastrorosa" userId="d159c406-3740-4568-9f4d-6092b2495d2a" providerId="ADAL" clId="{68E68552-334A-49D4-906D-42EB7454986A}" dt="2023-10-17T07:49:18.476" v="3641" actId="478"/>
          <ac:grpSpMkLst>
            <pc:docMk/>
            <pc:sldMk cId="2585558168" sldId="2147476498"/>
            <ac:grpSpMk id="93" creationId="{E394821E-F7BC-6396-DCD5-9FA5229DBB0D}"/>
          </ac:grpSpMkLst>
        </pc:grpChg>
        <pc:grpChg chg="add del mod">
          <ac:chgData name="Sara Mastrorosa" userId="d159c406-3740-4568-9f4d-6092b2495d2a" providerId="ADAL" clId="{68E68552-334A-49D4-906D-42EB7454986A}" dt="2023-10-17T07:15:18.527" v="3464" actId="165"/>
          <ac:grpSpMkLst>
            <pc:docMk/>
            <pc:sldMk cId="2585558168" sldId="2147476498"/>
            <ac:grpSpMk id="108" creationId="{41A7DF7E-D967-1C52-960E-98BFB9D8DFCB}"/>
          </ac:grpSpMkLst>
        </pc:grpChg>
        <pc:grpChg chg="add mod">
          <ac:chgData name="Sara Mastrorosa" userId="d159c406-3740-4568-9f4d-6092b2495d2a" providerId="ADAL" clId="{68E68552-334A-49D4-906D-42EB7454986A}" dt="2023-10-17T07:56:46.060" v="3762" actId="1076"/>
          <ac:grpSpMkLst>
            <pc:docMk/>
            <pc:sldMk cId="2585558168" sldId="2147476498"/>
            <ac:grpSpMk id="110" creationId="{8042639E-EBB4-EF8E-4120-25EB0F802A9F}"/>
          </ac:grpSpMkLst>
        </pc:grpChg>
        <pc:grpChg chg="add mod">
          <ac:chgData name="Sara Mastrorosa" userId="d159c406-3740-4568-9f4d-6092b2495d2a" providerId="ADAL" clId="{68E68552-334A-49D4-906D-42EB7454986A}" dt="2023-10-17T07:56:46.060" v="3762" actId="1076"/>
          <ac:grpSpMkLst>
            <pc:docMk/>
            <pc:sldMk cId="2585558168" sldId="2147476498"/>
            <ac:grpSpMk id="113" creationId="{51506D0B-A283-3685-B732-75BD228ED5C6}"/>
          </ac:grpSpMkLst>
        </pc:grpChg>
        <pc:grpChg chg="add del mod">
          <ac:chgData name="Sara Mastrorosa" userId="d159c406-3740-4568-9f4d-6092b2495d2a" providerId="ADAL" clId="{68E68552-334A-49D4-906D-42EB7454986A}" dt="2023-10-17T07:15:26.853" v="3466"/>
          <ac:grpSpMkLst>
            <pc:docMk/>
            <pc:sldMk cId="2585558168" sldId="2147476498"/>
            <ac:grpSpMk id="117" creationId="{24ABF7AB-D36B-AAF8-D85A-444527FB8C77}"/>
          </ac:grpSpMkLst>
        </pc:grpChg>
        <pc:grpChg chg="add del mod">
          <ac:chgData name="Sara Mastrorosa" userId="d159c406-3740-4568-9f4d-6092b2495d2a" providerId="ADAL" clId="{68E68552-334A-49D4-906D-42EB7454986A}" dt="2023-10-17T07:15:26.853" v="3466"/>
          <ac:grpSpMkLst>
            <pc:docMk/>
            <pc:sldMk cId="2585558168" sldId="2147476498"/>
            <ac:grpSpMk id="123" creationId="{A98D0EB7-8AE7-4887-CED1-1B006854E063}"/>
          </ac:grpSpMkLst>
        </pc:grpChg>
        <pc:grpChg chg="add del mod">
          <ac:chgData name="Sara Mastrorosa" userId="d159c406-3740-4568-9f4d-6092b2495d2a" providerId="ADAL" clId="{68E68552-334A-49D4-906D-42EB7454986A}" dt="2023-10-17T07:15:26.853" v="3466"/>
          <ac:grpSpMkLst>
            <pc:docMk/>
            <pc:sldMk cId="2585558168" sldId="2147476498"/>
            <ac:grpSpMk id="129" creationId="{717605AD-4154-C396-EE08-78DEF92A8383}"/>
          </ac:grpSpMkLst>
        </pc:grpChg>
        <pc:grpChg chg="add del mod">
          <ac:chgData name="Sara Mastrorosa" userId="d159c406-3740-4568-9f4d-6092b2495d2a" providerId="ADAL" clId="{68E68552-334A-49D4-906D-42EB7454986A}" dt="2023-10-17T07:47:56.788" v="3624" actId="478"/>
          <ac:grpSpMkLst>
            <pc:docMk/>
            <pc:sldMk cId="2585558168" sldId="2147476498"/>
            <ac:grpSpMk id="138" creationId="{72A9AED0-D08D-6EAD-1D46-3C5A76BF9C63}"/>
          </ac:grpSpMkLst>
        </pc:grpChg>
        <pc:grpChg chg="add del mod">
          <ac:chgData name="Sara Mastrorosa" userId="d159c406-3740-4568-9f4d-6092b2495d2a" providerId="ADAL" clId="{68E68552-334A-49D4-906D-42EB7454986A}" dt="2023-10-17T07:47:56.788" v="3624" actId="478"/>
          <ac:grpSpMkLst>
            <pc:docMk/>
            <pc:sldMk cId="2585558168" sldId="2147476498"/>
            <ac:grpSpMk id="144" creationId="{9EB23449-8F49-B557-7E8E-DDADA1AB8700}"/>
          </ac:grpSpMkLst>
        </pc:grpChg>
        <pc:grpChg chg="add del mod">
          <ac:chgData name="Sara Mastrorosa" userId="d159c406-3740-4568-9f4d-6092b2495d2a" providerId="ADAL" clId="{68E68552-334A-49D4-906D-42EB7454986A}" dt="2023-10-17T07:47:56.788" v="3624" actId="478"/>
          <ac:grpSpMkLst>
            <pc:docMk/>
            <pc:sldMk cId="2585558168" sldId="2147476498"/>
            <ac:grpSpMk id="150" creationId="{DCEF13EB-3B08-A20D-5BC3-4389C2C210FF}"/>
          </ac:grpSpMkLst>
        </pc:grpChg>
        <pc:grpChg chg="add mod">
          <ac:chgData name="Sara Mastrorosa" userId="d159c406-3740-4568-9f4d-6092b2495d2a" providerId="ADAL" clId="{68E68552-334A-49D4-906D-42EB7454986A}" dt="2023-10-17T07:52:52.035" v="3694" actId="1036"/>
          <ac:grpSpMkLst>
            <pc:docMk/>
            <pc:sldMk cId="2585558168" sldId="2147476498"/>
            <ac:grpSpMk id="186" creationId="{1A6F3B26-2657-2675-B6EF-237B664719BA}"/>
          </ac:grpSpMkLst>
        </pc:grpChg>
        <pc:grpChg chg="add del mod">
          <ac:chgData name="Sara Mastrorosa" userId="d159c406-3740-4568-9f4d-6092b2495d2a" providerId="ADAL" clId="{68E68552-334A-49D4-906D-42EB7454986A}" dt="2023-10-17T07:49:53.699" v="3649" actId="478"/>
          <ac:grpSpMkLst>
            <pc:docMk/>
            <pc:sldMk cId="2585558168" sldId="2147476498"/>
            <ac:grpSpMk id="196" creationId="{9E332C78-8FA9-BB21-3393-CFF09380D5B8}"/>
          </ac:grpSpMkLst>
        </pc:grpChg>
        <pc:grpChg chg="add mod">
          <ac:chgData name="Sara Mastrorosa" userId="d159c406-3740-4568-9f4d-6092b2495d2a" providerId="ADAL" clId="{68E68552-334A-49D4-906D-42EB7454986A}" dt="2023-10-17T07:52:52.035" v="3694" actId="1036"/>
          <ac:grpSpMkLst>
            <pc:docMk/>
            <pc:sldMk cId="2585558168" sldId="2147476498"/>
            <ac:grpSpMk id="203" creationId="{2CE23F40-1120-1B9C-8E0F-E705B3A9C9AF}"/>
          </ac:grpSpMkLst>
        </pc:grpChg>
        <pc:grpChg chg="add del mod">
          <ac:chgData name="Sara Mastrorosa" userId="d159c406-3740-4568-9f4d-6092b2495d2a" providerId="ADAL" clId="{68E68552-334A-49D4-906D-42EB7454986A}" dt="2023-10-17T08:49:22.519" v="3801" actId="478"/>
          <ac:grpSpMkLst>
            <pc:docMk/>
            <pc:sldMk cId="2585558168" sldId="2147476498"/>
            <ac:grpSpMk id="234" creationId="{44DB712D-D687-2F18-2762-45A9F64ED7F3}"/>
          </ac:grpSpMkLst>
        </pc:grpChg>
        <pc:grpChg chg="add del mod">
          <ac:chgData name="Sara Mastrorosa" userId="d159c406-3740-4568-9f4d-6092b2495d2a" providerId="ADAL" clId="{68E68552-334A-49D4-906D-42EB7454986A}" dt="2023-10-17T08:49:22.519" v="3801" actId="478"/>
          <ac:grpSpMkLst>
            <pc:docMk/>
            <pc:sldMk cId="2585558168" sldId="2147476498"/>
            <ac:grpSpMk id="244" creationId="{32DC9F4A-43C6-916B-1A91-971E8F06DCE9}"/>
          </ac:grpSpMkLst>
        </pc:grpChg>
        <pc:grpChg chg="add del mod">
          <ac:chgData name="Sara Mastrorosa" userId="d159c406-3740-4568-9f4d-6092b2495d2a" providerId="ADAL" clId="{68E68552-334A-49D4-906D-42EB7454986A}" dt="2023-10-17T08:49:22.519" v="3801" actId="478"/>
          <ac:grpSpMkLst>
            <pc:docMk/>
            <pc:sldMk cId="2585558168" sldId="2147476498"/>
            <ac:grpSpMk id="253" creationId="{29BAB6E4-6EA6-4884-D91C-6C219B4116F8}"/>
          </ac:grpSpMkLst>
        </pc:grpChg>
        <pc:grpChg chg="add mod">
          <ac:chgData name="Sara Mastrorosa" userId="d159c406-3740-4568-9f4d-6092b2495d2a" providerId="ADAL" clId="{68E68552-334A-49D4-906D-42EB7454986A}" dt="2023-10-17T08:49:35.643" v="3802" actId="1076"/>
          <ac:grpSpMkLst>
            <pc:docMk/>
            <pc:sldMk cId="2585558168" sldId="2147476498"/>
            <ac:grpSpMk id="264" creationId="{8DC8EB88-22F7-A158-411E-9002A217F3B7}"/>
          </ac:grpSpMkLst>
        </pc:grpChg>
        <pc:grpChg chg="add mod">
          <ac:chgData name="Sara Mastrorosa" userId="d159c406-3740-4568-9f4d-6092b2495d2a" providerId="ADAL" clId="{68E68552-334A-49D4-906D-42EB7454986A}" dt="2023-10-17T08:49:35.643" v="3802" actId="1076"/>
          <ac:grpSpMkLst>
            <pc:docMk/>
            <pc:sldMk cId="2585558168" sldId="2147476498"/>
            <ac:grpSpMk id="274" creationId="{549B8946-3E9E-2EAD-1D5A-74A140A3FD79}"/>
          </ac:grpSpMkLst>
        </pc:grpChg>
        <pc:grpChg chg="add mod">
          <ac:chgData name="Sara Mastrorosa" userId="d159c406-3740-4568-9f4d-6092b2495d2a" providerId="ADAL" clId="{68E68552-334A-49D4-906D-42EB7454986A}" dt="2023-10-17T08:49:35.643" v="3802" actId="1076"/>
          <ac:grpSpMkLst>
            <pc:docMk/>
            <pc:sldMk cId="2585558168" sldId="2147476498"/>
            <ac:grpSpMk id="283" creationId="{DD320CCA-32CE-F460-367C-1D2FB0AAF5D9}"/>
          </ac:grpSpMkLst>
        </pc:grpChg>
        <pc:graphicFrameChg chg="del">
          <ac:chgData name="Sara Mastrorosa" userId="d159c406-3740-4568-9f4d-6092b2495d2a" providerId="ADAL" clId="{68E68552-334A-49D4-906D-42EB7454986A}" dt="2023-10-17T07:09:14.619" v="3316" actId="478"/>
          <ac:graphicFrameMkLst>
            <pc:docMk/>
            <pc:sldMk cId="2585558168" sldId="2147476498"/>
            <ac:graphicFrameMk id="15" creationId="{422CD3EC-2DFF-C195-7652-F4471DFAB6FC}"/>
          </ac:graphicFrameMkLst>
        </pc:graphicFrameChg>
        <pc:graphicFrameChg chg="del">
          <ac:chgData name="Sara Mastrorosa" userId="d159c406-3740-4568-9f4d-6092b2495d2a" providerId="ADAL" clId="{68E68552-334A-49D4-906D-42EB7454986A}" dt="2023-10-17T07:09:14.619" v="3316" actId="478"/>
          <ac:graphicFrameMkLst>
            <pc:docMk/>
            <pc:sldMk cId="2585558168" sldId="2147476498"/>
            <ac:graphicFrameMk id="28" creationId="{E35A65C3-5867-057D-C6AF-3AD1608BAF28}"/>
          </ac:graphicFrameMkLst>
        </pc:graphicFrameChg>
        <pc:graphicFrameChg chg="del">
          <ac:chgData name="Sara Mastrorosa" userId="d159c406-3740-4568-9f4d-6092b2495d2a" providerId="ADAL" clId="{68E68552-334A-49D4-906D-42EB7454986A}" dt="2023-10-17T07:09:14.619" v="3316" actId="478"/>
          <ac:graphicFrameMkLst>
            <pc:docMk/>
            <pc:sldMk cId="2585558168" sldId="2147476498"/>
            <ac:graphicFrameMk id="34" creationId="{E59B4A41-C68C-D6EF-6C37-B9A6D8331F9B}"/>
          </ac:graphicFrameMkLst>
        </pc:graphicFrameChg>
        <pc:graphicFrameChg chg="del">
          <ac:chgData name="Sara Mastrorosa" userId="d159c406-3740-4568-9f4d-6092b2495d2a" providerId="ADAL" clId="{68E68552-334A-49D4-906D-42EB7454986A}" dt="2023-10-17T07:09:14.619" v="3316" actId="478"/>
          <ac:graphicFrameMkLst>
            <pc:docMk/>
            <pc:sldMk cId="2585558168" sldId="2147476498"/>
            <ac:graphicFrameMk id="37" creationId="{40177C9B-43BE-C8AD-5B12-467723050C05}"/>
          </ac:graphicFrameMkLst>
        </pc:graphicFrameChg>
        <pc:graphicFrameChg chg="del">
          <ac:chgData name="Sara Mastrorosa" userId="d159c406-3740-4568-9f4d-6092b2495d2a" providerId="ADAL" clId="{68E68552-334A-49D4-906D-42EB7454986A}" dt="2023-10-17T07:09:14.619" v="3316" actId="478"/>
          <ac:graphicFrameMkLst>
            <pc:docMk/>
            <pc:sldMk cId="2585558168" sldId="2147476498"/>
            <ac:graphicFrameMk id="46" creationId="{E5189586-3EB6-06D3-45F6-E73937ECF832}"/>
          </ac:graphicFrameMkLst>
        </pc:graphicFrameChg>
        <pc:graphicFrameChg chg="add mod">
          <ac:chgData name="Sara Mastrorosa" userId="d159c406-3740-4568-9f4d-6092b2495d2a" providerId="ADAL" clId="{68E68552-334A-49D4-906D-42EB7454986A}" dt="2023-10-17T07:52:57.391" v="3695" actId="1076"/>
          <ac:graphicFrameMkLst>
            <pc:docMk/>
            <pc:sldMk cId="2585558168" sldId="2147476498"/>
            <ac:graphicFrameMk id="54" creationId="{5AD0B9AA-3A95-12DE-3DBD-B85EC15FD3D0}"/>
          </ac:graphicFrameMkLst>
        </pc:graphicFrameChg>
        <pc:picChg chg="del">
          <ac:chgData name="Sara Mastrorosa" userId="d159c406-3740-4568-9f4d-6092b2495d2a" providerId="ADAL" clId="{68E68552-334A-49D4-906D-42EB7454986A}" dt="2023-10-17T07:09:14.619" v="3316" actId="478"/>
          <ac:picMkLst>
            <pc:docMk/>
            <pc:sldMk cId="2585558168" sldId="2147476498"/>
            <ac:picMk id="44" creationId="{2C33AD1F-3F14-0CE9-8F88-9E7BB4E192B4}"/>
          </ac:picMkLst>
        </pc:picChg>
        <pc:cxnChg chg="add del mod topLvl">
          <ac:chgData name="Sara Mastrorosa" userId="d159c406-3740-4568-9f4d-6092b2495d2a" providerId="ADAL" clId="{68E68552-334A-49D4-906D-42EB7454986A}" dt="2023-10-17T07:49:19.643" v="3642" actId="478"/>
          <ac:cxnSpMkLst>
            <pc:docMk/>
            <pc:sldMk cId="2585558168" sldId="2147476498"/>
            <ac:cxnSpMk id="49" creationId="{164DDCB7-BE75-3C4A-634C-4B99FC228296}"/>
          </ac:cxnSpMkLst>
        </pc:cxnChg>
        <pc:cxnChg chg="add del mod topLvl">
          <ac:chgData name="Sara Mastrorosa" userId="d159c406-3740-4568-9f4d-6092b2495d2a" providerId="ADAL" clId="{68E68552-334A-49D4-906D-42EB7454986A}" dt="2023-10-17T07:49:18.476" v="3641" actId="478"/>
          <ac:cxnSpMkLst>
            <pc:docMk/>
            <pc:sldMk cId="2585558168" sldId="2147476498"/>
            <ac:cxnSpMk id="50" creationId="{1BCB2CFD-9F62-8547-B4B8-C6674E3C6DBD}"/>
          </ac:cxnSpMkLst>
        </pc:cxnChg>
        <pc:cxnChg chg="add del mod">
          <ac:chgData name="Sara Mastrorosa" userId="d159c406-3740-4568-9f4d-6092b2495d2a" providerId="ADAL" clId="{68E68552-334A-49D4-906D-42EB7454986A}" dt="2023-10-17T07:14:42.475" v="3460" actId="478"/>
          <ac:cxnSpMkLst>
            <pc:docMk/>
            <pc:sldMk cId="2585558168" sldId="2147476498"/>
            <ac:cxnSpMk id="51" creationId="{E4A42141-C6DF-B02E-7062-3F9A6ABAC25D}"/>
          </ac:cxnSpMkLst>
        </pc:cxnChg>
        <pc:cxnChg chg="add del mod topLvl">
          <ac:chgData name="Sara Mastrorosa" userId="d159c406-3740-4568-9f4d-6092b2495d2a" providerId="ADAL" clId="{68E68552-334A-49D4-906D-42EB7454986A}" dt="2023-10-17T07:49:18.476" v="3641" actId="478"/>
          <ac:cxnSpMkLst>
            <pc:docMk/>
            <pc:sldMk cId="2585558168" sldId="2147476498"/>
            <ac:cxnSpMk id="52" creationId="{A2B4A002-BD9E-D271-36BA-94378B280C4F}"/>
          </ac:cxnSpMkLst>
        </pc:cxnChg>
        <pc:cxnChg chg="add del mod">
          <ac:chgData name="Sara Mastrorosa" userId="d159c406-3740-4568-9f4d-6092b2495d2a" providerId="ADAL" clId="{68E68552-334A-49D4-906D-42EB7454986A}" dt="2023-10-17T07:12:03.972" v="3397"/>
          <ac:cxnSpMkLst>
            <pc:docMk/>
            <pc:sldMk cId="2585558168" sldId="2147476498"/>
            <ac:cxnSpMk id="76" creationId="{284C46A6-A8BD-9494-20FB-577DF9C9EC48}"/>
          </ac:cxnSpMkLst>
        </pc:cxnChg>
        <pc:cxnChg chg="add del mod">
          <ac:chgData name="Sara Mastrorosa" userId="d159c406-3740-4568-9f4d-6092b2495d2a" providerId="ADAL" clId="{68E68552-334A-49D4-906D-42EB7454986A}" dt="2023-10-17T07:12:03.972" v="3397"/>
          <ac:cxnSpMkLst>
            <pc:docMk/>
            <pc:sldMk cId="2585558168" sldId="2147476498"/>
            <ac:cxnSpMk id="77" creationId="{054991DF-8770-8472-F484-86B06F6F447F}"/>
          </ac:cxnSpMkLst>
        </pc:cxnChg>
        <pc:cxnChg chg="add del mod">
          <ac:chgData name="Sara Mastrorosa" userId="d159c406-3740-4568-9f4d-6092b2495d2a" providerId="ADAL" clId="{68E68552-334A-49D4-906D-42EB7454986A}" dt="2023-10-17T07:12:03.972" v="3397"/>
          <ac:cxnSpMkLst>
            <pc:docMk/>
            <pc:sldMk cId="2585558168" sldId="2147476498"/>
            <ac:cxnSpMk id="78" creationId="{228DFAB4-5FFC-4C21-02F7-7F3C5330D6CA}"/>
          </ac:cxnSpMkLst>
        </pc:cxnChg>
        <pc:cxnChg chg="add mod topLvl">
          <ac:chgData name="Sara Mastrorosa" userId="d159c406-3740-4568-9f4d-6092b2495d2a" providerId="ADAL" clId="{68E68552-334A-49D4-906D-42EB7454986A}" dt="2023-10-17T07:54:41.168" v="3757" actId="14100"/>
          <ac:cxnSpMkLst>
            <pc:docMk/>
            <pc:sldMk cId="2585558168" sldId="2147476498"/>
            <ac:cxnSpMk id="100" creationId="{43CCF1F2-17DA-5F5B-582E-5C7628117D38}"/>
          </ac:cxnSpMkLst>
        </pc:cxnChg>
        <pc:cxnChg chg="add del mod topLvl">
          <ac:chgData name="Sara Mastrorosa" userId="d159c406-3740-4568-9f4d-6092b2495d2a" providerId="ADAL" clId="{68E68552-334A-49D4-906D-42EB7454986A}" dt="2023-10-17T07:49:18.476" v="3641" actId="478"/>
          <ac:cxnSpMkLst>
            <pc:docMk/>
            <pc:sldMk cId="2585558168" sldId="2147476498"/>
            <ac:cxnSpMk id="101" creationId="{D3375D70-F1F3-286E-E267-F715CF12570C}"/>
          </ac:cxnSpMkLst>
        </pc:cxnChg>
        <pc:cxnChg chg="add del mod topLvl">
          <ac:chgData name="Sara Mastrorosa" userId="d159c406-3740-4568-9f4d-6092b2495d2a" providerId="ADAL" clId="{68E68552-334A-49D4-906D-42EB7454986A}" dt="2023-10-17T07:49:18.476" v="3641" actId="478"/>
          <ac:cxnSpMkLst>
            <pc:docMk/>
            <pc:sldMk cId="2585558168" sldId="2147476498"/>
            <ac:cxnSpMk id="102" creationId="{7C363CFD-D1EA-FC61-E5EE-9DA9362D8BF8}"/>
          </ac:cxnSpMkLst>
        </pc:cxnChg>
        <pc:cxnChg chg="add mod">
          <ac:chgData name="Sara Mastrorosa" userId="d159c406-3740-4568-9f4d-6092b2495d2a" providerId="ADAL" clId="{68E68552-334A-49D4-906D-42EB7454986A}" dt="2023-10-17T07:56:46.060" v="3762" actId="1076"/>
          <ac:cxnSpMkLst>
            <pc:docMk/>
            <pc:sldMk cId="2585558168" sldId="2147476498"/>
            <ac:cxnSpMk id="109" creationId="{AB785E46-AFC9-27A6-0B92-903F9EE42E5C}"/>
          </ac:cxnSpMkLst>
        </pc:cxnChg>
        <pc:cxnChg chg="add del mod">
          <ac:chgData name="Sara Mastrorosa" userId="d159c406-3740-4568-9f4d-6092b2495d2a" providerId="ADAL" clId="{68E68552-334A-49D4-906D-42EB7454986A}" dt="2023-10-17T07:15:26.853" v="3466"/>
          <ac:cxnSpMkLst>
            <pc:docMk/>
            <pc:sldMk cId="2585558168" sldId="2147476498"/>
            <ac:cxnSpMk id="135" creationId="{A1F2096B-C15D-CCD1-6FED-AEC1D920A547}"/>
          </ac:cxnSpMkLst>
        </pc:cxnChg>
        <pc:cxnChg chg="add del mod">
          <ac:chgData name="Sara Mastrorosa" userId="d159c406-3740-4568-9f4d-6092b2495d2a" providerId="ADAL" clId="{68E68552-334A-49D4-906D-42EB7454986A}" dt="2023-10-17T07:15:26.853" v="3466"/>
          <ac:cxnSpMkLst>
            <pc:docMk/>
            <pc:sldMk cId="2585558168" sldId="2147476498"/>
            <ac:cxnSpMk id="136" creationId="{44161DBB-FA1A-D8E5-4DE9-4FEF4B4472F9}"/>
          </ac:cxnSpMkLst>
        </pc:cxnChg>
        <pc:cxnChg chg="add del mod">
          <ac:chgData name="Sara Mastrorosa" userId="d159c406-3740-4568-9f4d-6092b2495d2a" providerId="ADAL" clId="{68E68552-334A-49D4-906D-42EB7454986A}" dt="2023-10-17T07:15:26.853" v="3466"/>
          <ac:cxnSpMkLst>
            <pc:docMk/>
            <pc:sldMk cId="2585558168" sldId="2147476498"/>
            <ac:cxnSpMk id="137" creationId="{23F31BBA-0762-CE7B-1178-DA701983A5C0}"/>
          </ac:cxnSpMkLst>
        </pc:cxnChg>
        <pc:cxnChg chg="add mod ord">
          <ac:chgData name="Sara Mastrorosa" userId="d159c406-3740-4568-9f4d-6092b2495d2a" providerId="ADAL" clId="{68E68552-334A-49D4-906D-42EB7454986A}" dt="2023-10-17T07:54:43.635" v="3758" actId="14100"/>
          <ac:cxnSpMkLst>
            <pc:docMk/>
            <pc:sldMk cId="2585558168" sldId="2147476498"/>
            <ac:cxnSpMk id="156" creationId="{2A5CBA11-598A-024C-3D1F-37B9DFDF3F21}"/>
          </ac:cxnSpMkLst>
        </pc:cxnChg>
        <pc:cxnChg chg="add del mod">
          <ac:chgData name="Sara Mastrorosa" userId="d159c406-3740-4568-9f4d-6092b2495d2a" providerId="ADAL" clId="{68E68552-334A-49D4-906D-42EB7454986A}" dt="2023-10-17T07:49:18.476" v="3641" actId="478"/>
          <ac:cxnSpMkLst>
            <pc:docMk/>
            <pc:sldMk cId="2585558168" sldId="2147476498"/>
            <ac:cxnSpMk id="157" creationId="{C0984B9B-93F1-26CD-817D-933919E314C7}"/>
          </ac:cxnSpMkLst>
        </pc:cxnChg>
        <pc:cxnChg chg="add del mod">
          <ac:chgData name="Sara Mastrorosa" userId="d159c406-3740-4568-9f4d-6092b2495d2a" providerId="ADAL" clId="{68E68552-334A-49D4-906D-42EB7454986A}" dt="2023-10-17T07:49:18.476" v="3641" actId="478"/>
          <ac:cxnSpMkLst>
            <pc:docMk/>
            <pc:sldMk cId="2585558168" sldId="2147476498"/>
            <ac:cxnSpMk id="158" creationId="{1D194582-AE9F-CCE0-B83A-D0018AB3CDE2}"/>
          </ac:cxnSpMkLst>
        </pc:cxnChg>
        <pc:cxnChg chg="add mod">
          <ac:chgData name="Sara Mastrorosa" userId="d159c406-3740-4568-9f4d-6092b2495d2a" providerId="ADAL" clId="{68E68552-334A-49D4-906D-42EB7454986A}" dt="2023-10-17T07:54:39.319" v="3756" actId="14100"/>
          <ac:cxnSpMkLst>
            <pc:docMk/>
            <pc:sldMk cId="2585558168" sldId="2147476498"/>
            <ac:cxnSpMk id="182" creationId="{0138E363-4664-A6F0-F313-AF7A9E925F81}"/>
          </ac:cxnSpMkLst>
        </pc:cxnChg>
        <pc:cxnChg chg="add mod">
          <ac:chgData name="Sara Mastrorosa" userId="d159c406-3740-4568-9f4d-6092b2495d2a" providerId="ADAL" clId="{68E68552-334A-49D4-906D-42EB7454986A}" dt="2023-10-17T07:54:33.447" v="3755" actId="14100"/>
          <ac:cxnSpMkLst>
            <pc:docMk/>
            <pc:sldMk cId="2585558168" sldId="2147476498"/>
            <ac:cxnSpMk id="192" creationId="{FE96584E-1FE7-D279-FCF5-691931652716}"/>
          </ac:cxnSpMkLst>
        </pc:cxnChg>
        <pc:cxnChg chg="add mod ord">
          <ac:chgData name="Sara Mastrorosa" userId="d159c406-3740-4568-9f4d-6092b2495d2a" providerId="ADAL" clId="{68E68552-334A-49D4-906D-42EB7454986A}" dt="2023-10-17T07:54:31.323" v="3754" actId="14100"/>
          <ac:cxnSpMkLst>
            <pc:docMk/>
            <pc:sldMk cId="2585558168" sldId="2147476498"/>
            <ac:cxnSpMk id="193" creationId="{AAB969B5-F3A8-3BB5-DB59-6719C320C086}"/>
          </ac:cxnSpMkLst>
        </pc:cxnChg>
        <pc:cxnChg chg="add mod">
          <ac:chgData name="Sara Mastrorosa" userId="d159c406-3740-4568-9f4d-6092b2495d2a" providerId="ADAL" clId="{68E68552-334A-49D4-906D-42EB7454986A}" dt="2023-10-17T07:56:35.346" v="3761" actId="14100"/>
          <ac:cxnSpMkLst>
            <pc:docMk/>
            <pc:sldMk cId="2585558168" sldId="2147476498"/>
            <ac:cxnSpMk id="194" creationId="{2A7C9B72-7432-7E26-5CD3-3BAA69A75916}"/>
          </ac:cxnSpMkLst>
        </pc:cxnChg>
        <pc:cxnChg chg="add mod">
          <ac:chgData name="Sara Mastrorosa" userId="d159c406-3740-4568-9f4d-6092b2495d2a" providerId="ADAL" clId="{68E68552-334A-49D4-906D-42EB7454986A}" dt="2023-10-17T07:54:21.492" v="3752" actId="14100"/>
          <ac:cxnSpMkLst>
            <pc:docMk/>
            <pc:sldMk cId="2585558168" sldId="2147476498"/>
            <ac:cxnSpMk id="209" creationId="{2124761F-BD62-2C65-621A-A6034D177437}"/>
          </ac:cxnSpMkLst>
        </pc:cxnChg>
        <pc:cxnChg chg="add mod">
          <ac:chgData name="Sara Mastrorosa" userId="d159c406-3740-4568-9f4d-6092b2495d2a" providerId="ADAL" clId="{68E68552-334A-49D4-906D-42EB7454986A}" dt="2023-10-17T07:54:23.531" v="3753" actId="14100"/>
          <ac:cxnSpMkLst>
            <pc:docMk/>
            <pc:sldMk cId="2585558168" sldId="2147476498"/>
            <ac:cxnSpMk id="210" creationId="{D8AF7CDE-8C71-88C2-BD9A-F2D1AFB159E2}"/>
          </ac:cxnSpMkLst>
        </pc:cxnChg>
        <pc:cxnChg chg="add mod">
          <ac:chgData name="Sara Mastrorosa" userId="d159c406-3740-4568-9f4d-6092b2495d2a" providerId="ADAL" clId="{68E68552-334A-49D4-906D-42EB7454986A}" dt="2023-10-17T07:54:18.503" v="3751" actId="14100"/>
          <ac:cxnSpMkLst>
            <pc:docMk/>
            <pc:sldMk cId="2585558168" sldId="2147476498"/>
            <ac:cxnSpMk id="211" creationId="{5C0D2B28-47D7-7C88-CC83-687ED376F426}"/>
          </ac:cxnSpMkLst>
        </pc:cxnChg>
        <pc:cxnChg chg="add mod">
          <ac:chgData name="Sara Mastrorosa" userId="d159c406-3740-4568-9f4d-6092b2495d2a" providerId="ADAL" clId="{68E68552-334A-49D4-906D-42EB7454986A}" dt="2023-10-17T07:52:52.035" v="3694" actId="1036"/>
          <ac:cxnSpMkLst>
            <pc:docMk/>
            <pc:sldMk cId="2585558168" sldId="2147476498"/>
            <ac:cxnSpMk id="212" creationId="{E30FFF8C-4ED9-ACFA-B454-C87CA3DB2BF7}"/>
          </ac:cxnSpMkLst>
        </pc:cxnChg>
        <pc:cxnChg chg="add mod">
          <ac:chgData name="Sara Mastrorosa" userId="d159c406-3740-4568-9f4d-6092b2495d2a" providerId="ADAL" clId="{68E68552-334A-49D4-906D-42EB7454986A}" dt="2023-10-17T07:52:52.035" v="3694" actId="1036"/>
          <ac:cxnSpMkLst>
            <pc:docMk/>
            <pc:sldMk cId="2585558168" sldId="2147476498"/>
            <ac:cxnSpMk id="214" creationId="{6DD31C1B-570F-3B11-AD4D-63E0EAEC112A}"/>
          </ac:cxnSpMkLst>
        </pc:cxnChg>
        <pc:cxnChg chg="add mod">
          <ac:chgData name="Sara Mastrorosa" userId="d159c406-3740-4568-9f4d-6092b2495d2a" providerId="ADAL" clId="{68E68552-334A-49D4-906D-42EB7454986A}" dt="2023-10-17T07:52:52.035" v="3694" actId="1036"/>
          <ac:cxnSpMkLst>
            <pc:docMk/>
            <pc:sldMk cId="2585558168" sldId="2147476498"/>
            <ac:cxnSpMk id="216" creationId="{D5512CD4-560C-28E1-26C3-576EC21700D8}"/>
          </ac:cxnSpMkLst>
        </pc:cxnChg>
        <pc:cxnChg chg="add del mod">
          <ac:chgData name="Sara Mastrorosa" userId="d159c406-3740-4568-9f4d-6092b2495d2a" providerId="ADAL" clId="{68E68552-334A-49D4-906D-42EB7454986A}" dt="2023-10-17T08:49:22.519" v="3801" actId="478"/>
          <ac:cxnSpMkLst>
            <pc:docMk/>
            <pc:sldMk cId="2585558168" sldId="2147476498"/>
            <ac:cxnSpMk id="240" creationId="{BAE1434C-1F5B-84C7-3F72-A5FFE83F1102}"/>
          </ac:cxnSpMkLst>
        </pc:cxnChg>
        <pc:cxnChg chg="add del mod">
          <ac:chgData name="Sara Mastrorosa" userId="d159c406-3740-4568-9f4d-6092b2495d2a" providerId="ADAL" clId="{68E68552-334A-49D4-906D-42EB7454986A}" dt="2023-10-17T08:49:22.519" v="3801" actId="478"/>
          <ac:cxnSpMkLst>
            <pc:docMk/>
            <pc:sldMk cId="2585558168" sldId="2147476498"/>
            <ac:cxnSpMk id="241" creationId="{88045F08-CA7D-B7B5-90CC-608F3604B244}"/>
          </ac:cxnSpMkLst>
        </pc:cxnChg>
        <pc:cxnChg chg="add del mod">
          <ac:chgData name="Sara Mastrorosa" userId="d159c406-3740-4568-9f4d-6092b2495d2a" providerId="ADAL" clId="{68E68552-334A-49D4-906D-42EB7454986A}" dt="2023-10-17T08:49:22.519" v="3801" actId="478"/>
          <ac:cxnSpMkLst>
            <pc:docMk/>
            <pc:sldMk cId="2585558168" sldId="2147476498"/>
            <ac:cxnSpMk id="242" creationId="{E619C775-6985-3E75-3A04-968E01230DD0}"/>
          </ac:cxnSpMkLst>
        </pc:cxnChg>
        <pc:cxnChg chg="add del mod">
          <ac:chgData name="Sara Mastrorosa" userId="d159c406-3740-4568-9f4d-6092b2495d2a" providerId="ADAL" clId="{68E68552-334A-49D4-906D-42EB7454986A}" dt="2023-10-17T08:49:22.519" v="3801" actId="478"/>
          <ac:cxnSpMkLst>
            <pc:docMk/>
            <pc:sldMk cId="2585558168" sldId="2147476498"/>
            <ac:cxnSpMk id="250" creationId="{51902DD2-620F-A70E-D540-AB650B48D389}"/>
          </ac:cxnSpMkLst>
        </pc:cxnChg>
        <pc:cxnChg chg="add del mod">
          <ac:chgData name="Sara Mastrorosa" userId="d159c406-3740-4568-9f4d-6092b2495d2a" providerId="ADAL" clId="{68E68552-334A-49D4-906D-42EB7454986A}" dt="2023-10-17T08:49:22.519" v="3801" actId="478"/>
          <ac:cxnSpMkLst>
            <pc:docMk/>
            <pc:sldMk cId="2585558168" sldId="2147476498"/>
            <ac:cxnSpMk id="251" creationId="{89ADDBB8-282C-A006-F618-0A530B8388DA}"/>
          </ac:cxnSpMkLst>
        </pc:cxnChg>
        <pc:cxnChg chg="add del mod">
          <ac:chgData name="Sara Mastrorosa" userId="d159c406-3740-4568-9f4d-6092b2495d2a" providerId="ADAL" clId="{68E68552-334A-49D4-906D-42EB7454986A}" dt="2023-10-17T08:49:22.519" v="3801" actId="478"/>
          <ac:cxnSpMkLst>
            <pc:docMk/>
            <pc:sldMk cId="2585558168" sldId="2147476498"/>
            <ac:cxnSpMk id="259" creationId="{FF254705-A345-218D-7BB5-AA86D3730E1A}"/>
          </ac:cxnSpMkLst>
        </pc:cxnChg>
        <pc:cxnChg chg="add del mod">
          <ac:chgData name="Sara Mastrorosa" userId="d159c406-3740-4568-9f4d-6092b2495d2a" providerId="ADAL" clId="{68E68552-334A-49D4-906D-42EB7454986A}" dt="2023-10-17T08:49:22.519" v="3801" actId="478"/>
          <ac:cxnSpMkLst>
            <pc:docMk/>
            <pc:sldMk cId="2585558168" sldId="2147476498"/>
            <ac:cxnSpMk id="260" creationId="{A6352AAD-C534-C170-484B-321D41B143FB}"/>
          </ac:cxnSpMkLst>
        </pc:cxnChg>
        <pc:cxnChg chg="add del mod">
          <ac:chgData name="Sara Mastrorosa" userId="d159c406-3740-4568-9f4d-6092b2495d2a" providerId="ADAL" clId="{68E68552-334A-49D4-906D-42EB7454986A}" dt="2023-10-17T08:49:22.519" v="3801" actId="478"/>
          <ac:cxnSpMkLst>
            <pc:docMk/>
            <pc:sldMk cId="2585558168" sldId="2147476498"/>
            <ac:cxnSpMk id="261" creationId="{6D262DCC-C1D2-D34D-CB4F-9033EC4FE34E}"/>
          </ac:cxnSpMkLst>
        </pc:cxnChg>
        <pc:cxnChg chg="add del mod">
          <ac:chgData name="Sara Mastrorosa" userId="d159c406-3740-4568-9f4d-6092b2495d2a" providerId="ADAL" clId="{68E68552-334A-49D4-906D-42EB7454986A}" dt="2023-10-17T08:49:22.519" v="3801" actId="478"/>
          <ac:cxnSpMkLst>
            <pc:docMk/>
            <pc:sldMk cId="2585558168" sldId="2147476498"/>
            <ac:cxnSpMk id="262" creationId="{51D5AF40-43FE-5E63-B867-6257942FF2F5}"/>
          </ac:cxnSpMkLst>
        </pc:cxnChg>
        <pc:cxnChg chg="add mod">
          <ac:chgData name="Sara Mastrorosa" userId="d159c406-3740-4568-9f4d-6092b2495d2a" providerId="ADAL" clId="{68E68552-334A-49D4-906D-42EB7454986A}" dt="2023-10-17T08:49:35.643" v="3802" actId="1076"/>
          <ac:cxnSpMkLst>
            <pc:docMk/>
            <pc:sldMk cId="2585558168" sldId="2147476498"/>
            <ac:cxnSpMk id="270" creationId="{B3EE5060-31E7-A098-D049-D3F31B23FF2F}"/>
          </ac:cxnSpMkLst>
        </pc:cxnChg>
        <pc:cxnChg chg="add mod">
          <ac:chgData name="Sara Mastrorosa" userId="d159c406-3740-4568-9f4d-6092b2495d2a" providerId="ADAL" clId="{68E68552-334A-49D4-906D-42EB7454986A}" dt="2023-10-17T08:49:35.643" v="3802" actId="1076"/>
          <ac:cxnSpMkLst>
            <pc:docMk/>
            <pc:sldMk cId="2585558168" sldId="2147476498"/>
            <ac:cxnSpMk id="271" creationId="{C5796C41-9B9B-B7D6-1AA2-B5D4D9559DB6}"/>
          </ac:cxnSpMkLst>
        </pc:cxnChg>
        <pc:cxnChg chg="add mod">
          <ac:chgData name="Sara Mastrorosa" userId="d159c406-3740-4568-9f4d-6092b2495d2a" providerId="ADAL" clId="{68E68552-334A-49D4-906D-42EB7454986A}" dt="2023-10-17T08:49:35.643" v="3802" actId="1076"/>
          <ac:cxnSpMkLst>
            <pc:docMk/>
            <pc:sldMk cId="2585558168" sldId="2147476498"/>
            <ac:cxnSpMk id="272" creationId="{0698A764-2D6B-84DA-0E38-5391084E9EB3}"/>
          </ac:cxnSpMkLst>
        </pc:cxnChg>
        <pc:cxnChg chg="add mod">
          <ac:chgData name="Sara Mastrorosa" userId="d159c406-3740-4568-9f4d-6092b2495d2a" providerId="ADAL" clId="{68E68552-334A-49D4-906D-42EB7454986A}" dt="2023-10-17T08:49:35.643" v="3802" actId="1076"/>
          <ac:cxnSpMkLst>
            <pc:docMk/>
            <pc:sldMk cId="2585558168" sldId="2147476498"/>
            <ac:cxnSpMk id="280" creationId="{DDBB6AD7-D2DC-5FFC-3915-2566ABD57EEC}"/>
          </ac:cxnSpMkLst>
        </pc:cxnChg>
        <pc:cxnChg chg="add mod">
          <ac:chgData name="Sara Mastrorosa" userId="d159c406-3740-4568-9f4d-6092b2495d2a" providerId="ADAL" clId="{68E68552-334A-49D4-906D-42EB7454986A}" dt="2023-10-17T08:49:35.643" v="3802" actId="1076"/>
          <ac:cxnSpMkLst>
            <pc:docMk/>
            <pc:sldMk cId="2585558168" sldId="2147476498"/>
            <ac:cxnSpMk id="281" creationId="{08CB497A-14B1-2FD5-AD62-4BB55DB97BE3}"/>
          </ac:cxnSpMkLst>
        </pc:cxnChg>
        <pc:cxnChg chg="add mod">
          <ac:chgData name="Sara Mastrorosa" userId="d159c406-3740-4568-9f4d-6092b2495d2a" providerId="ADAL" clId="{68E68552-334A-49D4-906D-42EB7454986A}" dt="2023-10-17T08:49:35.643" v="3802" actId="1076"/>
          <ac:cxnSpMkLst>
            <pc:docMk/>
            <pc:sldMk cId="2585558168" sldId="2147476498"/>
            <ac:cxnSpMk id="289" creationId="{59C22493-C284-2F07-C2D6-DA77189F285A}"/>
          </ac:cxnSpMkLst>
        </pc:cxnChg>
        <pc:cxnChg chg="add mod">
          <ac:chgData name="Sara Mastrorosa" userId="d159c406-3740-4568-9f4d-6092b2495d2a" providerId="ADAL" clId="{68E68552-334A-49D4-906D-42EB7454986A}" dt="2023-10-17T08:49:35.643" v="3802" actId="1076"/>
          <ac:cxnSpMkLst>
            <pc:docMk/>
            <pc:sldMk cId="2585558168" sldId="2147476498"/>
            <ac:cxnSpMk id="290" creationId="{7D09BFCE-BD2E-551C-23C9-482A8699D3F9}"/>
          </ac:cxnSpMkLst>
        </pc:cxnChg>
        <pc:cxnChg chg="add mod">
          <ac:chgData name="Sara Mastrorosa" userId="d159c406-3740-4568-9f4d-6092b2495d2a" providerId="ADAL" clId="{68E68552-334A-49D4-906D-42EB7454986A}" dt="2023-10-17T08:49:35.643" v="3802" actId="1076"/>
          <ac:cxnSpMkLst>
            <pc:docMk/>
            <pc:sldMk cId="2585558168" sldId="2147476498"/>
            <ac:cxnSpMk id="291" creationId="{D7FE48EA-8164-6D71-8301-C8F28EE8ED96}"/>
          </ac:cxnSpMkLst>
        </pc:cxnChg>
        <pc:cxnChg chg="add mod">
          <ac:chgData name="Sara Mastrorosa" userId="d159c406-3740-4568-9f4d-6092b2495d2a" providerId="ADAL" clId="{68E68552-334A-49D4-906D-42EB7454986A}" dt="2023-10-17T08:49:35.643" v="3802" actId="1076"/>
          <ac:cxnSpMkLst>
            <pc:docMk/>
            <pc:sldMk cId="2585558168" sldId="2147476498"/>
            <ac:cxnSpMk id="292" creationId="{5DB277DA-1118-DD8C-9220-4EAA08CA3B80}"/>
          </ac:cxnSpMkLst>
        </pc:cxnChg>
      </pc:sldChg>
      <pc:sldChg chg="addSp delSp modSp add del mod">
        <pc:chgData name="Sara Mastrorosa" userId="d159c406-3740-4568-9f4d-6092b2495d2a" providerId="ADAL" clId="{68E68552-334A-49D4-906D-42EB7454986A}" dt="2023-10-17T09:41:33.875" v="4014" actId="47"/>
        <pc:sldMkLst>
          <pc:docMk/>
          <pc:sldMk cId="2909825012" sldId="2147476499"/>
        </pc:sldMkLst>
        <pc:spChg chg="add del mod">
          <ac:chgData name="Sara Mastrorosa" userId="d159c406-3740-4568-9f4d-6092b2495d2a" providerId="ADAL" clId="{68E68552-334A-49D4-906D-42EB7454986A}" dt="2023-10-17T07:39:52.372" v="3520"/>
          <ac:spMkLst>
            <pc:docMk/>
            <pc:sldMk cId="2909825012" sldId="2147476499"/>
            <ac:spMk id="2" creationId="{BC0D4926-16AF-22C9-BBDE-D99CB2F41A02}"/>
          </ac:spMkLst>
        </pc:spChg>
        <pc:spChg chg="add del mod">
          <ac:chgData name="Sara Mastrorosa" userId="d159c406-3740-4568-9f4d-6092b2495d2a" providerId="ADAL" clId="{68E68552-334A-49D4-906D-42EB7454986A}" dt="2023-10-17T07:39:52.372" v="3520"/>
          <ac:spMkLst>
            <pc:docMk/>
            <pc:sldMk cId="2909825012" sldId="2147476499"/>
            <ac:spMk id="3" creationId="{FEC0A9A8-D2C6-2B9B-4307-39F80F831FC6}"/>
          </ac:spMkLst>
        </pc:spChg>
        <pc:spChg chg="add del mod">
          <ac:chgData name="Sara Mastrorosa" userId="d159c406-3740-4568-9f4d-6092b2495d2a" providerId="ADAL" clId="{68E68552-334A-49D4-906D-42EB7454986A}" dt="2023-10-17T07:39:52.372" v="3520"/>
          <ac:spMkLst>
            <pc:docMk/>
            <pc:sldMk cId="2909825012" sldId="2147476499"/>
            <ac:spMk id="4" creationId="{236897E0-6B7C-554A-DE03-66FE0159E411}"/>
          </ac:spMkLst>
        </pc:spChg>
        <pc:spChg chg="add del mod">
          <ac:chgData name="Sara Mastrorosa" userId="d159c406-3740-4568-9f4d-6092b2495d2a" providerId="ADAL" clId="{68E68552-334A-49D4-906D-42EB7454986A}" dt="2023-10-17T07:39:52.372" v="3520"/>
          <ac:spMkLst>
            <pc:docMk/>
            <pc:sldMk cId="2909825012" sldId="2147476499"/>
            <ac:spMk id="6" creationId="{D86F526A-1D07-EF0C-D5E3-62B9D359BF8E}"/>
          </ac:spMkLst>
        </pc:spChg>
        <pc:spChg chg="add del mod">
          <ac:chgData name="Sara Mastrorosa" userId="d159c406-3740-4568-9f4d-6092b2495d2a" providerId="ADAL" clId="{68E68552-334A-49D4-906D-42EB7454986A}" dt="2023-10-17T07:39:52.372" v="3520"/>
          <ac:spMkLst>
            <pc:docMk/>
            <pc:sldMk cId="2909825012" sldId="2147476499"/>
            <ac:spMk id="7" creationId="{7185D6DF-90DD-1A52-9A2E-34D80ED53A4B}"/>
          </ac:spMkLst>
        </pc:spChg>
        <pc:spChg chg="add del mod">
          <ac:chgData name="Sara Mastrorosa" userId="d159c406-3740-4568-9f4d-6092b2495d2a" providerId="ADAL" clId="{68E68552-334A-49D4-906D-42EB7454986A}" dt="2023-10-17T07:39:52.372" v="3520"/>
          <ac:spMkLst>
            <pc:docMk/>
            <pc:sldMk cId="2909825012" sldId="2147476499"/>
            <ac:spMk id="8" creationId="{FA10F5DE-52FE-7451-FCEF-49195B81FC71}"/>
          </ac:spMkLst>
        </pc:spChg>
        <pc:spChg chg="add del mod">
          <ac:chgData name="Sara Mastrorosa" userId="d159c406-3740-4568-9f4d-6092b2495d2a" providerId="ADAL" clId="{68E68552-334A-49D4-906D-42EB7454986A}" dt="2023-10-17T07:39:52.372" v="3520"/>
          <ac:spMkLst>
            <pc:docMk/>
            <pc:sldMk cId="2909825012" sldId="2147476499"/>
            <ac:spMk id="9" creationId="{0D1666CB-9111-6C94-E6A3-0E6E81B74EFF}"/>
          </ac:spMkLst>
        </pc:spChg>
        <pc:spChg chg="del">
          <ac:chgData name="Sara Mastrorosa" userId="d159c406-3740-4568-9f4d-6092b2495d2a" providerId="ADAL" clId="{68E68552-334A-49D4-906D-42EB7454986A}" dt="2023-10-17T07:39:54.950" v="3521" actId="478"/>
          <ac:spMkLst>
            <pc:docMk/>
            <pc:sldMk cId="2909825012" sldId="2147476499"/>
            <ac:spMk id="10" creationId="{A387F670-7FB3-BF8A-9208-81D9FB831C00}"/>
          </ac:spMkLst>
        </pc:spChg>
        <pc:spChg chg="add del mod">
          <ac:chgData name="Sara Mastrorosa" userId="d159c406-3740-4568-9f4d-6092b2495d2a" providerId="ADAL" clId="{68E68552-334A-49D4-906D-42EB7454986A}" dt="2023-10-17T07:39:52.372" v="3520"/>
          <ac:spMkLst>
            <pc:docMk/>
            <pc:sldMk cId="2909825012" sldId="2147476499"/>
            <ac:spMk id="15" creationId="{12EE934E-B802-0F37-066A-4C1BAC5A7BCE}"/>
          </ac:spMkLst>
        </pc:spChg>
        <pc:spChg chg="del">
          <ac:chgData name="Sara Mastrorosa" userId="d159c406-3740-4568-9f4d-6092b2495d2a" providerId="ADAL" clId="{68E68552-334A-49D4-906D-42EB7454986A}" dt="2023-10-17T07:39:54.950" v="3521" actId="478"/>
          <ac:spMkLst>
            <pc:docMk/>
            <pc:sldMk cId="2909825012" sldId="2147476499"/>
            <ac:spMk id="19" creationId="{80C45B94-9D08-8AA1-49F1-8677F8B4C57F}"/>
          </ac:spMkLst>
        </pc:spChg>
        <pc:spChg chg="add del mod">
          <ac:chgData name="Sara Mastrorosa" userId="d159c406-3740-4568-9f4d-6092b2495d2a" providerId="ADAL" clId="{68E68552-334A-49D4-906D-42EB7454986A}" dt="2023-10-17T07:39:52.372" v="3520"/>
          <ac:spMkLst>
            <pc:docMk/>
            <pc:sldMk cId="2909825012" sldId="2147476499"/>
            <ac:spMk id="28" creationId="{8F22AD08-60B0-58CE-44D8-155E53728FB3}"/>
          </ac:spMkLst>
        </pc:spChg>
        <pc:spChg chg="add del mod">
          <ac:chgData name="Sara Mastrorosa" userId="d159c406-3740-4568-9f4d-6092b2495d2a" providerId="ADAL" clId="{68E68552-334A-49D4-906D-42EB7454986A}" dt="2023-10-17T07:39:52.372" v="3520"/>
          <ac:spMkLst>
            <pc:docMk/>
            <pc:sldMk cId="2909825012" sldId="2147476499"/>
            <ac:spMk id="30" creationId="{09763366-F330-C5E7-A221-CFB6CD9C4DDD}"/>
          </ac:spMkLst>
        </pc:spChg>
        <pc:spChg chg="add del mod">
          <ac:chgData name="Sara Mastrorosa" userId="d159c406-3740-4568-9f4d-6092b2495d2a" providerId="ADAL" clId="{68E68552-334A-49D4-906D-42EB7454986A}" dt="2023-10-17T07:39:52.372" v="3520"/>
          <ac:spMkLst>
            <pc:docMk/>
            <pc:sldMk cId="2909825012" sldId="2147476499"/>
            <ac:spMk id="34" creationId="{105CC371-E856-545B-460E-5668B820B143}"/>
          </ac:spMkLst>
        </pc:spChg>
        <pc:spChg chg="add del mod">
          <ac:chgData name="Sara Mastrorosa" userId="d159c406-3740-4568-9f4d-6092b2495d2a" providerId="ADAL" clId="{68E68552-334A-49D4-906D-42EB7454986A}" dt="2023-10-17T07:39:52.372" v="3520"/>
          <ac:spMkLst>
            <pc:docMk/>
            <pc:sldMk cId="2909825012" sldId="2147476499"/>
            <ac:spMk id="36" creationId="{E56A2B05-D9D2-AF34-050C-971C9FD9FA2D}"/>
          </ac:spMkLst>
        </pc:spChg>
        <pc:spChg chg="add del mod">
          <ac:chgData name="Sara Mastrorosa" userId="d159c406-3740-4568-9f4d-6092b2495d2a" providerId="ADAL" clId="{68E68552-334A-49D4-906D-42EB7454986A}" dt="2023-10-17T07:39:52.372" v="3520"/>
          <ac:spMkLst>
            <pc:docMk/>
            <pc:sldMk cId="2909825012" sldId="2147476499"/>
            <ac:spMk id="37" creationId="{3C6782C7-E40C-AE02-BE81-577065CA008E}"/>
          </ac:spMkLst>
        </pc:spChg>
        <pc:spChg chg="add del mod">
          <ac:chgData name="Sara Mastrorosa" userId="d159c406-3740-4568-9f4d-6092b2495d2a" providerId="ADAL" clId="{68E68552-334A-49D4-906D-42EB7454986A}" dt="2023-10-17T07:39:52.372" v="3520"/>
          <ac:spMkLst>
            <pc:docMk/>
            <pc:sldMk cId="2909825012" sldId="2147476499"/>
            <ac:spMk id="38" creationId="{796F2E70-3932-BB61-7638-F83E0D528B99}"/>
          </ac:spMkLst>
        </pc:spChg>
        <pc:spChg chg="add del mod">
          <ac:chgData name="Sara Mastrorosa" userId="d159c406-3740-4568-9f4d-6092b2495d2a" providerId="ADAL" clId="{68E68552-334A-49D4-906D-42EB7454986A}" dt="2023-10-17T07:39:52.372" v="3520"/>
          <ac:spMkLst>
            <pc:docMk/>
            <pc:sldMk cId="2909825012" sldId="2147476499"/>
            <ac:spMk id="39" creationId="{1AADE7B5-53D0-CD75-941F-125A0D7E58F8}"/>
          </ac:spMkLst>
        </pc:spChg>
        <pc:spChg chg="add del mod">
          <ac:chgData name="Sara Mastrorosa" userId="d159c406-3740-4568-9f4d-6092b2495d2a" providerId="ADAL" clId="{68E68552-334A-49D4-906D-42EB7454986A}" dt="2023-10-17T07:39:52.372" v="3520"/>
          <ac:spMkLst>
            <pc:docMk/>
            <pc:sldMk cId="2909825012" sldId="2147476499"/>
            <ac:spMk id="40" creationId="{0DE99CA0-D7E5-5296-35CA-39192AA08113}"/>
          </ac:spMkLst>
        </pc:spChg>
        <pc:spChg chg="add del mod">
          <ac:chgData name="Sara Mastrorosa" userId="d159c406-3740-4568-9f4d-6092b2495d2a" providerId="ADAL" clId="{68E68552-334A-49D4-906D-42EB7454986A}" dt="2023-10-17T07:39:52.372" v="3520"/>
          <ac:spMkLst>
            <pc:docMk/>
            <pc:sldMk cId="2909825012" sldId="2147476499"/>
            <ac:spMk id="41" creationId="{514D05FC-E547-65F4-72C8-7AC3B1AD86AF}"/>
          </ac:spMkLst>
        </pc:spChg>
        <pc:spChg chg="add del mod">
          <ac:chgData name="Sara Mastrorosa" userId="d159c406-3740-4568-9f4d-6092b2495d2a" providerId="ADAL" clId="{68E68552-334A-49D4-906D-42EB7454986A}" dt="2023-10-17T07:39:52.372" v="3520"/>
          <ac:spMkLst>
            <pc:docMk/>
            <pc:sldMk cId="2909825012" sldId="2147476499"/>
            <ac:spMk id="42" creationId="{F73B4E2F-667B-3783-02D3-18516C00BE1F}"/>
          </ac:spMkLst>
        </pc:spChg>
        <pc:spChg chg="del">
          <ac:chgData name="Sara Mastrorosa" userId="d159c406-3740-4568-9f4d-6092b2495d2a" providerId="ADAL" clId="{68E68552-334A-49D4-906D-42EB7454986A}" dt="2023-10-17T07:39:54.950" v="3521" actId="478"/>
          <ac:spMkLst>
            <pc:docMk/>
            <pc:sldMk cId="2909825012" sldId="2147476499"/>
            <ac:spMk id="43" creationId="{81434047-7AE0-4C83-A66C-0FD431964F6F}"/>
          </ac:spMkLst>
        </pc:spChg>
        <pc:spChg chg="add del mod">
          <ac:chgData name="Sara Mastrorosa" userId="d159c406-3740-4568-9f4d-6092b2495d2a" providerId="ADAL" clId="{68E68552-334A-49D4-906D-42EB7454986A}" dt="2023-10-17T07:39:52.372" v="3520"/>
          <ac:spMkLst>
            <pc:docMk/>
            <pc:sldMk cId="2909825012" sldId="2147476499"/>
            <ac:spMk id="44" creationId="{296E3F3A-F0D9-26BA-9265-93F60CAC414A}"/>
          </ac:spMkLst>
        </pc:spChg>
        <pc:spChg chg="add del mod">
          <ac:chgData name="Sara Mastrorosa" userId="d159c406-3740-4568-9f4d-6092b2495d2a" providerId="ADAL" clId="{68E68552-334A-49D4-906D-42EB7454986A}" dt="2023-10-17T07:39:52.372" v="3520"/>
          <ac:spMkLst>
            <pc:docMk/>
            <pc:sldMk cId="2909825012" sldId="2147476499"/>
            <ac:spMk id="45" creationId="{73A98E13-B00A-4EED-3AEA-09DACD79D98A}"/>
          </ac:spMkLst>
        </pc:spChg>
        <pc:spChg chg="add mod">
          <ac:chgData name="Sara Mastrorosa" userId="d159c406-3740-4568-9f4d-6092b2495d2a" providerId="ADAL" clId="{68E68552-334A-49D4-906D-42EB7454986A}" dt="2023-10-17T07:40:37.642" v="3589" actId="1038"/>
          <ac:spMkLst>
            <pc:docMk/>
            <pc:sldMk cId="2909825012" sldId="2147476499"/>
            <ac:spMk id="46" creationId="{CC75797C-2710-AC57-B03D-BABD88A91A5B}"/>
          </ac:spMkLst>
        </pc:spChg>
        <pc:spChg chg="add mod">
          <ac:chgData name="Sara Mastrorosa" userId="d159c406-3740-4568-9f4d-6092b2495d2a" providerId="ADAL" clId="{68E68552-334A-49D4-906D-42EB7454986A}" dt="2023-10-17T07:40:37.642" v="3589" actId="1038"/>
          <ac:spMkLst>
            <pc:docMk/>
            <pc:sldMk cId="2909825012" sldId="2147476499"/>
            <ac:spMk id="47" creationId="{668715BF-E7B9-7877-F5C3-F8704BA007E0}"/>
          </ac:spMkLst>
        </pc:spChg>
        <pc:spChg chg="add mod">
          <ac:chgData name="Sara Mastrorosa" userId="d159c406-3740-4568-9f4d-6092b2495d2a" providerId="ADAL" clId="{68E68552-334A-49D4-906D-42EB7454986A}" dt="2023-10-17T07:40:37.642" v="3589" actId="1038"/>
          <ac:spMkLst>
            <pc:docMk/>
            <pc:sldMk cId="2909825012" sldId="2147476499"/>
            <ac:spMk id="48" creationId="{4366AE40-2DAB-8729-4C13-525F2D909924}"/>
          </ac:spMkLst>
        </pc:spChg>
        <pc:spChg chg="add mod">
          <ac:chgData name="Sara Mastrorosa" userId="d159c406-3740-4568-9f4d-6092b2495d2a" providerId="ADAL" clId="{68E68552-334A-49D4-906D-42EB7454986A}" dt="2023-10-17T07:40:44.149" v="3621" actId="1035"/>
          <ac:spMkLst>
            <pc:docMk/>
            <pc:sldMk cId="2909825012" sldId="2147476499"/>
            <ac:spMk id="51" creationId="{7624FA9B-E130-9201-0154-C13C1C4D2B2E}"/>
          </ac:spMkLst>
        </pc:spChg>
        <pc:spChg chg="add mod">
          <ac:chgData name="Sara Mastrorosa" userId="d159c406-3740-4568-9f4d-6092b2495d2a" providerId="ADAL" clId="{68E68552-334A-49D4-906D-42EB7454986A}" dt="2023-10-17T07:40:37.642" v="3589" actId="1038"/>
          <ac:spMkLst>
            <pc:docMk/>
            <pc:sldMk cId="2909825012" sldId="2147476499"/>
            <ac:spMk id="53" creationId="{3BD89605-4DD2-BAC7-59C4-D21FA792AE3E}"/>
          </ac:spMkLst>
        </pc:spChg>
        <pc:spChg chg="add mod">
          <ac:chgData name="Sara Mastrorosa" userId="d159c406-3740-4568-9f4d-6092b2495d2a" providerId="ADAL" clId="{68E68552-334A-49D4-906D-42EB7454986A}" dt="2023-10-17T07:40:37.642" v="3589" actId="1038"/>
          <ac:spMkLst>
            <pc:docMk/>
            <pc:sldMk cId="2909825012" sldId="2147476499"/>
            <ac:spMk id="55" creationId="{EA9A71BB-1AE9-EBBC-631A-F24F73B1DB2C}"/>
          </ac:spMkLst>
        </pc:spChg>
        <pc:spChg chg="add mod">
          <ac:chgData name="Sara Mastrorosa" userId="d159c406-3740-4568-9f4d-6092b2495d2a" providerId="ADAL" clId="{68E68552-334A-49D4-906D-42EB7454986A}" dt="2023-10-17T07:40:37.642" v="3589" actId="1038"/>
          <ac:spMkLst>
            <pc:docMk/>
            <pc:sldMk cId="2909825012" sldId="2147476499"/>
            <ac:spMk id="56" creationId="{8E0CB07B-EDC3-16CF-A5CD-839FD215565C}"/>
          </ac:spMkLst>
        </pc:spChg>
        <pc:spChg chg="add mod">
          <ac:chgData name="Sara Mastrorosa" userId="d159c406-3740-4568-9f4d-6092b2495d2a" providerId="ADAL" clId="{68E68552-334A-49D4-906D-42EB7454986A}" dt="2023-10-17T07:40:37.642" v="3589" actId="1038"/>
          <ac:spMkLst>
            <pc:docMk/>
            <pc:sldMk cId="2909825012" sldId="2147476499"/>
            <ac:spMk id="57" creationId="{7E8E4B0C-71F5-4BFC-98AD-1A66CC7441B1}"/>
          </ac:spMkLst>
        </pc:spChg>
        <pc:spChg chg="add mod">
          <ac:chgData name="Sara Mastrorosa" userId="d159c406-3740-4568-9f4d-6092b2495d2a" providerId="ADAL" clId="{68E68552-334A-49D4-906D-42EB7454986A}" dt="2023-10-17T07:40:37.642" v="3589" actId="1038"/>
          <ac:spMkLst>
            <pc:docMk/>
            <pc:sldMk cId="2909825012" sldId="2147476499"/>
            <ac:spMk id="58" creationId="{F5868450-14A5-CE02-7B44-F9A776B0D329}"/>
          </ac:spMkLst>
        </pc:spChg>
        <pc:spChg chg="add mod">
          <ac:chgData name="Sara Mastrorosa" userId="d159c406-3740-4568-9f4d-6092b2495d2a" providerId="ADAL" clId="{68E68552-334A-49D4-906D-42EB7454986A}" dt="2023-10-17T07:40:37.642" v="3589" actId="1038"/>
          <ac:spMkLst>
            <pc:docMk/>
            <pc:sldMk cId="2909825012" sldId="2147476499"/>
            <ac:spMk id="59" creationId="{95E7D8F5-2309-DDEE-FA3A-B04AF799FB81}"/>
          </ac:spMkLst>
        </pc:spChg>
        <pc:spChg chg="add mod">
          <ac:chgData name="Sara Mastrorosa" userId="d159c406-3740-4568-9f4d-6092b2495d2a" providerId="ADAL" clId="{68E68552-334A-49D4-906D-42EB7454986A}" dt="2023-10-17T07:40:37.642" v="3589" actId="1038"/>
          <ac:spMkLst>
            <pc:docMk/>
            <pc:sldMk cId="2909825012" sldId="2147476499"/>
            <ac:spMk id="60" creationId="{AE56B4DE-8F41-679E-87F8-8B7DA80795B4}"/>
          </ac:spMkLst>
        </pc:spChg>
        <pc:spChg chg="add mod">
          <ac:chgData name="Sara Mastrorosa" userId="d159c406-3740-4568-9f4d-6092b2495d2a" providerId="ADAL" clId="{68E68552-334A-49D4-906D-42EB7454986A}" dt="2023-10-17T07:40:37.642" v="3589" actId="1038"/>
          <ac:spMkLst>
            <pc:docMk/>
            <pc:sldMk cId="2909825012" sldId="2147476499"/>
            <ac:spMk id="61" creationId="{C7685CE1-0DFA-8D38-E78E-418D824DC8ED}"/>
          </ac:spMkLst>
        </pc:spChg>
        <pc:spChg chg="add mod">
          <ac:chgData name="Sara Mastrorosa" userId="d159c406-3740-4568-9f4d-6092b2495d2a" providerId="ADAL" clId="{68E68552-334A-49D4-906D-42EB7454986A}" dt="2023-10-17T07:40:37.642" v="3589" actId="1038"/>
          <ac:spMkLst>
            <pc:docMk/>
            <pc:sldMk cId="2909825012" sldId="2147476499"/>
            <ac:spMk id="62" creationId="{A7F7027B-36AF-0207-A34B-ACD5630888A5}"/>
          </ac:spMkLst>
        </pc:spChg>
        <pc:spChg chg="add mod">
          <ac:chgData name="Sara Mastrorosa" userId="d159c406-3740-4568-9f4d-6092b2495d2a" providerId="ADAL" clId="{68E68552-334A-49D4-906D-42EB7454986A}" dt="2023-10-17T07:40:37.642" v="3589" actId="1038"/>
          <ac:spMkLst>
            <pc:docMk/>
            <pc:sldMk cId="2909825012" sldId="2147476499"/>
            <ac:spMk id="63" creationId="{21797674-9821-7C9D-FE3E-7AAC338BF1DC}"/>
          </ac:spMkLst>
        </pc:spChg>
        <pc:spChg chg="add mod">
          <ac:chgData name="Sara Mastrorosa" userId="d159c406-3740-4568-9f4d-6092b2495d2a" providerId="ADAL" clId="{68E68552-334A-49D4-906D-42EB7454986A}" dt="2023-10-17T07:40:37.642" v="3589" actId="1038"/>
          <ac:spMkLst>
            <pc:docMk/>
            <pc:sldMk cId="2909825012" sldId="2147476499"/>
            <ac:spMk id="64" creationId="{576B9B65-4B94-B90D-DBCD-D9C4051889D2}"/>
          </ac:spMkLst>
        </pc:spChg>
        <pc:spChg chg="add mod">
          <ac:chgData name="Sara Mastrorosa" userId="d159c406-3740-4568-9f4d-6092b2495d2a" providerId="ADAL" clId="{68E68552-334A-49D4-906D-42EB7454986A}" dt="2023-10-17T07:40:37.642" v="3589" actId="1038"/>
          <ac:spMkLst>
            <pc:docMk/>
            <pc:sldMk cId="2909825012" sldId="2147476499"/>
            <ac:spMk id="65" creationId="{1F299DB9-B289-69EE-9B18-6CC22DF27085}"/>
          </ac:spMkLst>
        </pc:spChg>
        <pc:spChg chg="add mod">
          <ac:chgData name="Sara Mastrorosa" userId="d159c406-3740-4568-9f4d-6092b2495d2a" providerId="ADAL" clId="{68E68552-334A-49D4-906D-42EB7454986A}" dt="2023-10-17T07:40:37.642" v="3589" actId="1038"/>
          <ac:spMkLst>
            <pc:docMk/>
            <pc:sldMk cId="2909825012" sldId="2147476499"/>
            <ac:spMk id="66" creationId="{44D7816F-DD82-80C3-5E60-5DB1910DD910}"/>
          </ac:spMkLst>
        </pc:spChg>
        <pc:spChg chg="add mod">
          <ac:chgData name="Sara Mastrorosa" userId="d159c406-3740-4568-9f4d-6092b2495d2a" providerId="ADAL" clId="{68E68552-334A-49D4-906D-42EB7454986A}" dt="2023-10-17T07:40:37.642" v="3589" actId="1038"/>
          <ac:spMkLst>
            <pc:docMk/>
            <pc:sldMk cId="2909825012" sldId="2147476499"/>
            <ac:spMk id="67" creationId="{F37D36CA-EFFD-AF9C-2957-B73FE26D584B}"/>
          </ac:spMkLst>
        </pc:spChg>
        <pc:spChg chg="add mod">
          <ac:chgData name="Sara Mastrorosa" userId="d159c406-3740-4568-9f4d-6092b2495d2a" providerId="ADAL" clId="{68E68552-334A-49D4-906D-42EB7454986A}" dt="2023-10-17T07:40:37.642" v="3589" actId="1038"/>
          <ac:spMkLst>
            <pc:docMk/>
            <pc:sldMk cId="2909825012" sldId="2147476499"/>
            <ac:spMk id="68" creationId="{49FEE2CB-8513-26B5-0090-591066A5D509}"/>
          </ac:spMkLst>
        </pc:spChg>
        <pc:spChg chg="add mod">
          <ac:chgData name="Sara Mastrorosa" userId="d159c406-3740-4568-9f4d-6092b2495d2a" providerId="ADAL" clId="{68E68552-334A-49D4-906D-42EB7454986A}" dt="2023-10-17T07:40:37.642" v="3589" actId="1038"/>
          <ac:spMkLst>
            <pc:docMk/>
            <pc:sldMk cId="2909825012" sldId="2147476499"/>
            <ac:spMk id="69" creationId="{3F8B0A72-54AD-1343-B0CE-01CA86818939}"/>
          </ac:spMkLst>
        </pc:spChg>
        <pc:spChg chg="add mod">
          <ac:chgData name="Sara Mastrorosa" userId="d159c406-3740-4568-9f4d-6092b2495d2a" providerId="ADAL" clId="{68E68552-334A-49D4-906D-42EB7454986A}" dt="2023-10-17T07:41:26.112" v="3623" actId="1076"/>
          <ac:spMkLst>
            <pc:docMk/>
            <pc:sldMk cId="2909825012" sldId="2147476499"/>
            <ac:spMk id="70" creationId="{7682B064-7DE6-34CA-29F7-7CA2A38E5A8D}"/>
          </ac:spMkLst>
        </pc:spChg>
        <pc:spChg chg="add mod">
          <ac:chgData name="Sara Mastrorosa" userId="d159c406-3740-4568-9f4d-6092b2495d2a" providerId="ADAL" clId="{68E68552-334A-49D4-906D-42EB7454986A}" dt="2023-10-17T07:41:26.112" v="3623" actId="1076"/>
          <ac:spMkLst>
            <pc:docMk/>
            <pc:sldMk cId="2909825012" sldId="2147476499"/>
            <ac:spMk id="71" creationId="{D10F7C9A-2E5B-93A2-6BDE-8B0F986DAA84}"/>
          </ac:spMkLst>
        </pc:spChg>
        <pc:spChg chg="add mod">
          <ac:chgData name="Sara Mastrorosa" userId="d159c406-3740-4568-9f4d-6092b2495d2a" providerId="ADAL" clId="{68E68552-334A-49D4-906D-42EB7454986A}" dt="2023-10-17T07:41:26.112" v="3623" actId="1076"/>
          <ac:spMkLst>
            <pc:docMk/>
            <pc:sldMk cId="2909825012" sldId="2147476499"/>
            <ac:spMk id="72" creationId="{1FD2B870-4F98-FBFA-5B14-4ACAC911C81D}"/>
          </ac:spMkLst>
        </pc:spChg>
        <pc:spChg chg="add mod">
          <ac:chgData name="Sara Mastrorosa" userId="d159c406-3740-4568-9f4d-6092b2495d2a" providerId="ADAL" clId="{68E68552-334A-49D4-906D-42EB7454986A}" dt="2023-10-17T07:41:26.112" v="3623" actId="1076"/>
          <ac:spMkLst>
            <pc:docMk/>
            <pc:sldMk cId="2909825012" sldId="2147476499"/>
            <ac:spMk id="73" creationId="{9614D4F4-4BF2-2DB9-41A2-6FEEC4DFD0BF}"/>
          </ac:spMkLst>
        </pc:spChg>
        <pc:spChg chg="add mod">
          <ac:chgData name="Sara Mastrorosa" userId="d159c406-3740-4568-9f4d-6092b2495d2a" providerId="ADAL" clId="{68E68552-334A-49D4-906D-42EB7454986A}" dt="2023-10-17T07:41:26.112" v="3623" actId="1076"/>
          <ac:spMkLst>
            <pc:docMk/>
            <pc:sldMk cId="2909825012" sldId="2147476499"/>
            <ac:spMk id="74" creationId="{6C22BD70-9690-508B-AF26-53A3E835651F}"/>
          </ac:spMkLst>
        </pc:spChg>
        <pc:spChg chg="add mod">
          <ac:chgData name="Sara Mastrorosa" userId="d159c406-3740-4568-9f4d-6092b2495d2a" providerId="ADAL" clId="{68E68552-334A-49D4-906D-42EB7454986A}" dt="2023-10-17T07:41:26.112" v="3623" actId="1076"/>
          <ac:spMkLst>
            <pc:docMk/>
            <pc:sldMk cId="2909825012" sldId="2147476499"/>
            <ac:spMk id="75" creationId="{83E785F8-BE6B-C5E4-F573-6683C31A2717}"/>
          </ac:spMkLst>
        </pc:spChg>
        <pc:spChg chg="add mod">
          <ac:chgData name="Sara Mastrorosa" userId="d159c406-3740-4568-9f4d-6092b2495d2a" providerId="ADAL" clId="{68E68552-334A-49D4-906D-42EB7454986A}" dt="2023-10-17T07:41:26.112" v="3623" actId="1076"/>
          <ac:spMkLst>
            <pc:docMk/>
            <pc:sldMk cId="2909825012" sldId="2147476499"/>
            <ac:spMk id="76" creationId="{904F90C6-C1C5-27C4-06EE-9DB46582901F}"/>
          </ac:spMkLst>
        </pc:spChg>
        <pc:spChg chg="add mod">
          <ac:chgData name="Sara Mastrorosa" userId="d159c406-3740-4568-9f4d-6092b2495d2a" providerId="ADAL" clId="{68E68552-334A-49D4-906D-42EB7454986A}" dt="2023-10-17T07:41:26.112" v="3623" actId="1076"/>
          <ac:spMkLst>
            <pc:docMk/>
            <pc:sldMk cId="2909825012" sldId="2147476499"/>
            <ac:spMk id="77" creationId="{313E0FC6-7AC9-9906-B544-36A4CCDFAC87}"/>
          </ac:spMkLst>
        </pc:spChg>
        <pc:spChg chg="add mod">
          <ac:chgData name="Sara Mastrorosa" userId="d159c406-3740-4568-9f4d-6092b2495d2a" providerId="ADAL" clId="{68E68552-334A-49D4-906D-42EB7454986A}" dt="2023-10-17T07:41:26.112" v="3623" actId="1076"/>
          <ac:spMkLst>
            <pc:docMk/>
            <pc:sldMk cId="2909825012" sldId="2147476499"/>
            <ac:spMk id="78" creationId="{B0F01C31-5F0D-5CC3-3D6B-E8654C6639B4}"/>
          </ac:spMkLst>
        </pc:spChg>
        <pc:spChg chg="add mod">
          <ac:chgData name="Sara Mastrorosa" userId="d159c406-3740-4568-9f4d-6092b2495d2a" providerId="ADAL" clId="{68E68552-334A-49D4-906D-42EB7454986A}" dt="2023-10-17T07:41:26.112" v="3623" actId="1076"/>
          <ac:spMkLst>
            <pc:docMk/>
            <pc:sldMk cId="2909825012" sldId="2147476499"/>
            <ac:spMk id="79" creationId="{7E2F53A6-05E8-5AF0-A6DA-27AB97112CBF}"/>
          </ac:spMkLst>
        </pc:spChg>
        <pc:spChg chg="add mod">
          <ac:chgData name="Sara Mastrorosa" userId="d159c406-3740-4568-9f4d-6092b2495d2a" providerId="ADAL" clId="{68E68552-334A-49D4-906D-42EB7454986A}" dt="2023-10-17T07:41:26.112" v="3623" actId="1076"/>
          <ac:spMkLst>
            <pc:docMk/>
            <pc:sldMk cId="2909825012" sldId="2147476499"/>
            <ac:spMk id="86" creationId="{121A1BAA-5DCA-430D-4151-3286201FFB34}"/>
          </ac:spMkLst>
        </pc:spChg>
        <pc:spChg chg="add mod">
          <ac:chgData name="Sara Mastrorosa" userId="d159c406-3740-4568-9f4d-6092b2495d2a" providerId="ADAL" clId="{68E68552-334A-49D4-906D-42EB7454986A}" dt="2023-10-17T07:41:26.112" v="3623" actId="1076"/>
          <ac:spMkLst>
            <pc:docMk/>
            <pc:sldMk cId="2909825012" sldId="2147476499"/>
            <ac:spMk id="99" creationId="{7AFB14A2-ECD0-D412-4EF8-FBBDC5167C37}"/>
          </ac:spMkLst>
        </pc:spChg>
        <pc:spChg chg="add mod">
          <ac:chgData name="Sara Mastrorosa" userId="d159c406-3740-4568-9f4d-6092b2495d2a" providerId="ADAL" clId="{68E68552-334A-49D4-906D-42EB7454986A}" dt="2023-10-17T07:41:26.112" v="3623" actId="1076"/>
          <ac:spMkLst>
            <pc:docMk/>
            <pc:sldMk cId="2909825012" sldId="2147476499"/>
            <ac:spMk id="103" creationId="{03C07946-CFB5-2414-CE9D-F1218F668FB8}"/>
          </ac:spMkLst>
        </pc:spChg>
        <pc:spChg chg="add mod">
          <ac:chgData name="Sara Mastrorosa" userId="d159c406-3740-4568-9f4d-6092b2495d2a" providerId="ADAL" clId="{68E68552-334A-49D4-906D-42EB7454986A}" dt="2023-10-17T07:41:26.112" v="3623" actId="1076"/>
          <ac:spMkLst>
            <pc:docMk/>
            <pc:sldMk cId="2909825012" sldId="2147476499"/>
            <ac:spMk id="104" creationId="{C4C58AC5-1C26-C2D9-F3FB-46B8988BD6C9}"/>
          </ac:spMkLst>
        </pc:spChg>
        <pc:spChg chg="add mod">
          <ac:chgData name="Sara Mastrorosa" userId="d159c406-3740-4568-9f4d-6092b2495d2a" providerId="ADAL" clId="{68E68552-334A-49D4-906D-42EB7454986A}" dt="2023-10-17T07:41:26.112" v="3623" actId="1076"/>
          <ac:spMkLst>
            <pc:docMk/>
            <pc:sldMk cId="2909825012" sldId="2147476499"/>
            <ac:spMk id="105" creationId="{2D7925C8-4D04-7B38-F2EF-A9BB04241E87}"/>
          </ac:spMkLst>
        </pc:spChg>
        <pc:spChg chg="mod">
          <ac:chgData name="Sara Mastrorosa" userId="d159c406-3740-4568-9f4d-6092b2495d2a" providerId="ADAL" clId="{68E68552-334A-49D4-906D-42EB7454986A}" dt="2023-10-17T07:40:28.081" v="3551" actId="1038"/>
          <ac:spMkLst>
            <pc:docMk/>
            <pc:sldMk cId="2909825012" sldId="2147476499"/>
            <ac:spMk id="106" creationId="{24432AC9-4497-93CA-DC37-07D22C88F154}"/>
          </ac:spMkLst>
        </pc:spChg>
        <pc:spChg chg="mod">
          <ac:chgData name="Sara Mastrorosa" userId="d159c406-3740-4568-9f4d-6092b2495d2a" providerId="ADAL" clId="{68E68552-334A-49D4-906D-42EB7454986A}" dt="2023-10-17T07:40:28.081" v="3551" actId="1038"/>
          <ac:spMkLst>
            <pc:docMk/>
            <pc:sldMk cId="2909825012" sldId="2147476499"/>
            <ac:spMk id="107" creationId="{6E86EA0B-36FC-F544-774A-A3FD675DE9E0}"/>
          </ac:spMkLst>
        </pc:spChg>
        <pc:spChg chg="add mod">
          <ac:chgData name="Sara Mastrorosa" userId="d159c406-3740-4568-9f4d-6092b2495d2a" providerId="ADAL" clId="{68E68552-334A-49D4-906D-42EB7454986A}" dt="2023-10-17T07:41:26.112" v="3623" actId="1076"/>
          <ac:spMkLst>
            <pc:docMk/>
            <pc:sldMk cId="2909825012" sldId="2147476499"/>
            <ac:spMk id="108" creationId="{7D89A30A-5C48-D64D-B372-466869BE2C51}"/>
          </ac:spMkLst>
        </pc:spChg>
        <pc:spChg chg="add mod">
          <ac:chgData name="Sara Mastrorosa" userId="d159c406-3740-4568-9f4d-6092b2495d2a" providerId="ADAL" clId="{68E68552-334A-49D4-906D-42EB7454986A}" dt="2023-10-17T07:41:26.112" v="3623" actId="1076"/>
          <ac:spMkLst>
            <pc:docMk/>
            <pc:sldMk cId="2909825012" sldId="2147476499"/>
            <ac:spMk id="117" creationId="{FFEE53DB-B490-65B0-AEFC-C9A77E3ADAAD}"/>
          </ac:spMkLst>
        </pc:spChg>
        <pc:spChg chg="add mod">
          <ac:chgData name="Sara Mastrorosa" userId="d159c406-3740-4568-9f4d-6092b2495d2a" providerId="ADAL" clId="{68E68552-334A-49D4-906D-42EB7454986A}" dt="2023-10-17T07:41:26.112" v="3623" actId="1076"/>
          <ac:spMkLst>
            <pc:docMk/>
            <pc:sldMk cId="2909825012" sldId="2147476499"/>
            <ac:spMk id="118" creationId="{971D28EA-87EE-3BCF-B6A5-83D5973B6EA5}"/>
          </ac:spMkLst>
        </pc:spChg>
        <pc:spChg chg="add mod">
          <ac:chgData name="Sara Mastrorosa" userId="d159c406-3740-4568-9f4d-6092b2495d2a" providerId="ADAL" clId="{68E68552-334A-49D4-906D-42EB7454986A}" dt="2023-10-17T07:41:26.112" v="3623" actId="1076"/>
          <ac:spMkLst>
            <pc:docMk/>
            <pc:sldMk cId="2909825012" sldId="2147476499"/>
            <ac:spMk id="119" creationId="{B720FFC5-4B5F-984C-A253-3D5CEECFB530}"/>
          </ac:spMkLst>
        </pc:spChg>
        <pc:spChg chg="add mod">
          <ac:chgData name="Sara Mastrorosa" userId="d159c406-3740-4568-9f4d-6092b2495d2a" providerId="ADAL" clId="{68E68552-334A-49D4-906D-42EB7454986A}" dt="2023-10-17T07:41:26.112" v="3623" actId="1076"/>
          <ac:spMkLst>
            <pc:docMk/>
            <pc:sldMk cId="2909825012" sldId="2147476499"/>
            <ac:spMk id="120" creationId="{CAE3F64B-E12A-06D0-E576-AF08627C579C}"/>
          </ac:spMkLst>
        </pc:spChg>
        <pc:spChg chg="mod">
          <ac:chgData name="Sara Mastrorosa" userId="d159c406-3740-4568-9f4d-6092b2495d2a" providerId="ADAL" clId="{68E68552-334A-49D4-906D-42EB7454986A}" dt="2023-10-17T07:40:28.081" v="3551" actId="1038"/>
          <ac:spMkLst>
            <pc:docMk/>
            <pc:sldMk cId="2909825012" sldId="2147476499"/>
            <ac:spMk id="159" creationId="{D5B5EA3D-BBFE-7E6C-98D3-1E383B1B73F1}"/>
          </ac:spMkLst>
        </pc:spChg>
        <pc:grpChg chg="del">
          <ac:chgData name="Sara Mastrorosa" userId="d159c406-3740-4568-9f4d-6092b2495d2a" providerId="ADAL" clId="{68E68552-334A-49D4-906D-42EB7454986A}" dt="2023-10-17T07:39:54.950" v="3521" actId="478"/>
          <ac:grpSpMkLst>
            <pc:docMk/>
            <pc:sldMk cId="2909825012" sldId="2147476499"/>
            <ac:grpSpMk id="11" creationId="{BD2C39F8-072B-A9E5-3E63-A810F98FD6BE}"/>
          </ac:grpSpMkLst>
        </pc:grpChg>
        <pc:grpChg chg="del">
          <ac:chgData name="Sara Mastrorosa" userId="d159c406-3740-4568-9f4d-6092b2495d2a" providerId="ADAL" clId="{68E68552-334A-49D4-906D-42EB7454986A}" dt="2023-10-17T07:39:54.950" v="3521" actId="478"/>
          <ac:grpSpMkLst>
            <pc:docMk/>
            <pc:sldMk cId="2909825012" sldId="2147476499"/>
            <ac:grpSpMk id="20" creationId="{5220FA80-D6FD-0300-9635-1686BA5C1596}"/>
          </ac:grpSpMkLst>
        </pc:grpChg>
        <pc:grpChg chg="del">
          <ac:chgData name="Sara Mastrorosa" userId="d159c406-3740-4568-9f4d-6092b2495d2a" providerId="ADAL" clId="{68E68552-334A-49D4-906D-42EB7454986A}" dt="2023-10-17T07:39:54.950" v="3521" actId="478"/>
          <ac:grpSpMkLst>
            <pc:docMk/>
            <pc:sldMk cId="2909825012" sldId="2147476499"/>
            <ac:grpSpMk id="26" creationId="{1E327D54-5F8D-5319-160D-019D4EBF2F7D}"/>
          </ac:grpSpMkLst>
        </pc:grpChg>
        <pc:grpChg chg="del">
          <ac:chgData name="Sara Mastrorosa" userId="d159c406-3740-4568-9f4d-6092b2495d2a" providerId="ADAL" clId="{68E68552-334A-49D4-906D-42EB7454986A}" dt="2023-10-17T07:39:54.950" v="3521" actId="478"/>
          <ac:grpSpMkLst>
            <pc:docMk/>
            <pc:sldMk cId="2909825012" sldId="2147476499"/>
            <ac:grpSpMk id="80" creationId="{1702935E-ED40-E98B-9CF5-606D33DF02D3}"/>
          </ac:grpSpMkLst>
        </pc:grpChg>
        <pc:grpChg chg="del">
          <ac:chgData name="Sara Mastrorosa" userId="d159c406-3740-4568-9f4d-6092b2495d2a" providerId="ADAL" clId="{68E68552-334A-49D4-906D-42EB7454986A}" dt="2023-10-17T07:39:54.950" v="3521" actId="478"/>
          <ac:grpSpMkLst>
            <pc:docMk/>
            <pc:sldMk cId="2909825012" sldId="2147476499"/>
            <ac:grpSpMk id="87" creationId="{E87D1F59-C0DE-C900-4870-BFE31FFCA799}"/>
          </ac:grpSpMkLst>
        </pc:grpChg>
        <pc:grpChg chg="del">
          <ac:chgData name="Sara Mastrorosa" userId="d159c406-3740-4568-9f4d-6092b2495d2a" providerId="ADAL" clId="{68E68552-334A-49D4-906D-42EB7454986A}" dt="2023-10-17T07:39:54.950" v="3521" actId="478"/>
          <ac:grpSpMkLst>
            <pc:docMk/>
            <pc:sldMk cId="2909825012" sldId="2147476499"/>
            <ac:grpSpMk id="93" creationId="{E394821E-F7BC-6396-DCD5-9FA5229DBB0D}"/>
          </ac:grpSpMkLst>
        </pc:grpChg>
        <pc:grpChg chg="del">
          <ac:chgData name="Sara Mastrorosa" userId="d159c406-3740-4568-9f4d-6092b2495d2a" providerId="ADAL" clId="{68E68552-334A-49D4-906D-42EB7454986A}" dt="2023-10-17T07:39:54.950" v="3521" actId="478"/>
          <ac:grpSpMkLst>
            <pc:docMk/>
            <pc:sldMk cId="2909825012" sldId="2147476499"/>
            <ac:grpSpMk id="138" creationId="{72A9AED0-D08D-6EAD-1D46-3C5A76BF9C63}"/>
          </ac:grpSpMkLst>
        </pc:grpChg>
        <pc:grpChg chg="del">
          <ac:chgData name="Sara Mastrorosa" userId="d159c406-3740-4568-9f4d-6092b2495d2a" providerId="ADAL" clId="{68E68552-334A-49D4-906D-42EB7454986A}" dt="2023-10-17T07:39:54.950" v="3521" actId="478"/>
          <ac:grpSpMkLst>
            <pc:docMk/>
            <pc:sldMk cId="2909825012" sldId="2147476499"/>
            <ac:grpSpMk id="144" creationId="{9EB23449-8F49-B557-7E8E-DDADA1AB8700}"/>
          </ac:grpSpMkLst>
        </pc:grpChg>
        <pc:grpChg chg="del">
          <ac:chgData name="Sara Mastrorosa" userId="d159c406-3740-4568-9f4d-6092b2495d2a" providerId="ADAL" clId="{68E68552-334A-49D4-906D-42EB7454986A}" dt="2023-10-17T07:39:54.950" v="3521" actId="478"/>
          <ac:grpSpMkLst>
            <pc:docMk/>
            <pc:sldMk cId="2909825012" sldId="2147476499"/>
            <ac:grpSpMk id="150" creationId="{DCEF13EB-3B08-A20D-5BC3-4389C2C210FF}"/>
          </ac:grpSpMkLst>
        </pc:grpChg>
        <pc:cxnChg chg="del">
          <ac:chgData name="Sara Mastrorosa" userId="d159c406-3740-4568-9f4d-6092b2495d2a" providerId="ADAL" clId="{68E68552-334A-49D4-906D-42EB7454986A}" dt="2023-10-17T07:39:54.950" v="3521" actId="478"/>
          <ac:cxnSpMkLst>
            <pc:docMk/>
            <pc:sldMk cId="2909825012" sldId="2147476499"/>
            <ac:cxnSpMk id="49" creationId="{164DDCB7-BE75-3C4A-634C-4B99FC228296}"/>
          </ac:cxnSpMkLst>
        </pc:cxnChg>
        <pc:cxnChg chg="del">
          <ac:chgData name="Sara Mastrorosa" userId="d159c406-3740-4568-9f4d-6092b2495d2a" providerId="ADAL" clId="{68E68552-334A-49D4-906D-42EB7454986A}" dt="2023-10-17T07:39:54.950" v="3521" actId="478"/>
          <ac:cxnSpMkLst>
            <pc:docMk/>
            <pc:sldMk cId="2909825012" sldId="2147476499"/>
            <ac:cxnSpMk id="50" creationId="{1BCB2CFD-9F62-8547-B4B8-C6674E3C6DBD}"/>
          </ac:cxnSpMkLst>
        </pc:cxnChg>
        <pc:cxnChg chg="del">
          <ac:chgData name="Sara Mastrorosa" userId="d159c406-3740-4568-9f4d-6092b2495d2a" providerId="ADAL" clId="{68E68552-334A-49D4-906D-42EB7454986A}" dt="2023-10-17T07:39:54.950" v="3521" actId="478"/>
          <ac:cxnSpMkLst>
            <pc:docMk/>
            <pc:sldMk cId="2909825012" sldId="2147476499"/>
            <ac:cxnSpMk id="52" creationId="{A2B4A002-BD9E-D271-36BA-94378B280C4F}"/>
          </ac:cxnSpMkLst>
        </pc:cxnChg>
        <pc:cxnChg chg="del">
          <ac:chgData name="Sara Mastrorosa" userId="d159c406-3740-4568-9f4d-6092b2495d2a" providerId="ADAL" clId="{68E68552-334A-49D4-906D-42EB7454986A}" dt="2023-10-17T07:39:54.950" v="3521" actId="478"/>
          <ac:cxnSpMkLst>
            <pc:docMk/>
            <pc:sldMk cId="2909825012" sldId="2147476499"/>
            <ac:cxnSpMk id="100" creationId="{43CCF1F2-17DA-5F5B-582E-5C7628117D38}"/>
          </ac:cxnSpMkLst>
        </pc:cxnChg>
        <pc:cxnChg chg="del">
          <ac:chgData name="Sara Mastrorosa" userId="d159c406-3740-4568-9f4d-6092b2495d2a" providerId="ADAL" clId="{68E68552-334A-49D4-906D-42EB7454986A}" dt="2023-10-17T07:39:54.950" v="3521" actId="478"/>
          <ac:cxnSpMkLst>
            <pc:docMk/>
            <pc:sldMk cId="2909825012" sldId="2147476499"/>
            <ac:cxnSpMk id="101" creationId="{D3375D70-F1F3-286E-E267-F715CF12570C}"/>
          </ac:cxnSpMkLst>
        </pc:cxnChg>
        <pc:cxnChg chg="del">
          <ac:chgData name="Sara Mastrorosa" userId="d159c406-3740-4568-9f4d-6092b2495d2a" providerId="ADAL" clId="{68E68552-334A-49D4-906D-42EB7454986A}" dt="2023-10-17T07:39:54.950" v="3521" actId="478"/>
          <ac:cxnSpMkLst>
            <pc:docMk/>
            <pc:sldMk cId="2909825012" sldId="2147476499"/>
            <ac:cxnSpMk id="102" creationId="{7C363CFD-D1EA-FC61-E5EE-9DA9362D8BF8}"/>
          </ac:cxnSpMkLst>
        </pc:cxnChg>
        <pc:cxnChg chg="del">
          <ac:chgData name="Sara Mastrorosa" userId="d159c406-3740-4568-9f4d-6092b2495d2a" providerId="ADAL" clId="{68E68552-334A-49D4-906D-42EB7454986A}" dt="2023-10-17T07:39:54.950" v="3521" actId="478"/>
          <ac:cxnSpMkLst>
            <pc:docMk/>
            <pc:sldMk cId="2909825012" sldId="2147476499"/>
            <ac:cxnSpMk id="156" creationId="{2A5CBA11-598A-024C-3D1F-37B9DFDF3F21}"/>
          </ac:cxnSpMkLst>
        </pc:cxnChg>
        <pc:cxnChg chg="del">
          <ac:chgData name="Sara Mastrorosa" userId="d159c406-3740-4568-9f4d-6092b2495d2a" providerId="ADAL" clId="{68E68552-334A-49D4-906D-42EB7454986A}" dt="2023-10-17T07:39:54.950" v="3521" actId="478"/>
          <ac:cxnSpMkLst>
            <pc:docMk/>
            <pc:sldMk cId="2909825012" sldId="2147476499"/>
            <ac:cxnSpMk id="157" creationId="{C0984B9B-93F1-26CD-817D-933919E314C7}"/>
          </ac:cxnSpMkLst>
        </pc:cxnChg>
        <pc:cxnChg chg="del">
          <ac:chgData name="Sara Mastrorosa" userId="d159c406-3740-4568-9f4d-6092b2495d2a" providerId="ADAL" clId="{68E68552-334A-49D4-906D-42EB7454986A}" dt="2023-10-17T07:39:54.950" v="3521" actId="478"/>
          <ac:cxnSpMkLst>
            <pc:docMk/>
            <pc:sldMk cId="2909825012" sldId="2147476499"/>
            <ac:cxnSpMk id="158" creationId="{1D194582-AE9F-CCE0-B83A-D0018AB3CDE2}"/>
          </ac:cxnSpMkLst>
        </pc:cxnChg>
      </pc:sldChg>
      <pc:sldChg chg="addSp delSp modSp add mod ord modShow modNotesTx">
        <pc:chgData name="Sara Mastrorosa" userId="d159c406-3740-4568-9f4d-6092b2495d2a" providerId="ADAL" clId="{68E68552-334A-49D4-906D-42EB7454986A}" dt="2023-10-18T08:57:04.054" v="7766" actId="729"/>
        <pc:sldMkLst>
          <pc:docMk/>
          <pc:sldMk cId="1241465649" sldId="2147476500"/>
        </pc:sldMkLst>
        <pc:spChg chg="add del mod">
          <ac:chgData name="Sara Mastrorosa" userId="d159c406-3740-4568-9f4d-6092b2495d2a" providerId="ADAL" clId="{68E68552-334A-49D4-906D-42EB7454986A}" dt="2023-10-17T09:10:16.246" v="3972" actId="478"/>
          <ac:spMkLst>
            <pc:docMk/>
            <pc:sldMk cId="1241465649" sldId="2147476500"/>
            <ac:spMk id="2" creationId="{947B7BB2-A20B-BE25-2814-FB7DE5359F53}"/>
          </ac:spMkLst>
        </pc:spChg>
        <pc:spChg chg="add del mod">
          <ac:chgData name="Sara Mastrorosa" userId="d159c406-3740-4568-9f4d-6092b2495d2a" providerId="ADAL" clId="{68E68552-334A-49D4-906D-42EB7454986A}" dt="2023-10-17T09:10:16.246" v="3972" actId="478"/>
          <ac:spMkLst>
            <pc:docMk/>
            <pc:sldMk cId="1241465649" sldId="2147476500"/>
            <ac:spMk id="3" creationId="{F05D7E4A-3043-C480-170F-25D19EC1E040}"/>
          </ac:spMkLst>
        </pc:spChg>
        <pc:spChg chg="add del mod">
          <ac:chgData name="Sara Mastrorosa" userId="d159c406-3740-4568-9f4d-6092b2495d2a" providerId="ADAL" clId="{68E68552-334A-49D4-906D-42EB7454986A}" dt="2023-10-17T09:10:16.246" v="3972" actId="478"/>
          <ac:spMkLst>
            <pc:docMk/>
            <pc:sldMk cId="1241465649" sldId="2147476500"/>
            <ac:spMk id="4" creationId="{F4F1C398-E04D-61C7-4D73-578EC0B90CB0}"/>
          </ac:spMkLst>
        </pc:spChg>
        <pc:spChg chg="mod">
          <ac:chgData name="Sara Mastrorosa" userId="d159c406-3740-4568-9f4d-6092b2495d2a" providerId="ADAL" clId="{68E68552-334A-49D4-906D-42EB7454986A}" dt="2023-10-17T09:54:51.512" v="4312" actId="20577"/>
          <ac:spMkLst>
            <pc:docMk/>
            <pc:sldMk cId="1241465649" sldId="2147476500"/>
            <ac:spMk id="5" creationId="{08F2B45B-2BC1-44B2-4465-F8FD2B97328F}"/>
          </ac:spMkLst>
        </pc:spChg>
        <pc:spChg chg="add del mod">
          <ac:chgData name="Sara Mastrorosa" userId="d159c406-3740-4568-9f4d-6092b2495d2a" providerId="ADAL" clId="{68E68552-334A-49D4-906D-42EB7454986A}" dt="2023-10-17T09:10:16.246" v="3972" actId="478"/>
          <ac:spMkLst>
            <pc:docMk/>
            <pc:sldMk cId="1241465649" sldId="2147476500"/>
            <ac:spMk id="6" creationId="{7E59EF19-5297-0F4C-132D-CBEAB822E6B5}"/>
          </ac:spMkLst>
        </pc:spChg>
        <pc:spChg chg="add del mod">
          <ac:chgData name="Sara Mastrorosa" userId="d159c406-3740-4568-9f4d-6092b2495d2a" providerId="ADAL" clId="{68E68552-334A-49D4-906D-42EB7454986A}" dt="2023-10-17T09:10:16.246" v="3972" actId="478"/>
          <ac:spMkLst>
            <pc:docMk/>
            <pc:sldMk cId="1241465649" sldId="2147476500"/>
            <ac:spMk id="7" creationId="{23438CD4-C276-2CAA-9C7E-BC808D9B0FCD}"/>
          </ac:spMkLst>
        </pc:spChg>
        <pc:spChg chg="add del mod">
          <ac:chgData name="Sara Mastrorosa" userId="d159c406-3740-4568-9f4d-6092b2495d2a" providerId="ADAL" clId="{68E68552-334A-49D4-906D-42EB7454986A}" dt="2023-10-17T09:10:16.246" v="3972" actId="478"/>
          <ac:spMkLst>
            <pc:docMk/>
            <pc:sldMk cId="1241465649" sldId="2147476500"/>
            <ac:spMk id="8" creationId="{BBE8EBCE-5C63-2748-45A4-7E5442FF8B9E}"/>
          </ac:spMkLst>
        </pc:spChg>
        <pc:spChg chg="add del mod">
          <ac:chgData name="Sara Mastrorosa" userId="d159c406-3740-4568-9f4d-6092b2495d2a" providerId="ADAL" clId="{68E68552-334A-49D4-906D-42EB7454986A}" dt="2023-10-17T09:08:43.447" v="3880" actId="478"/>
          <ac:spMkLst>
            <pc:docMk/>
            <pc:sldMk cId="1241465649" sldId="2147476500"/>
            <ac:spMk id="9" creationId="{E8E0347A-B87D-44EB-1ADA-E375BE80D65B}"/>
          </ac:spMkLst>
        </pc:spChg>
        <pc:spChg chg="add del mod">
          <ac:chgData name="Sara Mastrorosa" userId="d159c406-3740-4568-9f4d-6092b2495d2a" providerId="ADAL" clId="{68E68552-334A-49D4-906D-42EB7454986A}" dt="2023-10-17T09:08:43.447" v="3880" actId="478"/>
          <ac:spMkLst>
            <pc:docMk/>
            <pc:sldMk cId="1241465649" sldId="2147476500"/>
            <ac:spMk id="10" creationId="{785036CD-4A28-A618-0FE6-EA045D21F551}"/>
          </ac:spMkLst>
        </pc:spChg>
        <pc:spChg chg="add del mod">
          <ac:chgData name="Sara Mastrorosa" userId="d159c406-3740-4568-9f4d-6092b2495d2a" providerId="ADAL" clId="{68E68552-334A-49D4-906D-42EB7454986A}" dt="2023-10-17T09:10:16.246" v="3972" actId="478"/>
          <ac:spMkLst>
            <pc:docMk/>
            <pc:sldMk cId="1241465649" sldId="2147476500"/>
            <ac:spMk id="11" creationId="{85F18500-113E-E56A-0E12-C6BB9B81B349}"/>
          </ac:spMkLst>
        </pc:spChg>
        <pc:spChg chg="add del mod">
          <ac:chgData name="Sara Mastrorosa" userId="d159c406-3740-4568-9f4d-6092b2495d2a" providerId="ADAL" clId="{68E68552-334A-49D4-906D-42EB7454986A}" dt="2023-10-17T09:10:16.246" v="3972" actId="478"/>
          <ac:spMkLst>
            <pc:docMk/>
            <pc:sldMk cId="1241465649" sldId="2147476500"/>
            <ac:spMk id="12" creationId="{FF5D853F-226A-6B34-8696-E5954270F551}"/>
          </ac:spMkLst>
        </pc:spChg>
        <pc:spChg chg="add del mod">
          <ac:chgData name="Sara Mastrorosa" userId="d159c406-3740-4568-9f4d-6092b2495d2a" providerId="ADAL" clId="{68E68552-334A-49D4-906D-42EB7454986A}" dt="2023-10-17T09:10:16.246" v="3972" actId="478"/>
          <ac:spMkLst>
            <pc:docMk/>
            <pc:sldMk cId="1241465649" sldId="2147476500"/>
            <ac:spMk id="14" creationId="{7A7B6568-49B2-F5AA-66D9-8F254E8B1194}"/>
          </ac:spMkLst>
        </pc:spChg>
        <pc:spChg chg="add del mod">
          <ac:chgData name="Sara Mastrorosa" userId="d159c406-3740-4568-9f4d-6092b2495d2a" providerId="ADAL" clId="{68E68552-334A-49D4-906D-42EB7454986A}" dt="2023-10-17T09:10:16.246" v="3972" actId="478"/>
          <ac:spMkLst>
            <pc:docMk/>
            <pc:sldMk cId="1241465649" sldId="2147476500"/>
            <ac:spMk id="15" creationId="{D1668133-B060-1404-6C3B-300B7CA95BB8}"/>
          </ac:spMkLst>
        </pc:spChg>
        <pc:spChg chg="add del mod">
          <ac:chgData name="Sara Mastrorosa" userId="d159c406-3740-4568-9f4d-6092b2495d2a" providerId="ADAL" clId="{68E68552-334A-49D4-906D-42EB7454986A}" dt="2023-10-17T09:10:16.246" v="3972" actId="478"/>
          <ac:spMkLst>
            <pc:docMk/>
            <pc:sldMk cId="1241465649" sldId="2147476500"/>
            <ac:spMk id="16" creationId="{E50D0EE3-573B-1516-CADC-7A5D63A69F21}"/>
          </ac:spMkLst>
        </pc:spChg>
        <pc:spChg chg="add del mod">
          <ac:chgData name="Sara Mastrorosa" userId="d159c406-3740-4568-9f4d-6092b2495d2a" providerId="ADAL" clId="{68E68552-334A-49D4-906D-42EB7454986A}" dt="2023-10-17T09:10:16.246" v="3972" actId="478"/>
          <ac:spMkLst>
            <pc:docMk/>
            <pc:sldMk cId="1241465649" sldId="2147476500"/>
            <ac:spMk id="17" creationId="{E044CCBD-64B5-3E65-06BD-6730C644F8C6}"/>
          </ac:spMkLst>
        </pc:spChg>
        <pc:spChg chg="add del mod">
          <ac:chgData name="Sara Mastrorosa" userId="d159c406-3740-4568-9f4d-6092b2495d2a" providerId="ADAL" clId="{68E68552-334A-49D4-906D-42EB7454986A}" dt="2023-10-17T09:08:46.032" v="3881" actId="478"/>
          <ac:spMkLst>
            <pc:docMk/>
            <pc:sldMk cId="1241465649" sldId="2147476500"/>
            <ac:spMk id="18" creationId="{F131BD51-8AF3-7710-7832-B7F30CB4F82B}"/>
          </ac:spMkLst>
        </pc:spChg>
        <pc:spChg chg="del">
          <ac:chgData name="Sara Mastrorosa" userId="d159c406-3740-4568-9f4d-6092b2495d2a" providerId="ADAL" clId="{68E68552-334A-49D4-906D-42EB7454986A}" dt="2023-10-17T08:49:43.105" v="3804" actId="478"/>
          <ac:spMkLst>
            <pc:docMk/>
            <pc:sldMk cId="1241465649" sldId="2147476500"/>
            <ac:spMk id="19" creationId="{80C45B94-9D08-8AA1-49F1-8677F8B4C57F}"/>
          </ac:spMkLst>
        </pc:spChg>
        <pc:spChg chg="add del mod">
          <ac:chgData name="Sara Mastrorosa" userId="d159c406-3740-4568-9f4d-6092b2495d2a" providerId="ADAL" clId="{68E68552-334A-49D4-906D-42EB7454986A}" dt="2023-10-17T09:08:46.032" v="3881" actId="478"/>
          <ac:spMkLst>
            <pc:docMk/>
            <pc:sldMk cId="1241465649" sldId="2147476500"/>
            <ac:spMk id="20" creationId="{67F8FC59-8848-CD84-0335-54F0B83B19DE}"/>
          </ac:spMkLst>
        </pc:spChg>
        <pc:spChg chg="add mod">
          <ac:chgData name="Sara Mastrorosa" userId="d159c406-3740-4568-9f4d-6092b2495d2a" providerId="ADAL" clId="{68E68552-334A-49D4-906D-42EB7454986A}" dt="2023-10-17T09:46:38.697" v="4199" actId="1035"/>
          <ac:spMkLst>
            <pc:docMk/>
            <pc:sldMk cId="1241465649" sldId="2147476500"/>
            <ac:spMk id="21" creationId="{FBA65309-33F5-FA85-C3A2-D750A38CCD65}"/>
          </ac:spMkLst>
        </pc:spChg>
        <pc:spChg chg="add mod">
          <ac:chgData name="Sara Mastrorosa" userId="d159c406-3740-4568-9f4d-6092b2495d2a" providerId="ADAL" clId="{68E68552-334A-49D4-906D-42EB7454986A}" dt="2023-10-17T09:46:38.697" v="4199" actId="1035"/>
          <ac:spMkLst>
            <pc:docMk/>
            <pc:sldMk cId="1241465649" sldId="2147476500"/>
            <ac:spMk id="22" creationId="{C3F08930-AB7B-9B30-5D9C-6BE1A2E83EB5}"/>
          </ac:spMkLst>
        </pc:spChg>
        <pc:spChg chg="add mod">
          <ac:chgData name="Sara Mastrorosa" userId="d159c406-3740-4568-9f4d-6092b2495d2a" providerId="ADAL" clId="{68E68552-334A-49D4-906D-42EB7454986A}" dt="2023-10-17T12:53:16.281" v="4795" actId="14100"/>
          <ac:spMkLst>
            <pc:docMk/>
            <pc:sldMk cId="1241465649" sldId="2147476500"/>
            <ac:spMk id="23" creationId="{DE0A2CA3-063E-9A46-1300-F4116572DB4E}"/>
          </ac:spMkLst>
        </pc:spChg>
        <pc:spChg chg="add mod">
          <ac:chgData name="Sara Mastrorosa" userId="d159c406-3740-4568-9f4d-6092b2495d2a" providerId="ADAL" clId="{68E68552-334A-49D4-906D-42EB7454986A}" dt="2023-10-17T12:53:24.434" v="4798" actId="20577"/>
          <ac:spMkLst>
            <pc:docMk/>
            <pc:sldMk cId="1241465649" sldId="2147476500"/>
            <ac:spMk id="24" creationId="{11290F86-585A-7D57-F7D5-CD72BC5991CA}"/>
          </ac:spMkLst>
        </pc:spChg>
        <pc:spChg chg="add mod">
          <ac:chgData name="Sara Mastrorosa" userId="d159c406-3740-4568-9f4d-6092b2495d2a" providerId="ADAL" clId="{68E68552-334A-49D4-906D-42EB7454986A}" dt="2023-10-17T09:46:38.697" v="4199" actId="1035"/>
          <ac:spMkLst>
            <pc:docMk/>
            <pc:sldMk cId="1241465649" sldId="2147476500"/>
            <ac:spMk id="25" creationId="{278A2E72-8D27-E34B-702C-049D72114000}"/>
          </ac:spMkLst>
        </pc:spChg>
        <pc:spChg chg="add mod">
          <ac:chgData name="Sara Mastrorosa" userId="d159c406-3740-4568-9f4d-6092b2495d2a" providerId="ADAL" clId="{68E68552-334A-49D4-906D-42EB7454986A}" dt="2023-10-17T12:52:19.892" v="4790" actId="20577"/>
          <ac:spMkLst>
            <pc:docMk/>
            <pc:sldMk cId="1241465649" sldId="2147476500"/>
            <ac:spMk id="26" creationId="{0DAB9066-252B-A5EB-749A-45ECBF0DE74E}"/>
          </ac:spMkLst>
        </pc:spChg>
        <pc:spChg chg="add del mod">
          <ac:chgData name="Sara Mastrorosa" userId="d159c406-3740-4568-9f4d-6092b2495d2a" providerId="ADAL" clId="{68E68552-334A-49D4-906D-42EB7454986A}" dt="2023-10-17T09:05:22.585" v="3811" actId="478"/>
          <ac:spMkLst>
            <pc:docMk/>
            <pc:sldMk cId="1241465649" sldId="2147476500"/>
            <ac:spMk id="27" creationId="{7DA6FBA5-DA3A-24C8-B125-7D224E794781}"/>
          </ac:spMkLst>
        </pc:spChg>
        <pc:spChg chg="add mod">
          <ac:chgData name="Sara Mastrorosa" userId="d159c406-3740-4568-9f4d-6092b2495d2a" providerId="ADAL" clId="{68E68552-334A-49D4-906D-42EB7454986A}" dt="2023-10-17T09:49:40.659" v="4265" actId="1076"/>
          <ac:spMkLst>
            <pc:docMk/>
            <pc:sldMk cId="1241465649" sldId="2147476500"/>
            <ac:spMk id="28" creationId="{D7CDA457-2CF1-2091-8ABC-9A66AF9D69C4}"/>
          </ac:spMkLst>
        </pc:spChg>
        <pc:spChg chg="add mod">
          <ac:chgData name="Sara Mastrorosa" userId="d159c406-3740-4568-9f4d-6092b2495d2a" providerId="ADAL" clId="{68E68552-334A-49D4-906D-42EB7454986A}" dt="2023-10-18T08:15:55.236" v="7071" actId="1036"/>
          <ac:spMkLst>
            <pc:docMk/>
            <pc:sldMk cId="1241465649" sldId="2147476500"/>
            <ac:spMk id="29" creationId="{8C486CB6-E035-6A8E-38D6-B18B8723311E}"/>
          </ac:spMkLst>
        </pc:spChg>
        <pc:spChg chg="add del mod">
          <ac:chgData name="Sara Mastrorosa" userId="d159c406-3740-4568-9f4d-6092b2495d2a" providerId="ADAL" clId="{68E68552-334A-49D4-906D-42EB7454986A}" dt="2023-10-17T09:07:56.990" v="3853" actId="478"/>
          <ac:spMkLst>
            <pc:docMk/>
            <pc:sldMk cId="1241465649" sldId="2147476500"/>
            <ac:spMk id="30" creationId="{AE9E70CE-C8FE-54D4-5871-3B5D61754403}"/>
          </ac:spMkLst>
        </pc:spChg>
        <pc:spChg chg="add del mod">
          <ac:chgData name="Sara Mastrorosa" userId="d159c406-3740-4568-9f4d-6092b2495d2a" providerId="ADAL" clId="{68E68552-334A-49D4-906D-42EB7454986A}" dt="2023-10-17T09:07:57.656" v="3854" actId="478"/>
          <ac:spMkLst>
            <pc:docMk/>
            <pc:sldMk cId="1241465649" sldId="2147476500"/>
            <ac:spMk id="31" creationId="{C7F07A95-5C83-085C-9F23-8B64163E4A3F}"/>
          </ac:spMkLst>
        </pc:spChg>
        <pc:spChg chg="add mod">
          <ac:chgData name="Sara Mastrorosa" userId="d159c406-3740-4568-9f4d-6092b2495d2a" providerId="ADAL" clId="{68E68552-334A-49D4-906D-42EB7454986A}" dt="2023-10-17T09:46:49.452" v="4232" actId="1035"/>
          <ac:spMkLst>
            <pc:docMk/>
            <pc:sldMk cId="1241465649" sldId="2147476500"/>
            <ac:spMk id="32" creationId="{1854376B-98CC-C135-A504-C0747AF90BA5}"/>
          </ac:spMkLst>
        </pc:spChg>
        <pc:spChg chg="add mod">
          <ac:chgData name="Sara Mastrorosa" userId="d159c406-3740-4568-9f4d-6092b2495d2a" providerId="ADAL" clId="{68E68552-334A-49D4-906D-42EB7454986A}" dt="2023-10-17T09:46:49.452" v="4232" actId="1035"/>
          <ac:spMkLst>
            <pc:docMk/>
            <pc:sldMk cId="1241465649" sldId="2147476500"/>
            <ac:spMk id="33" creationId="{8DA9C078-9592-6654-530E-F17725E280A3}"/>
          </ac:spMkLst>
        </pc:spChg>
        <pc:spChg chg="add mod">
          <ac:chgData name="Sara Mastrorosa" userId="d159c406-3740-4568-9f4d-6092b2495d2a" providerId="ADAL" clId="{68E68552-334A-49D4-906D-42EB7454986A}" dt="2023-10-17T09:46:49.452" v="4232" actId="1035"/>
          <ac:spMkLst>
            <pc:docMk/>
            <pc:sldMk cId="1241465649" sldId="2147476500"/>
            <ac:spMk id="34" creationId="{B470786D-8D10-20B4-215E-D49F44DA71E7}"/>
          </ac:spMkLst>
        </pc:spChg>
        <pc:spChg chg="add mod">
          <ac:chgData name="Sara Mastrorosa" userId="d159c406-3740-4568-9f4d-6092b2495d2a" providerId="ADAL" clId="{68E68552-334A-49D4-906D-42EB7454986A}" dt="2023-10-17T09:46:38.697" v="4199" actId="1035"/>
          <ac:spMkLst>
            <pc:docMk/>
            <pc:sldMk cId="1241465649" sldId="2147476500"/>
            <ac:spMk id="36" creationId="{04C51BD3-3981-9E75-83E8-E7ED67FE094E}"/>
          </ac:spMkLst>
        </pc:spChg>
        <pc:spChg chg="add mod">
          <ac:chgData name="Sara Mastrorosa" userId="d159c406-3740-4568-9f4d-6092b2495d2a" providerId="ADAL" clId="{68E68552-334A-49D4-906D-42EB7454986A}" dt="2023-10-18T08:15:58.810" v="7090" actId="1036"/>
          <ac:spMkLst>
            <pc:docMk/>
            <pc:sldMk cId="1241465649" sldId="2147476500"/>
            <ac:spMk id="37" creationId="{8411FEF1-F597-4F68-0F0E-6EFB7439A0AC}"/>
          </ac:spMkLst>
        </pc:spChg>
        <pc:spChg chg="add del mod">
          <ac:chgData name="Sara Mastrorosa" userId="d159c406-3740-4568-9f4d-6092b2495d2a" providerId="ADAL" clId="{68E68552-334A-49D4-906D-42EB7454986A}" dt="2023-10-17T09:39:20.474" v="4001" actId="478"/>
          <ac:spMkLst>
            <pc:docMk/>
            <pc:sldMk cId="1241465649" sldId="2147476500"/>
            <ac:spMk id="38" creationId="{3B36B085-D781-33D6-DBDB-18AE9B5D631A}"/>
          </ac:spMkLst>
        </pc:spChg>
        <pc:spChg chg="add del mod">
          <ac:chgData name="Sara Mastrorosa" userId="d159c406-3740-4568-9f4d-6092b2495d2a" providerId="ADAL" clId="{68E68552-334A-49D4-906D-42EB7454986A}" dt="2023-10-17T09:39:20.474" v="4001" actId="478"/>
          <ac:spMkLst>
            <pc:docMk/>
            <pc:sldMk cId="1241465649" sldId="2147476500"/>
            <ac:spMk id="39" creationId="{E3921ABD-5934-1B8F-BE2D-E8C4CE9A7D57}"/>
          </ac:spMkLst>
        </pc:spChg>
        <pc:spChg chg="add del mod">
          <ac:chgData name="Sara Mastrorosa" userId="d159c406-3740-4568-9f4d-6092b2495d2a" providerId="ADAL" clId="{68E68552-334A-49D4-906D-42EB7454986A}" dt="2023-10-17T09:39:20.474" v="4001" actId="478"/>
          <ac:spMkLst>
            <pc:docMk/>
            <pc:sldMk cId="1241465649" sldId="2147476500"/>
            <ac:spMk id="40" creationId="{99B64DFB-7E5A-E98C-9AAD-A828D2AC161F}"/>
          </ac:spMkLst>
        </pc:spChg>
        <pc:spChg chg="add del mod">
          <ac:chgData name="Sara Mastrorosa" userId="d159c406-3740-4568-9f4d-6092b2495d2a" providerId="ADAL" clId="{68E68552-334A-49D4-906D-42EB7454986A}" dt="2023-10-17T09:39:20.474" v="4001" actId="478"/>
          <ac:spMkLst>
            <pc:docMk/>
            <pc:sldMk cId="1241465649" sldId="2147476500"/>
            <ac:spMk id="41" creationId="{A42E7219-AACD-C0E1-B293-9DD797543B1C}"/>
          </ac:spMkLst>
        </pc:spChg>
        <pc:spChg chg="add del mod">
          <ac:chgData name="Sara Mastrorosa" userId="d159c406-3740-4568-9f4d-6092b2495d2a" providerId="ADAL" clId="{68E68552-334A-49D4-906D-42EB7454986A}" dt="2023-10-17T09:39:20.474" v="4001" actId="478"/>
          <ac:spMkLst>
            <pc:docMk/>
            <pc:sldMk cId="1241465649" sldId="2147476500"/>
            <ac:spMk id="42" creationId="{C2E8A954-8BF8-D8FD-53FD-A5CE69933128}"/>
          </ac:spMkLst>
        </pc:spChg>
        <pc:spChg chg="add del mod">
          <ac:chgData name="Sara Mastrorosa" userId="d159c406-3740-4568-9f4d-6092b2495d2a" providerId="ADAL" clId="{68E68552-334A-49D4-906D-42EB7454986A}" dt="2023-10-17T09:39:20.474" v="4001" actId="478"/>
          <ac:spMkLst>
            <pc:docMk/>
            <pc:sldMk cId="1241465649" sldId="2147476500"/>
            <ac:spMk id="43" creationId="{C7808665-55F7-82F2-0934-57126B952058}"/>
          </ac:spMkLst>
        </pc:spChg>
        <pc:spChg chg="add mod">
          <ac:chgData name="Sara Mastrorosa" userId="d159c406-3740-4568-9f4d-6092b2495d2a" providerId="ADAL" clId="{68E68552-334A-49D4-906D-42EB7454986A}" dt="2023-10-17T09:48:39.980" v="4254" actId="403"/>
          <ac:spMkLst>
            <pc:docMk/>
            <pc:sldMk cId="1241465649" sldId="2147476500"/>
            <ac:spMk id="44" creationId="{62EB665E-2AAA-C834-C740-01A34B9332F5}"/>
          </ac:spMkLst>
        </pc:spChg>
        <pc:spChg chg="add del mod">
          <ac:chgData name="Sara Mastrorosa" userId="d159c406-3740-4568-9f4d-6092b2495d2a" providerId="ADAL" clId="{68E68552-334A-49D4-906D-42EB7454986A}" dt="2023-10-17T09:39:22.718" v="4002" actId="478"/>
          <ac:spMkLst>
            <pc:docMk/>
            <pc:sldMk cId="1241465649" sldId="2147476500"/>
            <ac:spMk id="45" creationId="{1C0BEA77-EC18-554B-C76C-6360DE41E6CD}"/>
          </ac:spMkLst>
        </pc:spChg>
        <pc:spChg chg="add del mod">
          <ac:chgData name="Sara Mastrorosa" userId="d159c406-3740-4568-9f4d-6092b2495d2a" providerId="ADAL" clId="{68E68552-334A-49D4-906D-42EB7454986A}" dt="2023-10-17T09:39:22.718" v="4002" actId="478"/>
          <ac:spMkLst>
            <pc:docMk/>
            <pc:sldMk cId="1241465649" sldId="2147476500"/>
            <ac:spMk id="46" creationId="{13CBA1B7-09CE-638D-03A6-4F668770C71B}"/>
          </ac:spMkLst>
        </pc:spChg>
        <pc:spChg chg="add del mod">
          <ac:chgData name="Sara Mastrorosa" userId="d159c406-3740-4568-9f4d-6092b2495d2a" providerId="ADAL" clId="{68E68552-334A-49D4-906D-42EB7454986A}" dt="2023-10-17T09:39:22.718" v="4002" actId="478"/>
          <ac:spMkLst>
            <pc:docMk/>
            <pc:sldMk cId="1241465649" sldId="2147476500"/>
            <ac:spMk id="47" creationId="{3A8C11BE-65B9-A0C7-F398-1751E5C1BB86}"/>
          </ac:spMkLst>
        </pc:spChg>
        <pc:spChg chg="add del mod">
          <ac:chgData name="Sara Mastrorosa" userId="d159c406-3740-4568-9f4d-6092b2495d2a" providerId="ADAL" clId="{68E68552-334A-49D4-906D-42EB7454986A}" dt="2023-10-17T09:39:22.718" v="4002" actId="478"/>
          <ac:spMkLst>
            <pc:docMk/>
            <pc:sldMk cId="1241465649" sldId="2147476500"/>
            <ac:spMk id="48" creationId="{95BD9BEC-0098-51B6-6979-46A3EF6B7FB2}"/>
          </ac:spMkLst>
        </pc:spChg>
        <pc:spChg chg="add del mod">
          <ac:chgData name="Sara Mastrorosa" userId="d159c406-3740-4568-9f4d-6092b2495d2a" providerId="ADAL" clId="{68E68552-334A-49D4-906D-42EB7454986A}" dt="2023-10-17T09:39:22.718" v="4002" actId="478"/>
          <ac:spMkLst>
            <pc:docMk/>
            <pc:sldMk cId="1241465649" sldId="2147476500"/>
            <ac:spMk id="49" creationId="{EE415E42-D65E-886E-949B-DE4D00CB5AEA}"/>
          </ac:spMkLst>
        </pc:spChg>
        <pc:spChg chg="add del mod">
          <ac:chgData name="Sara Mastrorosa" userId="d159c406-3740-4568-9f4d-6092b2495d2a" providerId="ADAL" clId="{68E68552-334A-49D4-906D-42EB7454986A}" dt="2023-10-17T09:39:22.718" v="4002" actId="478"/>
          <ac:spMkLst>
            <pc:docMk/>
            <pc:sldMk cId="1241465649" sldId="2147476500"/>
            <ac:spMk id="50" creationId="{21DDD46A-DD9E-AE5D-85F9-1CE700C95C7F}"/>
          </ac:spMkLst>
        </pc:spChg>
        <pc:spChg chg="add mod">
          <ac:chgData name="Sara Mastrorosa" userId="d159c406-3740-4568-9f4d-6092b2495d2a" providerId="ADAL" clId="{68E68552-334A-49D4-906D-42EB7454986A}" dt="2023-10-17T09:49:34.336" v="4263" actId="1037"/>
          <ac:spMkLst>
            <pc:docMk/>
            <pc:sldMk cId="1241465649" sldId="2147476500"/>
            <ac:spMk id="51" creationId="{48EA09DC-2FDC-FE76-4170-012130249CFB}"/>
          </ac:spMkLst>
        </pc:spChg>
        <pc:spChg chg="add mod">
          <ac:chgData name="Sara Mastrorosa" userId="d159c406-3740-4568-9f4d-6092b2495d2a" providerId="ADAL" clId="{68E68552-334A-49D4-906D-42EB7454986A}" dt="2023-10-17T09:46:38.697" v="4199" actId="1035"/>
          <ac:spMkLst>
            <pc:docMk/>
            <pc:sldMk cId="1241465649" sldId="2147476500"/>
            <ac:spMk id="53" creationId="{06EBFB97-4283-9820-407A-7C934D7D8539}"/>
          </ac:spMkLst>
        </pc:spChg>
        <pc:spChg chg="add mod">
          <ac:chgData name="Sara Mastrorosa" userId="d159c406-3740-4568-9f4d-6092b2495d2a" providerId="ADAL" clId="{68E68552-334A-49D4-906D-42EB7454986A}" dt="2023-10-17T09:54:03.936" v="4285" actId="14100"/>
          <ac:spMkLst>
            <pc:docMk/>
            <pc:sldMk cId="1241465649" sldId="2147476500"/>
            <ac:spMk id="55" creationId="{09C66B88-1A49-9269-5456-8A6F6BDB3631}"/>
          </ac:spMkLst>
        </pc:spChg>
        <pc:spChg chg="add mod">
          <ac:chgData name="Sara Mastrorosa" userId="d159c406-3740-4568-9f4d-6092b2495d2a" providerId="ADAL" clId="{68E68552-334A-49D4-906D-42EB7454986A}" dt="2023-10-17T09:54:11.909" v="4286" actId="14100"/>
          <ac:spMkLst>
            <pc:docMk/>
            <pc:sldMk cId="1241465649" sldId="2147476500"/>
            <ac:spMk id="56" creationId="{D27E350A-91AE-C291-0C6F-98915FAA5018}"/>
          </ac:spMkLst>
        </pc:spChg>
        <pc:spChg chg="add mod">
          <ac:chgData name="Sara Mastrorosa" userId="d159c406-3740-4568-9f4d-6092b2495d2a" providerId="ADAL" clId="{68E68552-334A-49D4-906D-42EB7454986A}" dt="2023-10-17T09:54:16.267" v="4289" actId="1037"/>
          <ac:spMkLst>
            <pc:docMk/>
            <pc:sldMk cId="1241465649" sldId="2147476500"/>
            <ac:spMk id="57" creationId="{73225E29-E0B7-D211-55AA-C3712BCC353B}"/>
          </ac:spMkLst>
        </pc:spChg>
        <pc:spChg chg="add mod">
          <ac:chgData name="Sara Mastrorosa" userId="d159c406-3740-4568-9f4d-6092b2495d2a" providerId="ADAL" clId="{68E68552-334A-49D4-906D-42EB7454986A}" dt="2023-10-17T09:46:38.697" v="4199" actId="1035"/>
          <ac:spMkLst>
            <pc:docMk/>
            <pc:sldMk cId="1241465649" sldId="2147476500"/>
            <ac:spMk id="58" creationId="{D9C8B844-D40B-21FD-CE9C-268E212316BA}"/>
          </ac:spMkLst>
        </pc:spChg>
        <pc:spChg chg="add mod">
          <ac:chgData name="Sara Mastrorosa" userId="d159c406-3740-4568-9f4d-6092b2495d2a" providerId="ADAL" clId="{68E68552-334A-49D4-906D-42EB7454986A}" dt="2023-10-17T09:54:20.463" v="4292" actId="1038"/>
          <ac:spMkLst>
            <pc:docMk/>
            <pc:sldMk cId="1241465649" sldId="2147476500"/>
            <ac:spMk id="59" creationId="{94848193-16D0-C9E2-A1A7-8E017D6769CE}"/>
          </ac:spMkLst>
        </pc:spChg>
        <pc:spChg chg="add mod">
          <ac:chgData name="Sara Mastrorosa" userId="d159c406-3740-4568-9f4d-6092b2495d2a" providerId="ADAL" clId="{68E68552-334A-49D4-906D-42EB7454986A}" dt="2023-10-17T09:46:38.697" v="4199" actId="1035"/>
          <ac:spMkLst>
            <pc:docMk/>
            <pc:sldMk cId="1241465649" sldId="2147476500"/>
            <ac:spMk id="60" creationId="{D16624B4-BC66-5D47-E738-7624D2CE1A9C}"/>
          </ac:spMkLst>
        </pc:spChg>
        <pc:spChg chg="add mod">
          <ac:chgData name="Sara Mastrorosa" userId="d159c406-3740-4568-9f4d-6092b2495d2a" providerId="ADAL" clId="{68E68552-334A-49D4-906D-42EB7454986A}" dt="2023-10-17T09:51:26.394" v="4266" actId="14100"/>
          <ac:spMkLst>
            <pc:docMk/>
            <pc:sldMk cId="1241465649" sldId="2147476500"/>
            <ac:spMk id="61" creationId="{87750536-BD6F-5E88-9EEA-CEB444CB3D28}"/>
          </ac:spMkLst>
        </pc:spChg>
        <pc:spChg chg="add mod">
          <ac:chgData name="Sara Mastrorosa" userId="d159c406-3740-4568-9f4d-6092b2495d2a" providerId="ADAL" clId="{68E68552-334A-49D4-906D-42EB7454986A}" dt="2023-10-17T09:52:44.052" v="4276" actId="14100"/>
          <ac:spMkLst>
            <pc:docMk/>
            <pc:sldMk cId="1241465649" sldId="2147476500"/>
            <ac:spMk id="62" creationId="{727E9C2F-F1A5-825F-6ABE-E3FE737B3AA6}"/>
          </ac:spMkLst>
        </pc:spChg>
        <pc:spChg chg="add mod">
          <ac:chgData name="Sara Mastrorosa" userId="d159c406-3740-4568-9f4d-6092b2495d2a" providerId="ADAL" clId="{68E68552-334A-49D4-906D-42EB7454986A}" dt="2023-10-17T09:53:08.931" v="4284" actId="1037"/>
          <ac:spMkLst>
            <pc:docMk/>
            <pc:sldMk cId="1241465649" sldId="2147476500"/>
            <ac:spMk id="63" creationId="{D1AC8329-673A-9547-3036-806497E2B83C}"/>
          </ac:spMkLst>
        </pc:spChg>
        <pc:spChg chg="add mod">
          <ac:chgData name="Sara Mastrorosa" userId="d159c406-3740-4568-9f4d-6092b2495d2a" providerId="ADAL" clId="{68E68552-334A-49D4-906D-42EB7454986A}" dt="2023-10-17T09:53:05.043" v="4283" actId="1037"/>
          <ac:spMkLst>
            <pc:docMk/>
            <pc:sldMk cId="1241465649" sldId="2147476500"/>
            <ac:spMk id="64" creationId="{2A54EA63-253C-E666-538D-E7DE804992A1}"/>
          </ac:spMkLst>
        </pc:spChg>
        <pc:spChg chg="add mod">
          <ac:chgData name="Sara Mastrorosa" userId="d159c406-3740-4568-9f4d-6092b2495d2a" providerId="ADAL" clId="{68E68552-334A-49D4-906D-42EB7454986A}" dt="2023-10-17T09:51:33.418" v="4269" actId="1038"/>
          <ac:spMkLst>
            <pc:docMk/>
            <pc:sldMk cId="1241465649" sldId="2147476500"/>
            <ac:spMk id="65" creationId="{424B9579-864D-9CEF-2BF8-06A40B4E1173}"/>
          </ac:spMkLst>
        </pc:spChg>
        <pc:spChg chg="add mod">
          <ac:chgData name="Sara Mastrorosa" userId="d159c406-3740-4568-9f4d-6092b2495d2a" providerId="ADAL" clId="{68E68552-334A-49D4-906D-42EB7454986A}" dt="2023-10-17T09:46:02.309" v="4135" actId="1076"/>
          <ac:spMkLst>
            <pc:docMk/>
            <pc:sldMk cId="1241465649" sldId="2147476500"/>
            <ac:spMk id="66" creationId="{83FD9253-E975-E578-64C9-73B7F086B219}"/>
          </ac:spMkLst>
        </pc:spChg>
        <pc:spChg chg="add mod">
          <ac:chgData name="Sara Mastrorosa" userId="d159c406-3740-4568-9f4d-6092b2495d2a" providerId="ADAL" clId="{68E68552-334A-49D4-906D-42EB7454986A}" dt="2023-10-17T09:47:00.190" v="4239" actId="1037"/>
          <ac:spMkLst>
            <pc:docMk/>
            <pc:sldMk cId="1241465649" sldId="2147476500"/>
            <ac:spMk id="67" creationId="{22B91A03-5D52-378E-9506-A0BCADC77C46}"/>
          </ac:spMkLst>
        </pc:spChg>
        <pc:spChg chg="mod">
          <ac:chgData name="Sara Mastrorosa" userId="d159c406-3740-4568-9f4d-6092b2495d2a" providerId="ADAL" clId="{68E68552-334A-49D4-906D-42EB7454986A}" dt="2023-10-17T09:46:23.732" v="4169" actId="1037"/>
          <ac:spMkLst>
            <pc:docMk/>
            <pc:sldMk cId="1241465649" sldId="2147476500"/>
            <ac:spMk id="106" creationId="{24432AC9-4497-93CA-DC37-07D22C88F154}"/>
          </ac:spMkLst>
        </pc:spChg>
        <pc:spChg chg="mod">
          <ac:chgData name="Sara Mastrorosa" userId="d159c406-3740-4568-9f4d-6092b2495d2a" providerId="ADAL" clId="{68E68552-334A-49D4-906D-42EB7454986A}" dt="2023-10-17T09:46:23.732" v="4169" actId="1037"/>
          <ac:spMkLst>
            <pc:docMk/>
            <pc:sldMk cId="1241465649" sldId="2147476500"/>
            <ac:spMk id="107" creationId="{6E86EA0B-36FC-F544-774A-A3FD675DE9E0}"/>
          </ac:spMkLst>
        </pc:spChg>
        <pc:spChg chg="mod">
          <ac:chgData name="Sara Mastrorosa" userId="d159c406-3740-4568-9f4d-6092b2495d2a" providerId="ADAL" clId="{68E68552-334A-49D4-906D-42EB7454986A}" dt="2023-10-17T09:47:08.391" v="4240" actId="1076"/>
          <ac:spMkLst>
            <pc:docMk/>
            <pc:sldMk cId="1241465649" sldId="2147476500"/>
            <ac:spMk id="116" creationId="{1FE593EB-A22D-FE87-F6E0-B7760F7CB25C}"/>
          </ac:spMkLst>
        </pc:spChg>
        <pc:spChg chg="mod">
          <ac:chgData name="Sara Mastrorosa" userId="d159c406-3740-4568-9f4d-6092b2495d2a" providerId="ADAL" clId="{68E68552-334A-49D4-906D-42EB7454986A}" dt="2023-10-17T09:46:23.732" v="4169" actId="1037"/>
          <ac:spMkLst>
            <pc:docMk/>
            <pc:sldMk cId="1241465649" sldId="2147476500"/>
            <ac:spMk id="159" creationId="{D5B5EA3D-BBFE-7E6C-98D3-1E383B1B73F1}"/>
          </ac:spMkLst>
        </pc:spChg>
        <pc:spChg chg="del">
          <ac:chgData name="Sara Mastrorosa" userId="d159c406-3740-4568-9f4d-6092b2495d2a" providerId="ADAL" clId="{68E68552-334A-49D4-906D-42EB7454986A}" dt="2023-10-17T08:49:43.105" v="3804" actId="478"/>
          <ac:spMkLst>
            <pc:docMk/>
            <pc:sldMk cId="1241465649" sldId="2147476500"/>
            <ac:spMk id="185" creationId="{BA775956-1CF2-6593-747D-B60353DCF1B0}"/>
          </ac:spMkLst>
        </pc:spChg>
        <pc:spChg chg="del">
          <ac:chgData name="Sara Mastrorosa" userId="d159c406-3740-4568-9f4d-6092b2495d2a" providerId="ADAL" clId="{68E68552-334A-49D4-906D-42EB7454986A}" dt="2023-10-17T08:49:43.105" v="3804" actId="478"/>
          <ac:spMkLst>
            <pc:docMk/>
            <pc:sldMk cId="1241465649" sldId="2147476500"/>
            <ac:spMk id="202" creationId="{5554C46E-A78F-2E9D-B727-DE000F4E5692}"/>
          </ac:spMkLst>
        </pc:spChg>
        <pc:spChg chg="mod">
          <ac:chgData name="Sara Mastrorosa" userId="d159c406-3740-4568-9f4d-6092b2495d2a" providerId="ADAL" clId="{68E68552-334A-49D4-906D-42EB7454986A}" dt="2023-10-18T08:27:17.856" v="7171" actId="1037"/>
          <ac:spMkLst>
            <pc:docMk/>
            <pc:sldMk cId="1241465649" sldId="2147476500"/>
            <ac:spMk id="263" creationId="{3C5A95A6-7F20-1A69-1451-5325A6680337}"/>
          </ac:spMkLst>
        </pc:spChg>
        <pc:spChg chg="mod">
          <ac:chgData name="Sara Mastrorosa" userId="d159c406-3740-4568-9f4d-6092b2495d2a" providerId="ADAL" clId="{68E68552-334A-49D4-906D-42EB7454986A}" dt="2023-10-18T08:34:33.846" v="7339" actId="20577"/>
          <ac:spMkLst>
            <pc:docMk/>
            <pc:sldMk cId="1241465649" sldId="2147476500"/>
            <ac:spMk id="273" creationId="{0A41BBD1-BBD9-7312-A609-DA3A6C25E8D0}"/>
          </ac:spMkLst>
        </pc:spChg>
        <pc:spChg chg="mod">
          <ac:chgData name="Sara Mastrorosa" userId="d159c406-3740-4568-9f4d-6092b2495d2a" providerId="ADAL" clId="{68E68552-334A-49D4-906D-42EB7454986A}" dt="2023-10-17T09:48:20.090" v="4249" actId="1076"/>
          <ac:spMkLst>
            <pc:docMk/>
            <pc:sldMk cId="1241465649" sldId="2147476500"/>
            <ac:spMk id="282" creationId="{022EAB5F-2469-80A1-9DB3-F166537F6E53}"/>
          </ac:spMkLst>
        </pc:spChg>
        <pc:grpChg chg="del">
          <ac:chgData name="Sara Mastrorosa" userId="d159c406-3740-4568-9f4d-6092b2495d2a" providerId="ADAL" clId="{68E68552-334A-49D4-906D-42EB7454986A}" dt="2023-10-17T08:49:43.105" v="3804" actId="478"/>
          <ac:grpSpMkLst>
            <pc:docMk/>
            <pc:sldMk cId="1241465649" sldId="2147476500"/>
            <ac:grpSpMk id="87" creationId="{E87D1F59-C0DE-C900-4870-BFE31FFCA799}"/>
          </ac:grpSpMkLst>
        </pc:grpChg>
        <pc:grpChg chg="mod">
          <ac:chgData name="Sara Mastrorosa" userId="d159c406-3740-4568-9f4d-6092b2495d2a" providerId="ADAL" clId="{68E68552-334A-49D4-906D-42EB7454986A}" dt="2023-10-17T09:47:08.391" v="4240" actId="1076"/>
          <ac:grpSpMkLst>
            <pc:docMk/>
            <pc:sldMk cId="1241465649" sldId="2147476500"/>
            <ac:grpSpMk id="110" creationId="{8042639E-EBB4-EF8E-4120-25EB0F802A9F}"/>
          </ac:grpSpMkLst>
        </pc:grpChg>
        <pc:grpChg chg="mod">
          <ac:chgData name="Sara Mastrorosa" userId="d159c406-3740-4568-9f4d-6092b2495d2a" providerId="ADAL" clId="{68E68552-334A-49D4-906D-42EB7454986A}" dt="2023-10-17T09:47:08.391" v="4240" actId="1076"/>
          <ac:grpSpMkLst>
            <pc:docMk/>
            <pc:sldMk cId="1241465649" sldId="2147476500"/>
            <ac:grpSpMk id="113" creationId="{51506D0B-A283-3685-B732-75BD228ED5C6}"/>
          </ac:grpSpMkLst>
        </pc:grpChg>
        <pc:grpChg chg="del">
          <ac:chgData name="Sara Mastrorosa" userId="d159c406-3740-4568-9f4d-6092b2495d2a" providerId="ADAL" clId="{68E68552-334A-49D4-906D-42EB7454986A}" dt="2023-10-17T08:49:43.105" v="3804" actId="478"/>
          <ac:grpSpMkLst>
            <pc:docMk/>
            <pc:sldMk cId="1241465649" sldId="2147476500"/>
            <ac:grpSpMk id="186" creationId="{1A6F3B26-2657-2675-B6EF-237B664719BA}"/>
          </ac:grpSpMkLst>
        </pc:grpChg>
        <pc:grpChg chg="del">
          <ac:chgData name="Sara Mastrorosa" userId="d159c406-3740-4568-9f4d-6092b2495d2a" providerId="ADAL" clId="{68E68552-334A-49D4-906D-42EB7454986A}" dt="2023-10-17T08:49:43.105" v="3804" actId="478"/>
          <ac:grpSpMkLst>
            <pc:docMk/>
            <pc:sldMk cId="1241465649" sldId="2147476500"/>
            <ac:grpSpMk id="203" creationId="{2CE23F40-1120-1B9C-8E0F-E705B3A9C9AF}"/>
          </ac:grpSpMkLst>
        </pc:grpChg>
        <pc:grpChg chg="mod">
          <ac:chgData name="Sara Mastrorosa" userId="d159c406-3740-4568-9f4d-6092b2495d2a" providerId="ADAL" clId="{68E68552-334A-49D4-906D-42EB7454986A}" dt="2023-10-17T09:46:14.076" v="4155" actId="1036"/>
          <ac:grpSpMkLst>
            <pc:docMk/>
            <pc:sldMk cId="1241465649" sldId="2147476500"/>
            <ac:grpSpMk id="264" creationId="{8DC8EB88-22F7-A158-411E-9002A217F3B7}"/>
          </ac:grpSpMkLst>
        </pc:grpChg>
        <pc:grpChg chg="mod">
          <ac:chgData name="Sara Mastrorosa" userId="d159c406-3740-4568-9f4d-6092b2495d2a" providerId="ADAL" clId="{68E68552-334A-49D4-906D-42EB7454986A}" dt="2023-10-17T09:46:14.076" v="4155" actId="1036"/>
          <ac:grpSpMkLst>
            <pc:docMk/>
            <pc:sldMk cId="1241465649" sldId="2147476500"/>
            <ac:grpSpMk id="274" creationId="{549B8946-3E9E-2EAD-1D5A-74A140A3FD79}"/>
          </ac:grpSpMkLst>
        </pc:grpChg>
        <pc:grpChg chg="mod">
          <ac:chgData name="Sara Mastrorosa" userId="d159c406-3740-4568-9f4d-6092b2495d2a" providerId="ADAL" clId="{68E68552-334A-49D4-906D-42EB7454986A}" dt="2023-10-17T09:46:14.076" v="4155" actId="1036"/>
          <ac:grpSpMkLst>
            <pc:docMk/>
            <pc:sldMk cId="1241465649" sldId="2147476500"/>
            <ac:grpSpMk id="283" creationId="{DD320CCA-32CE-F460-367C-1D2FB0AAF5D9}"/>
          </ac:grpSpMkLst>
        </pc:grpChg>
        <pc:graphicFrameChg chg="mod">
          <ac:chgData name="Sara Mastrorosa" userId="d159c406-3740-4568-9f4d-6092b2495d2a" providerId="ADAL" clId="{68E68552-334A-49D4-906D-42EB7454986A}" dt="2023-10-18T08:34:37.013" v="7349" actId="20577"/>
          <ac:graphicFrameMkLst>
            <pc:docMk/>
            <pc:sldMk cId="1241465649" sldId="2147476500"/>
            <ac:graphicFrameMk id="54" creationId="{5AD0B9AA-3A95-12DE-3DBD-B85EC15FD3D0}"/>
          </ac:graphicFrameMkLst>
        </pc:graphicFrameChg>
        <pc:cxnChg chg="mod">
          <ac:chgData name="Sara Mastrorosa" userId="d159c406-3740-4568-9f4d-6092b2495d2a" providerId="ADAL" clId="{68E68552-334A-49D4-906D-42EB7454986A}" dt="2023-10-17T09:45:11.771" v="4088" actId="1036"/>
          <ac:cxnSpMkLst>
            <pc:docMk/>
            <pc:sldMk cId="1241465649" sldId="2147476500"/>
            <ac:cxnSpMk id="35" creationId="{6DA4F8F9-EAFC-DA02-1EAC-A1777C1A0701}"/>
          </ac:cxnSpMkLst>
        </pc:cxnChg>
        <pc:cxnChg chg="del">
          <ac:chgData name="Sara Mastrorosa" userId="d159c406-3740-4568-9f4d-6092b2495d2a" providerId="ADAL" clId="{68E68552-334A-49D4-906D-42EB7454986A}" dt="2023-10-17T08:49:43.105" v="3804" actId="478"/>
          <ac:cxnSpMkLst>
            <pc:docMk/>
            <pc:sldMk cId="1241465649" sldId="2147476500"/>
            <ac:cxnSpMk id="100" creationId="{43CCF1F2-17DA-5F5B-582E-5C7628117D38}"/>
          </ac:cxnSpMkLst>
        </pc:cxnChg>
        <pc:cxnChg chg="mod">
          <ac:chgData name="Sara Mastrorosa" userId="d159c406-3740-4568-9f4d-6092b2495d2a" providerId="ADAL" clId="{68E68552-334A-49D4-906D-42EB7454986A}" dt="2023-10-17T09:47:08.391" v="4240" actId="1076"/>
          <ac:cxnSpMkLst>
            <pc:docMk/>
            <pc:sldMk cId="1241465649" sldId="2147476500"/>
            <ac:cxnSpMk id="109" creationId="{AB785E46-AFC9-27A6-0B92-903F9EE42E5C}"/>
          </ac:cxnSpMkLst>
        </pc:cxnChg>
        <pc:cxnChg chg="del">
          <ac:chgData name="Sara Mastrorosa" userId="d159c406-3740-4568-9f4d-6092b2495d2a" providerId="ADAL" clId="{68E68552-334A-49D4-906D-42EB7454986A}" dt="2023-10-17T08:49:43.105" v="3804" actId="478"/>
          <ac:cxnSpMkLst>
            <pc:docMk/>
            <pc:sldMk cId="1241465649" sldId="2147476500"/>
            <ac:cxnSpMk id="156" creationId="{2A5CBA11-598A-024C-3D1F-37B9DFDF3F21}"/>
          </ac:cxnSpMkLst>
        </pc:cxnChg>
        <pc:cxnChg chg="del">
          <ac:chgData name="Sara Mastrorosa" userId="d159c406-3740-4568-9f4d-6092b2495d2a" providerId="ADAL" clId="{68E68552-334A-49D4-906D-42EB7454986A}" dt="2023-10-17T08:49:43.105" v="3804" actId="478"/>
          <ac:cxnSpMkLst>
            <pc:docMk/>
            <pc:sldMk cId="1241465649" sldId="2147476500"/>
            <ac:cxnSpMk id="182" creationId="{0138E363-4664-A6F0-F313-AF7A9E925F81}"/>
          </ac:cxnSpMkLst>
        </pc:cxnChg>
        <pc:cxnChg chg="del">
          <ac:chgData name="Sara Mastrorosa" userId="d159c406-3740-4568-9f4d-6092b2495d2a" providerId="ADAL" clId="{68E68552-334A-49D4-906D-42EB7454986A}" dt="2023-10-17T08:49:43.105" v="3804" actId="478"/>
          <ac:cxnSpMkLst>
            <pc:docMk/>
            <pc:sldMk cId="1241465649" sldId="2147476500"/>
            <ac:cxnSpMk id="192" creationId="{FE96584E-1FE7-D279-FCF5-691931652716}"/>
          </ac:cxnSpMkLst>
        </pc:cxnChg>
        <pc:cxnChg chg="del">
          <ac:chgData name="Sara Mastrorosa" userId="d159c406-3740-4568-9f4d-6092b2495d2a" providerId="ADAL" clId="{68E68552-334A-49D4-906D-42EB7454986A}" dt="2023-10-17T08:49:43.105" v="3804" actId="478"/>
          <ac:cxnSpMkLst>
            <pc:docMk/>
            <pc:sldMk cId="1241465649" sldId="2147476500"/>
            <ac:cxnSpMk id="193" creationId="{AAB969B5-F3A8-3BB5-DB59-6719C320C086}"/>
          </ac:cxnSpMkLst>
        </pc:cxnChg>
        <pc:cxnChg chg="del">
          <ac:chgData name="Sara Mastrorosa" userId="d159c406-3740-4568-9f4d-6092b2495d2a" providerId="ADAL" clId="{68E68552-334A-49D4-906D-42EB7454986A}" dt="2023-10-17T08:49:43.105" v="3804" actId="478"/>
          <ac:cxnSpMkLst>
            <pc:docMk/>
            <pc:sldMk cId="1241465649" sldId="2147476500"/>
            <ac:cxnSpMk id="194" creationId="{2A7C9B72-7432-7E26-5CD3-3BAA69A75916}"/>
          </ac:cxnSpMkLst>
        </pc:cxnChg>
        <pc:cxnChg chg="del">
          <ac:chgData name="Sara Mastrorosa" userId="d159c406-3740-4568-9f4d-6092b2495d2a" providerId="ADAL" clId="{68E68552-334A-49D4-906D-42EB7454986A}" dt="2023-10-17T08:49:43.105" v="3804" actId="478"/>
          <ac:cxnSpMkLst>
            <pc:docMk/>
            <pc:sldMk cId="1241465649" sldId="2147476500"/>
            <ac:cxnSpMk id="209" creationId="{2124761F-BD62-2C65-621A-A6034D177437}"/>
          </ac:cxnSpMkLst>
        </pc:cxnChg>
        <pc:cxnChg chg="del">
          <ac:chgData name="Sara Mastrorosa" userId="d159c406-3740-4568-9f4d-6092b2495d2a" providerId="ADAL" clId="{68E68552-334A-49D4-906D-42EB7454986A}" dt="2023-10-17T08:49:43.105" v="3804" actId="478"/>
          <ac:cxnSpMkLst>
            <pc:docMk/>
            <pc:sldMk cId="1241465649" sldId="2147476500"/>
            <ac:cxnSpMk id="210" creationId="{D8AF7CDE-8C71-88C2-BD9A-F2D1AFB159E2}"/>
          </ac:cxnSpMkLst>
        </pc:cxnChg>
        <pc:cxnChg chg="del">
          <ac:chgData name="Sara Mastrorosa" userId="d159c406-3740-4568-9f4d-6092b2495d2a" providerId="ADAL" clId="{68E68552-334A-49D4-906D-42EB7454986A}" dt="2023-10-17T08:49:43.105" v="3804" actId="478"/>
          <ac:cxnSpMkLst>
            <pc:docMk/>
            <pc:sldMk cId="1241465649" sldId="2147476500"/>
            <ac:cxnSpMk id="211" creationId="{5C0D2B28-47D7-7C88-CC83-687ED376F426}"/>
          </ac:cxnSpMkLst>
        </pc:cxnChg>
        <pc:cxnChg chg="mod">
          <ac:chgData name="Sara Mastrorosa" userId="d159c406-3740-4568-9f4d-6092b2495d2a" providerId="ADAL" clId="{68E68552-334A-49D4-906D-42EB7454986A}" dt="2023-10-17T09:46:14.076" v="4155" actId="1036"/>
          <ac:cxnSpMkLst>
            <pc:docMk/>
            <pc:sldMk cId="1241465649" sldId="2147476500"/>
            <ac:cxnSpMk id="212" creationId="{E30FFF8C-4ED9-ACFA-B454-C87CA3DB2BF7}"/>
          </ac:cxnSpMkLst>
        </pc:cxnChg>
        <pc:cxnChg chg="mod">
          <ac:chgData name="Sara Mastrorosa" userId="d159c406-3740-4568-9f4d-6092b2495d2a" providerId="ADAL" clId="{68E68552-334A-49D4-906D-42EB7454986A}" dt="2023-10-17T09:46:14.076" v="4155" actId="1036"/>
          <ac:cxnSpMkLst>
            <pc:docMk/>
            <pc:sldMk cId="1241465649" sldId="2147476500"/>
            <ac:cxnSpMk id="214" creationId="{6DD31C1B-570F-3B11-AD4D-63E0EAEC112A}"/>
          </ac:cxnSpMkLst>
        </pc:cxnChg>
        <pc:cxnChg chg="mod">
          <ac:chgData name="Sara Mastrorosa" userId="d159c406-3740-4568-9f4d-6092b2495d2a" providerId="ADAL" clId="{68E68552-334A-49D4-906D-42EB7454986A}" dt="2023-10-17T09:46:14.076" v="4155" actId="1036"/>
          <ac:cxnSpMkLst>
            <pc:docMk/>
            <pc:sldMk cId="1241465649" sldId="2147476500"/>
            <ac:cxnSpMk id="216" creationId="{D5512CD4-560C-28E1-26C3-576EC21700D8}"/>
          </ac:cxnSpMkLst>
        </pc:cxnChg>
        <pc:cxnChg chg="mod">
          <ac:chgData name="Sara Mastrorosa" userId="d159c406-3740-4568-9f4d-6092b2495d2a" providerId="ADAL" clId="{68E68552-334A-49D4-906D-42EB7454986A}" dt="2023-10-17T09:46:14.076" v="4155" actId="1036"/>
          <ac:cxnSpMkLst>
            <pc:docMk/>
            <pc:sldMk cId="1241465649" sldId="2147476500"/>
            <ac:cxnSpMk id="270" creationId="{B3EE5060-31E7-A098-D049-D3F31B23FF2F}"/>
          </ac:cxnSpMkLst>
        </pc:cxnChg>
        <pc:cxnChg chg="mod">
          <ac:chgData name="Sara Mastrorosa" userId="d159c406-3740-4568-9f4d-6092b2495d2a" providerId="ADAL" clId="{68E68552-334A-49D4-906D-42EB7454986A}" dt="2023-10-17T09:46:14.076" v="4155" actId="1036"/>
          <ac:cxnSpMkLst>
            <pc:docMk/>
            <pc:sldMk cId="1241465649" sldId="2147476500"/>
            <ac:cxnSpMk id="271" creationId="{C5796C41-9B9B-B7D6-1AA2-B5D4D9559DB6}"/>
          </ac:cxnSpMkLst>
        </pc:cxnChg>
        <pc:cxnChg chg="mod">
          <ac:chgData name="Sara Mastrorosa" userId="d159c406-3740-4568-9f4d-6092b2495d2a" providerId="ADAL" clId="{68E68552-334A-49D4-906D-42EB7454986A}" dt="2023-10-17T09:46:14.076" v="4155" actId="1036"/>
          <ac:cxnSpMkLst>
            <pc:docMk/>
            <pc:sldMk cId="1241465649" sldId="2147476500"/>
            <ac:cxnSpMk id="272" creationId="{0698A764-2D6B-84DA-0E38-5391084E9EB3}"/>
          </ac:cxnSpMkLst>
        </pc:cxnChg>
        <pc:cxnChg chg="mod">
          <ac:chgData name="Sara Mastrorosa" userId="d159c406-3740-4568-9f4d-6092b2495d2a" providerId="ADAL" clId="{68E68552-334A-49D4-906D-42EB7454986A}" dt="2023-10-17T09:46:14.076" v="4155" actId="1036"/>
          <ac:cxnSpMkLst>
            <pc:docMk/>
            <pc:sldMk cId="1241465649" sldId="2147476500"/>
            <ac:cxnSpMk id="280" creationId="{DDBB6AD7-D2DC-5FFC-3915-2566ABD57EEC}"/>
          </ac:cxnSpMkLst>
        </pc:cxnChg>
        <pc:cxnChg chg="mod">
          <ac:chgData name="Sara Mastrorosa" userId="d159c406-3740-4568-9f4d-6092b2495d2a" providerId="ADAL" clId="{68E68552-334A-49D4-906D-42EB7454986A}" dt="2023-10-17T09:46:14.076" v="4155" actId="1036"/>
          <ac:cxnSpMkLst>
            <pc:docMk/>
            <pc:sldMk cId="1241465649" sldId="2147476500"/>
            <ac:cxnSpMk id="281" creationId="{08CB497A-14B1-2FD5-AD62-4BB55DB97BE3}"/>
          </ac:cxnSpMkLst>
        </pc:cxnChg>
        <pc:cxnChg chg="mod">
          <ac:chgData name="Sara Mastrorosa" userId="d159c406-3740-4568-9f4d-6092b2495d2a" providerId="ADAL" clId="{68E68552-334A-49D4-906D-42EB7454986A}" dt="2023-10-17T09:46:14.076" v="4155" actId="1036"/>
          <ac:cxnSpMkLst>
            <pc:docMk/>
            <pc:sldMk cId="1241465649" sldId="2147476500"/>
            <ac:cxnSpMk id="289" creationId="{59C22493-C284-2F07-C2D6-DA77189F285A}"/>
          </ac:cxnSpMkLst>
        </pc:cxnChg>
        <pc:cxnChg chg="mod">
          <ac:chgData name="Sara Mastrorosa" userId="d159c406-3740-4568-9f4d-6092b2495d2a" providerId="ADAL" clId="{68E68552-334A-49D4-906D-42EB7454986A}" dt="2023-10-17T09:46:14.076" v="4155" actId="1036"/>
          <ac:cxnSpMkLst>
            <pc:docMk/>
            <pc:sldMk cId="1241465649" sldId="2147476500"/>
            <ac:cxnSpMk id="290" creationId="{7D09BFCE-BD2E-551C-23C9-482A8699D3F9}"/>
          </ac:cxnSpMkLst>
        </pc:cxnChg>
        <pc:cxnChg chg="mod">
          <ac:chgData name="Sara Mastrorosa" userId="d159c406-3740-4568-9f4d-6092b2495d2a" providerId="ADAL" clId="{68E68552-334A-49D4-906D-42EB7454986A}" dt="2023-10-17T09:46:14.076" v="4155" actId="1036"/>
          <ac:cxnSpMkLst>
            <pc:docMk/>
            <pc:sldMk cId="1241465649" sldId="2147476500"/>
            <ac:cxnSpMk id="291" creationId="{D7FE48EA-8164-6D71-8301-C8F28EE8ED96}"/>
          </ac:cxnSpMkLst>
        </pc:cxnChg>
        <pc:cxnChg chg="mod">
          <ac:chgData name="Sara Mastrorosa" userId="d159c406-3740-4568-9f4d-6092b2495d2a" providerId="ADAL" clId="{68E68552-334A-49D4-906D-42EB7454986A}" dt="2023-10-17T09:46:14.076" v="4155" actId="1036"/>
          <ac:cxnSpMkLst>
            <pc:docMk/>
            <pc:sldMk cId="1241465649" sldId="2147476500"/>
            <ac:cxnSpMk id="292" creationId="{5DB277DA-1118-DD8C-9220-4EAA08CA3B80}"/>
          </ac:cxnSpMkLst>
        </pc:cxnChg>
      </pc:sldChg>
      <pc:sldChg chg="addSp modSp add mod ord modShow">
        <pc:chgData name="Sara Mastrorosa" userId="d159c406-3740-4568-9f4d-6092b2495d2a" providerId="ADAL" clId="{68E68552-334A-49D4-906D-42EB7454986A}" dt="2023-10-18T08:57:04.054" v="7766" actId="729"/>
        <pc:sldMkLst>
          <pc:docMk/>
          <pc:sldMk cId="3180154879" sldId="2147476501"/>
        </pc:sldMkLst>
        <pc:spChg chg="add mod ord">
          <ac:chgData name="Sara Mastrorosa" userId="d159c406-3740-4568-9f4d-6092b2495d2a" providerId="ADAL" clId="{68E68552-334A-49D4-906D-42EB7454986A}" dt="2023-10-18T07:13:48.625" v="4885" actId="1076"/>
          <ac:spMkLst>
            <pc:docMk/>
            <pc:sldMk cId="3180154879" sldId="2147476501"/>
            <ac:spMk id="4" creationId="{E21CF011-CF20-1C82-4BE0-07FCD7D0B565}"/>
          </ac:spMkLst>
        </pc:spChg>
        <pc:spChg chg="add mod">
          <ac:chgData name="Sara Mastrorosa" userId="d159c406-3740-4568-9f4d-6092b2495d2a" providerId="ADAL" clId="{68E68552-334A-49D4-906D-42EB7454986A}" dt="2023-10-18T07:25:09.443" v="4966" actId="1076"/>
          <ac:spMkLst>
            <pc:docMk/>
            <pc:sldMk cId="3180154879" sldId="2147476501"/>
            <ac:spMk id="9" creationId="{D44B7B24-0BA0-C7B0-1500-1734230C7328}"/>
          </ac:spMkLst>
        </pc:spChg>
        <pc:spChg chg="mod">
          <ac:chgData name="Sara Mastrorosa" userId="d159c406-3740-4568-9f4d-6092b2495d2a" providerId="ADAL" clId="{68E68552-334A-49D4-906D-42EB7454986A}" dt="2023-10-18T07:11:36.353" v="4854" actId="1076"/>
          <ac:spMkLst>
            <pc:docMk/>
            <pc:sldMk cId="3180154879" sldId="2147476501"/>
            <ac:spMk id="17" creationId="{D116225A-1921-B173-3705-D195EFDEE4CE}"/>
          </ac:spMkLst>
        </pc:spChg>
        <pc:spChg chg="mod">
          <ac:chgData name="Sara Mastrorosa" userId="d159c406-3740-4568-9f4d-6092b2495d2a" providerId="ADAL" clId="{68E68552-334A-49D4-906D-42EB7454986A}" dt="2023-10-18T07:14:57.367" v="4934" actId="14100"/>
          <ac:spMkLst>
            <pc:docMk/>
            <pc:sldMk cId="3180154879" sldId="2147476501"/>
            <ac:spMk id="19" creationId="{08AE42B2-9ED0-7C93-72DB-0789CDE83630}"/>
          </ac:spMkLst>
        </pc:spChg>
        <pc:spChg chg="mod">
          <ac:chgData name="Sara Mastrorosa" userId="d159c406-3740-4568-9f4d-6092b2495d2a" providerId="ADAL" clId="{68E68552-334A-49D4-906D-42EB7454986A}" dt="2023-10-18T07:11:33.197" v="4852" actId="1076"/>
          <ac:spMkLst>
            <pc:docMk/>
            <pc:sldMk cId="3180154879" sldId="2147476501"/>
            <ac:spMk id="23" creationId="{BBD02E41-927E-E72C-1EBC-CC06AF78960D}"/>
          </ac:spMkLst>
        </pc:spChg>
        <pc:spChg chg="mod">
          <ac:chgData name="Sara Mastrorosa" userId="d159c406-3740-4568-9f4d-6092b2495d2a" providerId="ADAL" clId="{68E68552-334A-49D4-906D-42EB7454986A}" dt="2023-10-18T07:09:51.432" v="4832" actId="1035"/>
          <ac:spMkLst>
            <pc:docMk/>
            <pc:sldMk cId="3180154879" sldId="2147476501"/>
            <ac:spMk id="24" creationId="{FC36FEDE-63F5-3E80-D7F5-BB4450A8A491}"/>
          </ac:spMkLst>
        </pc:spChg>
        <pc:spChg chg="mod">
          <ac:chgData name="Sara Mastrorosa" userId="d159c406-3740-4568-9f4d-6092b2495d2a" providerId="ADAL" clId="{68E68552-334A-49D4-906D-42EB7454986A}" dt="2023-10-18T07:15:17.454" v="4938" actId="20577"/>
          <ac:spMkLst>
            <pc:docMk/>
            <pc:sldMk cId="3180154879" sldId="2147476501"/>
            <ac:spMk id="25" creationId="{A0B30899-6D11-ED95-BFF1-7CE3DF0DFF67}"/>
          </ac:spMkLst>
        </pc:spChg>
        <pc:spChg chg="mod">
          <ac:chgData name="Sara Mastrorosa" userId="d159c406-3740-4568-9f4d-6092b2495d2a" providerId="ADAL" clId="{68E68552-334A-49D4-906D-42EB7454986A}" dt="2023-10-18T07:09:36.276" v="4818" actId="404"/>
          <ac:spMkLst>
            <pc:docMk/>
            <pc:sldMk cId="3180154879" sldId="2147476501"/>
            <ac:spMk id="29" creationId="{A1BA980E-A385-0399-A8C5-64F6CF0EC0E8}"/>
          </ac:spMkLst>
        </pc:spChg>
        <pc:spChg chg="mod">
          <ac:chgData name="Sara Mastrorosa" userId="d159c406-3740-4568-9f4d-6092b2495d2a" providerId="ADAL" clId="{68E68552-334A-49D4-906D-42EB7454986A}" dt="2023-10-18T07:09:36.276" v="4818" actId="404"/>
          <ac:spMkLst>
            <pc:docMk/>
            <pc:sldMk cId="3180154879" sldId="2147476501"/>
            <ac:spMk id="31" creationId="{F551109F-2490-02B9-AE03-BFB39CC386F9}"/>
          </ac:spMkLst>
        </pc:spChg>
        <pc:spChg chg="mod">
          <ac:chgData name="Sara Mastrorosa" userId="d159c406-3740-4568-9f4d-6092b2495d2a" providerId="ADAL" clId="{68E68552-334A-49D4-906D-42EB7454986A}" dt="2023-10-18T07:09:36.276" v="4818" actId="404"/>
          <ac:spMkLst>
            <pc:docMk/>
            <pc:sldMk cId="3180154879" sldId="2147476501"/>
            <ac:spMk id="57" creationId="{EFC32D29-E36F-10B8-1FBB-0446C17A0C66}"/>
          </ac:spMkLst>
        </pc:spChg>
        <pc:spChg chg="mod">
          <ac:chgData name="Sara Mastrorosa" userId="d159c406-3740-4568-9f4d-6092b2495d2a" providerId="ADAL" clId="{68E68552-334A-49D4-906D-42EB7454986A}" dt="2023-10-18T07:09:36.276" v="4818" actId="404"/>
          <ac:spMkLst>
            <pc:docMk/>
            <pc:sldMk cId="3180154879" sldId="2147476501"/>
            <ac:spMk id="58" creationId="{64F82F6A-4683-4E82-BE63-DDF75D3E558B}"/>
          </ac:spMkLst>
        </pc:spChg>
        <pc:spChg chg="mod">
          <ac:chgData name="Sara Mastrorosa" userId="d159c406-3740-4568-9f4d-6092b2495d2a" providerId="ADAL" clId="{68E68552-334A-49D4-906D-42EB7454986A}" dt="2023-10-18T07:09:36.276" v="4818" actId="404"/>
          <ac:spMkLst>
            <pc:docMk/>
            <pc:sldMk cId="3180154879" sldId="2147476501"/>
            <ac:spMk id="83" creationId="{DEC98D13-024B-2395-DDA0-45AD2147EBEA}"/>
          </ac:spMkLst>
        </pc:spChg>
        <pc:spChg chg="mod">
          <ac:chgData name="Sara Mastrorosa" userId="d159c406-3740-4568-9f4d-6092b2495d2a" providerId="ADAL" clId="{68E68552-334A-49D4-906D-42EB7454986A}" dt="2023-10-18T07:09:36.276" v="4818" actId="404"/>
          <ac:spMkLst>
            <pc:docMk/>
            <pc:sldMk cId="3180154879" sldId="2147476501"/>
            <ac:spMk id="84" creationId="{3843EBD9-1508-05D3-F182-F4760EFB140A}"/>
          </ac:spMkLst>
        </pc:spChg>
        <pc:spChg chg="mod">
          <ac:chgData name="Sara Mastrorosa" userId="d159c406-3740-4568-9f4d-6092b2495d2a" providerId="ADAL" clId="{68E68552-334A-49D4-906D-42EB7454986A}" dt="2023-10-18T07:09:36.276" v="4818" actId="404"/>
          <ac:spMkLst>
            <pc:docMk/>
            <pc:sldMk cId="3180154879" sldId="2147476501"/>
            <ac:spMk id="85" creationId="{29FD21E2-C4D1-A928-889B-5376D54860D5}"/>
          </ac:spMkLst>
        </pc:spChg>
        <pc:spChg chg="mod">
          <ac:chgData name="Sara Mastrorosa" userId="d159c406-3740-4568-9f4d-6092b2495d2a" providerId="ADAL" clId="{68E68552-334A-49D4-906D-42EB7454986A}" dt="2023-10-18T07:09:36.276" v="4818" actId="404"/>
          <ac:spMkLst>
            <pc:docMk/>
            <pc:sldMk cId="3180154879" sldId="2147476501"/>
            <ac:spMk id="86" creationId="{0A3DF484-222F-5325-1E0E-BFDBF28F6800}"/>
          </ac:spMkLst>
        </pc:spChg>
        <pc:spChg chg="mod">
          <ac:chgData name="Sara Mastrorosa" userId="d159c406-3740-4568-9f4d-6092b2495d2a" providerId="ADAL" clId="{68E68552-334A-49D4-906D-42EB7454986A}" dt="2023-10-18T07:12:09.816" v="4875" actId="1035"/>
          <ac:spMkLst>
            <pc:docMk/>
            <pc:sldMk cId="3180154879" sldId="2147476501"/>
            <ac:spMk id="87" creationId="{08F0B450-B36A-8FF4-53FC-9985F157B86A}"/>
          </ac:spMkLst>
        </pc:spChg>
        <pc:spChg chg="mod">
          <ac:chgData name="Sara Mastrorosa" userId="d159c406-3740-4568-9f4d-6092b2495d2a" providerId="ADAL" clId="{68E68552-334A-49D4-906D-42EB7454986A}" dt="2023-10-18T07:12:09.816" v="4875" actId="1035"/>
          <ac:spMkLst>
            <pc:docMk/>
            <pc:sldMk cId="3180154879" sldId="2147476501"/>
            <ac:spMk id="88" creationId="{56B1E104-EB80-508B-82B7-63CC4F43D95E}"/>
          </ac:spMkLst>
        </pc:spChg>
        <pc:grpChg chg="add mod">
          <ac:chgData name="Sara Mastrorosa" userId="d159c406-3740-4568-9f4d-6092b2495d2a" providerId="ADAL" clId="{68E68552-334A-49D4-906D-42EB7454986A}" dt="2023-10-18T07:09:42.013" v="4819" actId="14100"/>
          <ac:grpSpMkLst>
            <pc:docMk/>
            <pc:sldMk cId="3180154879" sldId="2147476501"/>
            <ac:grpSpMk id="2" creationId="{85E58BC1-3A7E-5B21-83E5-A28CC7CBACB9}"/>
          </ac:grpSpMkLst>
        </pc:grpChg>
        <pc:graphicFrameChg chg="add mod modGraphic">
          <ac:chgData name="Sara Mastrorosa" userId="d159c406-3740-4568-9f4d-6092b2495d2a" providerId="ADAL" clId="{68E68552-334A-49D4-906D-42EB7454986A}" dt="2023-10-18T07:26:09.111" v="5003" actId="20577"/>
          <ac:graphicFrameMkLst>
            <pc:docMk/>
            <pc:sldMk cId="3180154879" sldId="2147476501"/>
            <ac:graphicFrameMk id="10" creationId="{6761B798-A756-D0D4-E68C-EA19FC4293FC}"/>
          </ac:graphicFrameMkLst>
        </pc:graphicFrameChg>
        <pc:graphicFrameChg chg="add mod modGraphic">
          <ac:chgData name="Sara Mastrorosa" userId="d159c406-3740-4568-9f4d-6092b2495d2a" providerId="ADAL" clId="{68E68552-334A-49D4-906D-42EB7454986A}" dt="2023-10-18T07:25:21.731" v="4970" actId="404"/>
          <ac:graphicFrameMkLst>
            <pc:docMk/>
            <pc:sldMk cId="3180154879" sldId="2147476501"/>
            <ac:graphicFrameMk id="13" creationId="{6216025B-6ED2-66B8-6752-EB2FC6A13D6E}"/>
          </ac:graphicFrameMkLst>
        </pc:graphicFrameChg>
        <pc:picChg chg="mod">
          <ac:chgData name="Sara Mastrorosa" userId="d159c406-3740-4568-9f4d-6092b2495d2a" providerId="ADAL" clId="{68E68552-334A-49D4-906D-42EB7454986A}" dt="2023-10-18T07:10:02.846" v="4834" actId="108"/>
          <ac:picMkLst>
            <pc:docMk/>
            <pc:sldMk cId="3180154879" sldId="2147476501"/>
            <ac:picMk id="3" creationId="{CBAE1705-A703-9229-83E4-2D730454C938}"/>
          </ac:picMkLst>
        </pc:picChg>
        <pc:picChg chg="mod modCrop">
          <ac:chgData name="Sara Mastrorosa" userId="d159c406-3740-4568-9f4d-6092b2495d2a" providerId="ADAL" clId="{68E68552-334A-49D4-906D-42EB7454986A}" dt="2023-10-18T07:13:19.010" v="4880" actId="1036"/>
          <ac:picMkLst>
            <pc:docMk/>
            <pc:sldMk cId="3180154879" sldId="2147476501"/>
            <ac:picMk id="6" creationId="{D1A350B5-7839-C89A-19AF-02097A6CE966}"/>
          </ac:picMkLst>
        </pc:picChg>
        <pc:picChg chg="mod">
          <ac:chgData name="Sara Mastrorosa" userId="d159c406-3740-4568-9f4d-6092b2495d2a" providerId="ADAL" clId="{68E68552-334A-49D4-906D-42EB7454986A}" dt="2023-10-18T07:10:02.846" v="4834" actId="108"/>
          <ac:picMkLst>
            <pc:docMk/>
            <pc:sldMk cId="3180154879" sldId="2147476501"/>
            <ac:picMk id="8" creationId="{E71AF4DD-5975-F49D-BC2E-A0F04E3DD5BF}"/>
          </ac:picMkLst>
        </pc:picChg>
        <pc:picChg chg="mod">
          <ac:chgData name="Sara Mastrorosa" userId="d159c406-3740-4568-9f4d-6092b2495d2a" providerId="ADAL" clId="{68E68552-334A-49D4-906D-42EB7454986A}" dt="2023-10-18T07:10:02.846" v="4834" actId="108"/>
          <ac:picMkLst>
            <pc:docMk/>
            <pc:sldMk cId="3180154879" sldId="2147476501"/>
            <ac:picMk id="12" creationId="{A27239E4-7CB5-1810-0203-B13ECF043AFD}"/>
          </ac:picMkLst>
        </pc:picChg>
        <pc:picChg chg="mod">
          <ac:chgData name="Sara Mastrorosa" userId="d159c406-3740-4568-9f4d-6092b2495d2a" providerId="ADAL" clId="{68E68552-334A-49D4-906D-42EB7454986A}" dt="2023-10-18T07:10:02.846" v="4834" actId="108"/>
          <ac:picMkLst>
            <pc:docMk/>
            <pc:sldMk cId="3180154879" sldId="2147476501"/>
            <ac:picMk id="14" creationId="{29E1FF4E-EBE7-8FC3-CE0F-CB0A5D845805}"/>
          </ac:picMkLst>
        </pc:picChg>
        <pc:picChg chg="add mod">
          <ac:chgData name="Sara Mastrorosa" userId="d159c406-3740-4568-9f4d-6092b2495d2a" providerId="ADAL" clId="{68E68552-334A-49D4-906D-42EB7454986A}" dt="2023-10-18T07:26:40.248" v="5027" actId="1076"/>
          <ac:picMkLst>
            <pc:docMk/>
            <pc:sldMk cId="3180154879" sldId="2147476501"/>
            <ac:picMk id="15" creationId="{BC967EB6-B7E3-A936-5900-57C480E9BE45}"/>
          </ac:picMkLst>
        </pc:picChg>
        <pc:picChg chg="add mod">
          <ac:chgData name="Sara Mastrorosa" userId="d159c406-3740-4568-9f4d-6092b2495d2a" providerId="ADAL" clId="{68E68552-334A-49D4-906D-42EB7454986A}" dt="2023-10-18T07:25:09.443" v="4966" actId="1076"/>
          <ac:picMkLst>
            <pc:docMk/>
            <pc:sldMk cId="3180154879" sldId="2147476501"/>
            <ac:picMk id="16" creationId="{7E7AAE31-0BFA-6FCF-5962-CEB53AB91A3B}"/>
          </ac:picMkLst>
        </pc:picChg>
        <pc:picChg chg="add mod">
          <ac:chgData name="Sara Mastrorosa" userId="d159c406-3740-4568-9f4d-6092b2495d2a" providerId="ADAL" clId="{68E68552-334A-49D4-906D-42EB7454986A}" dt="2023-10-18T07:25:09.443" v="4966" actId="1076"/>
          <ac:picMkLst>
            <pc:docMk/>
            <pc:sldMk cId="3180154879" sldId="2147476501"/>
            <ac:picMk id="18" creationId="{50102315-C136-5562-7D53-4129A07CFC30}"/>
          </ac:picMkLst>
        </pc:picChg>
        <pc:picChg chg="add mod">
          <ac:chgData name="Sara Mastrorosa" userId="d159c406-3740-4568-9f4d-6092b2495d2a" providerId="ADAL" clId="{68E68552-334A-49D4-906D-42EB7454986A}" dt="2023-10-18T07:25:09.443" v="4966" actId="1076"/>
          <ac:picMkLst>
            <pc:docMk/>
            <pc:sldMk cId="3180154879" sldId="2147476501"/>
            <ac:picMk id="20" creationId="{6D2DE5CE-549E-68EF-B06B-71BA286E8F49}"/>
          </ac:picMkLst>
        </pc:picChg>
        <pc:picChg chg="mod">
          <ac:chgData name="Sara Mastrorosa" userId="d159c406-3740-4568-9f4d-6092b2495d2a" providerId="ADAL" clId="{68E68552-334A-49D4-906D-42EB7454986A}" dt="2023-10-18T07:10:02.846" v="4834" actId="108"/>
          <ac:picMkLst>
            <pc:docMk/>
            <pc:sldMk cId="3180154879" sldId="2147476501"/>
            <ac:picMk id="21" creationId="{1083AA1D-7B8A-43CC-B257-4BE107119847}"/>
          </ac:picMkLst>
        </pc:picChg>
        <pc:picChg chg="mod">
          <ac:chgData name="Sara Mastrorosa" userId="d159c406-3740-4568-9f4d-6092b2495d2a" providerId="ADAL" clId="{68E68552-334A-49D4-906D-42EB7454986A}" dt="2023-10-18T07:10:02.846" v="4834" actId="108"/>
          <ac:picMkLst>
            <pc:docMk/>
            <pc:sldMk cId="3180154879" sldId="2147476501"/>
            <ac:picMk id="27" creationId="{93793B28-2471-8A3B-90C9-C3913A619DBD}"/>
          </ac:picMkLst>
        </pc:picChg>
        <pc:picChg chg="mod">
          <ac:chgData name="Sara Mastrorosa" userId="d159c406-3740-4568-9f4d-6092b2495d2a" providerId="ADAL" clId="{68E68552-334A-49D4-906D-42EB7454986A}" dt="2023-10-18T07:10:02.846" v="4834" actId="108"/>
          <ac:picMkLst>
            <pc:docMk/>
            <pc:sldMk cId="3180154879" sldId="2147476501"/>
            <ac:picMk id="56" creationId="{C173082B-53BE-87AA-7A4A-8BC356BABADB}"/>
          </ac:picMkLst>
        </pc:picChg>
        <pc:cxnChg chg="add mod">
          <ac:chgData name="Sara Mastrorosa" userId="d159c406-3740-4568-9f4d-6092b2495d2a" providerId="ADAL" clId="{68E68552-334A-49D4-906D-42EB7454986A}" dt="2023-10-18T07:25:09.443" v="4966" actId="1076"/>
          <ac:cxnSpMkLst>
            <pc:docMk/>
            <pc:sldMk cId="3180154879" sldId="2147476501"/>
            <ac:cxnSpMk id="7" creationId="{F64DB6CD-9193-50FC-AE49-55FF4336D526}"/>
          </ac:cxnSpMkLst>
        </pc:cxnChg>
      </pc:sldChg>
      <pc:sldChg chg="addSp delSp modSp add mod">
        <pc:chgData name="Sara Mastrorosa" userId="d159c406-3740-4568-9f4d-6092b2495d2a" providerId="ADAL" clId="{68E68552-334A-49D4-906D-42EB7454986A}" dt="2023-10-18T08:11:13.690" v="6846" actId="1076"/>
        <pc:sldMkLst>
          <pc:docMk/>
          <pc:sldMk cId="2731355938" sldId="2147476502"/>
        </pc:sldMkLst>
        <pc:spChg chg="add mod">
          <ac:chgData name="Sara Mastrorosa" userId="d159c406-3740-4568-9f4d-6092b2495d2a" providerId="ADAL" clId="{68E68552-334A-49D4-906D-42EB7454986A}" dt="2023-10-18T08:10:05.520" v="6824" actId="1035"/>
          <ac:spMkLst>
            <pc:docMk/>
            <pc:sldMk cId="2731355938" sldId="2147476502"/>
            <ac:spMk id="3" creationId="{9BD708F1-01D6-B4FD-492B-A007E8F18974}"/>
          </ac:spMkLst>
        </pc:spChg>
        <pc:spChg chg="mod">
          <ac:chgData name="Sara Mastrorosa" userId="d159c406-3740-4568-9f4d-6092b2495d2a" providerId="ADAL" clId="{68E68552-334A-49D4-906D-42EB7454986A}" dt="2023-10-18T07:36:37.978" v="5456" actId="20577"/>
          <ac:spMkLst>
            <pc:docMk/>
            <pc:sldMk cId="2731355938" sldId="2147476502"/>
            <ac:spMk id="5" creationId="{08F2B45B-2BC1-44B2-4465-F8FD2B97328F}"/>
          </ac:spMkLst>
        </pc:spChg>
        <pc:spChg chg="del">
          <ac:chgData name="Sara Mastrorosa" userId="d159c406-3740-4568-9f4d-6092b2495d2a" providerId="ADAL" clId="{68E68552-334A-49D4-906D-42EB7454986A}" dt="2023-10-18T07:27:27.116" v="5033" actId="478"/>
          <ac:spMkLst>
            <pc:docMk/>
            <pc:sldMk cId="2731355938" sldId="2147476502"/>
            <ac:spMk id="10" creationId="{8609373F-287F-D060-FC0C-9A87CD90D3CD}"/>
          </ac:spMkLst>
        </pc:spChg>
        <pc:spChg chg="del">
          <ac:chgData name="Sara Mastrorosa" userId="d159c406-3740-4568-9f4d-6092b2495d2a" providerId="ADAL" clId="{68E68552-334A-49D4-906D-42EB7454986A}" dt="2023-10-18T07:27:25.380" v="5032" actId="478"/>
          <ac:spMkLst>
            <pc:docMk/>
            <pc:sldMk cId="2731355938" sldId="2147476502"/>
            <ac:spMk id="12" creationId="{84A6FEE9-C9B5-59B2-F810-29649986BAE1}"/>
          </ac:spMkLst>
        </pc:spChg>
        <pc:spChg chg="del">
          <ac:chgData name="Sara Mastrorosa" userId="d159c406-3740-4568-9f4d-6092b2495d2a" providerId="ADAL" clId="{68E68552-334A-49D4-906D-42EB7454986A}" dt="2023-10-18T07:27:25.380" v="5032" actId="478"/>
          <ac:spMkLst>
            <pc:docMk/>
            <pc:sldMk cId="2731355938" sldId="2147476502"/>
            <ac:spMk id="13" creationId="{F892B68B-D2AB-BF8C-9E7E-E5752B6238DC}"/>
          </ac:spMkLst>
        </pc:spChg>
        <pc:spChg chg="mod">
          <ac:chgData name="Sara Mastrorosa" userId="d159c406-3740-4568-9f4d-6092b2495d2a" providerId="ADAL" clId="{68E68552-334A-49D4-906D-42EB7454986A}" dt="2023-10-18T08:08:27.882" v="6761" actId="403"/>
          <ac:spMkLst>
            <pc:docMk/>
            <pc:sldMk cId="2731355938" sldId="2147476502"/>
            <ac:spMk id="17" creationId="{12907104-6320-AE4F-8DCD-394F15757FF8}"/>
          </ac:spMkLst>
        </pc:spChg>
        <pc:spChg chg="mod">
          <ac:chgData name="Sara Mastrorosa" userId="d159c406-3740-4568-9f4d-6092b2495d2a" providerId="ADAL" clId="{68E68552-334A-49D4-906D-42EB7454986A}" dt="2023-10-18T08:10:46.990" v="6837" actId="1035"/>
          <ac:spMkLst>
            <pc:docMk/>
            <pc:sldMk cId="2731355938" sldId="2147476502"/>
            <ac:spMk id="18" creationId="{9F6AF2C5-3368-5D88-BEFB-4D0B4D946953}"/>
          </ac:spMkLst>
        </pc:spChg>
        <pc:spChg chg="mod">
          <ac:chgData name="Sara Mastrorosa" userId="d159c406-3740-4568-9f4d-6092b2495d2a" providerId="ADAL" clId="{68E68552-334A-49D4-906D-42EB7454986A}" dt="2023-10-18T08:08:27.882" v="6761" actId="403"/>
          <ac:spMkLst>
            <pc:docMk/>
            <pc:sldMk cId="2731355938" sldId="2147476502"/>
            <ac:spMk id="21" creationId="{005D7CA5-3953-15A5-6A88-DFF41A8ADC3D}"/>
          </ac:spMkLst>
        </pc:spChg>
        <pc:spChg chg="mod">
          <ac:chgData name="Sara Mastrorosa" userId="d159c406-3740-4568-9f4d-6092b2495d2a" providerId="ADAL" clId="{68E68552-334A-49D4-906D-42EB7454986A}" dt="2023-10-18T08:08:27.882" v="6761" actId="403"/>
          <ac:spMkLst>
            <pc:docMk/>
            <pc:sldMk cId="2731355938" sldId="2147476502"/>
            <ac:spMk id="23" creationId="{8BA5B7FD-36EC-C664-3A0E-0CAB57FB4FFA}"/>
          </ac:spMkLst>
        </pc:spChg>
        <pc:spChg chg="mod">
          <ac:chgData name="Sara Mastrorosa" userId="d159c406-3740-4568-9f4d-6092b2495d2a" providerId="ADAL" clId="{68E68552-334A-49D4-906D-42EB7454986A}" dt="2023-10-18T08:11:01.185" v="6842" actId="14100"/>
          <ac:spMkLst>
            <pc:docMk/>
            <pc:sldMk cId="2731355938" sldId="2147476502"/>
            <ac:spMk id="27" creationId="{432B84DB-A71F-C432-7F5C-492D2E17D015}"/>
          </ac:spMkLst>
        </pc:spChg>
        <pc:spChg chg="mod">
          <ac:chgData name="Sara Mastrorosa" userId="d159c406-3740-4568-9f4d-6092b2495d2a" providerId="ADAL" clId="{68E68552-334A-49D4-906D-42EB7454986A}" dt="2023-10-18T08:08:27.882" v="6761" actId="403"/>
          <ac:spMkLst>
            <pc:docMk/>
            <pc:sldMk cId="2731355938" sldId="2147476502"/>
            <ac:spMk id="30" creationId="{B5A02EF9-B448-C40B-B7C7-09242A62E918}"/>
          </ac:spMkLst>
        </pc:spChg>
        <pc:spChg chg="mod">
          <ac:chgData name="Sara Mastrorosa" userId="d159c406-3740-4568-9f4d-6092b2495d2a" providerId="ADAL" clId="{68E68552-334A-49D4-906D-42EB7454986A}" dt="2023-10-18T08:10:54.538" v="6841" actId="1076"/>
          <ac:spMkLst>
            <pc:docMk/>
            <pc:sldMk cId="2731355938" sldId="2147476502"/>
            <ac:spMk id="31" creationId="{2D8FB9B5-4181-DF74-5545-BA62FC847F73}"/>
          </ac:spMkLst>
        </pc:spChg>
        <pc:spChg chg="mod">
          <ac:chgData name="Sara Mastrorosa" userId="d159c406-3740-4568-9f4d-6092b2495d2a" providerId="ADAL" clId="{68E68552-334A-49D4-906D-42EB7454986A}" dt="2023-10-18T08:08:27.882" v="6761" actId="403"/>
          <ac:spMkLst>
            <pc:docMk/>
            <pc:sldMk cId="2731355938" sldId="2147476502"/>
            <ac:spMk id="33" creationId="{4BED35C8-F79A-D95B-AF62-B102988E68AA}"/>
          </ac:spMkLst>
        </pc:spChg>
        <pc:spChg chg="mod">
          <ac:chgData name="Sara Mastrorosa" userId="d159c406-3740-4568-9f4d-6092b2495d2a" providerId="ADAL" clId="{68E68552-334A-49D4-906D-42EB7454986A}" dt="2023-10-18T08:11:13.690" v="6846" actId="1076"/>
          <ac:spMkLst>
            <pc:docMk/>
            <pc:sldMk cId="2731355938" sldId="2147476502"/>
            <ac:spMk id="42" creationId="{EDB91D94-E219-B995-BDEC-1FF3702DEA5C}"/>
          </ac:spMkLst>
        </pc:spChg>
        <pc:spChg chg="mod">
          <ac:chgData name="Sara Mastrorosa" userId="d159c406-3740-4568-9f4d-6092b2495d2a" providerId="ADAL" clId="{68E68552-334A-49D4-906D-42EB7454986A}" dt="2023-10-18T08:08:27.882" v="6761" actId="403"/>
          <ac:spMkLst>
            <pc:docMk/>
            <pc:sldMk cId="2731355938" sldId="2147476502"/>
            <ac:spMk id="43" creationId="{237FDB4A-3C52-4F7B-4B73-A66B31186383}"/>
          </ac:spMkLst>
        </pc:spChg>
        <pc:spChg chg="mod">
          <ac:chgData name="Sara Mastrorosa" userId="d159c406-3740-4568-9f4d-6092b2495d2a" providerId="ADAL" clId="{68E68552-334A-49D4-906D-42EB7454986A}" dt="2023-10-18T08:08:27.882" v="6761" actId="403"/>
          <ac:spMkLst>
            <pc:docMk/>
            <pc:sldMk cId="2731355938" sldId="2147476502"/>
            <ac:spMk id="44" creationId="{3C139FCF-58D2-C3DF-EBF4-EF7A7B542899}"/>
          </ac:spMkLst>
        </pc:spChg>
        <pc:spChg chg="mod">
          <ac:chgData name="Sara Mastrorosa" userId="d159c406-3740-4568-9f4d-6092b2495d2a" providerId="ADAL" clId="{68E68552-334A-49D4-906D-42EB7454986A}" dt="2023-10-18T08:08:27.882" v="6761" actId="403"/>
          <ac:spMkLst>
            <pc:docMk/>
            <pc:sldMk cId="2731355938" sldId="2147476502"/>
            <ac:spMk id="48" creationId="{E673B6F4-1BA8-D906-96E2-665F84F75911}"/>
          </ac:spMkLst>
        </pc:spChg>
        <pc:spChg chg="mod">
          <ac:chgData name="Sara Mastrorosa" userId="d159c406-3740-4568-9f4d-6092b2495d2a" providerId="ADAL" clId="{68E68552-334A-49D4-906D-42EB7454986A}" dt="2023-10-18T08:08:27.882" v="6761" actId="403"/>
          <ac:spMkLst>
            <pc:docMk/>
            <pc:sldMk cId="2731355938" sldId="2147476502"/>
            <ac:spMk id="50" creationId="{C918FE48-D9CB-06E8-9359-76F2599BD5BD}"/>
          </ac:spMkLst>
        </pc:spChg>
        <pc:spChg chg="mod">
          <ac:chgData name="Sara Mastrorosa" userId="d159c406-3740-4568-9f4d-6092b2495d2a" providerId="ADAL" clId="{68E68552-334A-49D4-906D-42EB7454986A}" dt="2023-10-18T08:08:40.225" v="6792" actId="1038"/>
          <ac:spMkLst>
            <pc:docMk/>
            <pc:sldMk cId="2731355938" sldId="2147476502"/>
            <ac:spMk id="51" creationId="{E70DDEB0-9981-C434-3CC4-F942EDFF162C}"/>
          </ac:spMkLst>
        </pc:spChg>
        <pc:spChg chg="mod">
          <ac:chgData name="Sara Mastrorosa" userId="d159c406-3740-4568-9f4d-6092b2495d2a" providerId="ADAL" clId="{68E68552-334A-49D4-906D-42EB7454986A}" dt="2023-10-18T08:08:40.225" v="6792" actId="1038"/>
          <ac:spMkLst>
            <pc:docMk/>
            <pc:sldMk cId="2731355938" sldId="2147476502"/>
            <ac:spMk id="52" creationId="{F2D96B78-AAF9-B54D-5E8F-63C08DDA0440}"/>
          </ac:spMkLst>
        </pc:spChg>
        <pc:grpChg chg="add mod">
          <ac:chgData name="Sara Mastrorosa" userId="d159c406-3740-4568-9f4d-6092b2495d2a" providerId="ADAL" clId="{68E68552-334A-49D4-906D-42EB7454986A}" dt="2023-10-18T08:10:05.520" v="6824" actId="1035"/>
          <ac:grpSpMkLst>
            <pc:docMk/>
            <pc:sldMk cId="2731355938" sldId="2147476502"/>
            <ac:grpSpMk id="7" creationId="{FEAAE02A-FA97-3C93-AF35-F64F100F4434}"/>
          </ac:grpSpMkLst>
        </pc:grpChg>
        <pc:grpChg chg="del">
          <ac:chgData name="Sara Mastrorosa" userId="d159c406-3740-4568-9f4d-6092b2495d2a" providerId="ADAL" clId="{68E68552-334A-49D4-906D-42EB7454986A}" dt="2023-10-18T07:27:05.087" v="5029" actId="478"/>
          <ac:grpSpMkLst>
            <pc:docMk/>
            <pc:sldMk cId="2731355938" sldId="2147476502"/>
            <ac:grpSpMk id="15" creationId="{55EE7CB6-EE6E-9072-8B6D-AED65D023029}"/>
          </ac:grpSpMkLst>
        </pc:grpChg>
        <pc:picChg chg="del">
          <ac:chgData name="Sara Mastrorosa" userId="d159c406-3740-4568-9f4d-6092b2495d2a" providerId="ADAL" clId="{68E68552-334A-49D4-906D-42EB7454986A}" dt="2023-10-18T07:27:25.380" v="5032" actId="478"/>
          <ac:picMkLst>
            <pc:docMk/>
            <pc:sldMk cId="2731355938" sldId="2147476502"/>
            <ac:picMk id="8" creationId="{700F3163-B876-9696-B4DD-4B74879E2474}"/>
          </ac:picMkLst>
        </pc:picChg>
        <pc:picChg chg="del">
          <ac:chgData name="Sara Mastrorosa" userId="d159c406-3740-4568-9f4d-6092b2495d2a" providerId="ADAL" clId="{68E68552-334A-49D4-906D-42EB7454986A}" dt="2023-10-18T07:27:25.380" v="5032" actId="478"/>
          <ac:picMkLst>
            <pc:docMk/>
            <pc:sldMk cId="2731355938" sldId="2147476502"/>
            <ac:picMk id="11" creationId="{7B19A6C8-0569-F841-BFE5-9C0A9639DD9E}"/>
          </ac:picMkLst>
        </pc:picChg>
        <pc:picChg chg="mod">
          <ac:chgData name="Sara Mastrorosa" userId="d159c406-3740-4568-9f4d-6092b2495d2a" providerId="ADAL" clId="{68E68552-334A-49D4-906D-42EB7454986A}" dt="2023-10-18T07:27:06.036" v="5030"/>
          <ac:picMkLst>
            <pc:docMk/>
            <pc:sldMk cId="2731355938" sldId="2147476502"/>
            <ac:picMk id="16" creationId="{F5F30370-8EB6-AA76-83B1-2F272D7FC0E5}"/>
          </ac:picMkLst>
        </pc:picChg>
        <pc:picChg chg="mod">
          <ac:chgData name="Sara Mastrorosa" userId="d159c406-3740-4568-9f4d-6092b2495d2a" providerId="ADAL" clId="{68E68552-334A-49D4-906D-42EB7454986A}" dt="2023-10-18T07:27:06.036" v="5030"/>
          <ac:picMkLst>
            <pc:docMk/>
            <pc:sldMk cId="2731355938" sldId="2147476502"/>
            <ac:picMk id="20" creationId="{14067F67-0A53-5863-4DF1-14912084367C}"/>
          </ac:picMkLst>
        </pc:picChg>
        <pc:picChg chg="mod">
          <ac:chgData name="Sara Mastrorosa" userId="d159c406-3740-4568-9f4d-6092b2495d2a" providerId="ADAL" clId="{68E68552-334A-49D4-906D-42EB7454986A}" dt="2023-10-18T08:08:36.081" v="6776" actId="1038"/>
          <ac:picMkLst>
            <pc:docMk/>
            <pc:sldMk cId="2731355938" sldId="2147476502"/>
            <ac:picMk id="29" creationId="{E644AEC2-78CD-E30A-1945-43DC96201F9C}"/>
          </ac:picMkLst>
        </pc:picChg>
        <pc:picChg chg="mod">
          <ac:chgData name="Sara Mastrorosa" userId="d159c406-3740-4568-9f4d-6092b2495d2a" providerId="ADAL" clId="{68E68552-334A-49D4-906D-42EB7454986A}" dt="2023-10-18T08:08:57.908" v="6798" actId="1076"/>
          <ac:picMkLst>
            <pc:docMk/>
            <pc:sldMk cId="2731355938" sldId="2147476502"/>
            <ac:picMk id="32" creationId="{2EA9BDC0-F93B-E727-33C9-796860E0F81C}"/>
          </ac:picMkLst>
        </pc:picChg>
        <pc:picChg chg="mod">
          <ac:chgData name="Sara Mastrorosa" userId="d159c406-3740-4568-9f4d-6092b2495d2a" providerId="ADAL" clId="{68E68552-334A-49D4-906D-42EB7454986A}" dt="2023-10-18T07:27:06.036" v="5030"/>
          <ac:picMkLst>
            <pc:docMk/>
            <pc:sldMk cId="2731355938" sldId="2147476502"/>
            <ac:picMk id="53" creationId="{A93519CD-5856-139B-9A4C-5A7023068439}"/>
          </ac:picMkLst>
        </pc:picChg>
        <pc:picChg chg="mod">
          <ac:chgData name="Sara Mastrorosa" userId="d159c406-3740-4568-9f4d-6092b2495d2a" providerId="ADAL" clId="{68E68552-334A-49D4-906D-42EB7454986A}" dt="2023-10-18T08:08:19.893" v="6760" actId="1036"/>
          <ac:picMkLst>
            <pc:docMk/>
            <pc:sldMk cId="2731355938" sldId="2147476502"/>
            <ac:picMk id="54" creationId="{63362943-6F0E-9CD4-FB7A-8DD578060048}"/>
          </ac:picMkLst>
        </pc:picChg>
        <pc:picChg chg="mod">
          <ac:chgData name="Sara Mastrorosa" userId="d159c406-3740-4568-9f4d-6092b2495d2a" providerId="ADAL" clId="{68E68552-334A-49D4-906D-42EB7454986A}" dt="2023-10-18T07:27:06.036" v="5030"/>
          <ac:picMkLst>
            <pc:docMk/>
            <pc:sldMk cId="2731355938" sldId="2147476502"/>
            <ac:picMk id="55" creationId="{E17CBECD-12DD-E0A1-6F28-44B387ACD370}"/>
          </ac:picMkLst>
        </pc:picChg>
        <pc:picChg chg="mod">
          <ac:chgData name="Sara Mastrorosa" userId="d159c406-3740-4568-9f4d-6092b2495d2a" providerId="ADAL" clId="{68E68552-334A-49D4-906D-42EB7454986A}" dt="2023-10-18T07:27:06.036" v="5030"/>
          <ac:picMkLst>
            <pc:docMk/>
            <pc:sldMk cId="2731355938" sldId="2147476502"/>
            <ac:picMk id="56" creationId="{CDB80504-398B-75E7-983D-A19678ACCB67}"/>
          </ac:picMkLst>
        </pc:picChg>
        <pc:cxnChg chg="mod">
          <ac:chgData name="Sara Mastrorosa" userId="d159c406-3740-4568-9f4d-6092b2495d2a" providerId="ADAL" clId="{68E68552-334A-49D4-906D-42EB7454986A}" dt="2023-10-18T07:28:30.716" v="5058" actId="14100"/>
          <ac:cxnSpMkLst>
            <pc:docMk/>
            <pc:sldMk cId="2731355938" sldId="2147476502"/>
            <ac:cxnSpMk id="45" creationId="{446367E0-F1A8-E41E-9CA4-83BBA9412598}"/>
          </ac:cxnSpMkLst>
        </pc:cxnChg>
        <pc:cxnChg chg="mod">
          <ac:chgData name="Sara Mastrorosa" userId="d159c406-3740-4568-9f4d-6092b2495d2a" providerId="ADAL" clId="{68E68552-334A-49D4-906D-42EB7454986A}" dt="2023-10-18T08:09:50.422" v="6816" actId="14100"/>
          <ac:cxnSpMkLst>
            <pc:docMk/>
            <pc:sldMk cId="2731355938" sldId="2147476502"/>
            <ac:cxnSpMk id="46" creationId="{F70E07B8-B9B2-09FB-6ED8-EBD4852E19F7}"/>
          </ac:cxnSpMkLst>
        </pc:cxnChg>
        <pc:cxnChg chg="mod">
          <ac:chgData name="Sara Mastrorosa" userId="d159c406-3740-4568-9f4d-6092b2495d2a" providerId="ADAL" clId="{68E68552-334A-49D4-906D-42EB7454986A}" dt="2023-10-18T08:10:22.627" v="6830" actId="1037"/>
          <ac:cxnSpMkLst>
            <pc:docMk/>
            <pc:sldMk cId="2731355938" sldId="2147476502"/>
            <ac:cxnSpMk id="47" creationId="{6EAD61A9-072A-9B1D-FA54-C70EE017FF23}"/>
          </ac:cxnSpMkLst>
        </pc:cxnChg>
        <pc:cxnChg chg="mod">
          <ac:chgData name="Sara Mastrorosa" userId="d159c406-3740-4568-9f4d-6092b2495d2a" providerId="ADAL" clId="{68E68552-334A-49D4-906D-42EB7454986A}" dt="2023-10-18T08:10:17.869" v="6828" actId="1037"/>
          <ac:cxnSpMkLst>
            <pc:docMk/>
            <pc:sldMk cId="2731355938" sldId="2147476502"/>
            <ac:cxnSpMk id="49" creationId="{A7029C7A-F9FF-B330-2334-B75E30B98051}"/>
          </ac:cxnSpMkLst>
        </pc:cxnChg>
      </pc:sldChg>
      <pc:sldChg chg="add mod ord modShow">
        <pc:chgData name="Sara Mastrorosa" userId="d159c406-3740-4568-9f4d-6092b2495d2a" providerId="ADAL" clId="{68E68552-334A-49D4-906D-42EB7454986A}" dt="2023-10-18T08:57:04.054" v="7766" actId="729"/>
        <pc:sldMkLst>
          <pc:docMk/>
          <pc:sldMk cId="2289591968" sldId="2147476503"/>
        </pc:sldMkLst>
      </pc:sldChg>
      <pc:sldChg chg="addSp delSp modSp add mod ord">
        <pc:chgData name="Sara Mastrorosa" userId="d159c406-3740-4568-9f4d-6092b2495d2a" providerId="ADAL" clId="{68E68552-334A-49D4-906D-42EB7454986A}" dt="2023-10-19T15:02:27.228" v="9661" actId="1076"/>
        <pc:sldMkLst>
          <pc:docMk/>
          <pc:sldMk cId="532310637" sldId="2147476504"/>
        </pc:sldMkLst>
        <pc:spChg chg="del">
          <ac:chgData name="Sara Mastrorosa" userId="d159c406-3740-4568-9f4d-6092b2495d2a" providerId="ADAL" clId="{68E68552-334A-49D4-906D-42EB7454986A}" dt="2023-10-18T07:34:56.180" v="5359" actId="478"/>
          <ac:spMkLst>
            <pc:docMk/>
            <pc:sldMk cId="532310637" sldId="2147476504"/>
            <ac:spMk id="2" creationId="{122FD5BD-DAF5-1A87-AE17-933C9433B867}"/>
          </ac:spMkLst>
        </pc:spChg>
        <pc:spChg chg="add mod">
          <ac:chgData name="Sara Mastrorosa" userId="d159c406-3740-4568-9f4d-6092b2495d2a" providerId="ADAL" clId="{68E68552-334A-49D4-906D-42EB7454986A}" dt="2023-10-19T07:30:09.308" v="7871" actId="1035"/>
          <ac:spMkLst>
            <pc:docMk/>
            <pc:sldMk cId="532310637" sldId="2147476504"/>
            <ac:spMk id="4" creationId="{764E46D6-0205-9E76-9CA5-EDA51CEE4EFB}"/>
          </ac:spMkLst>
        </pc:spChg>
        <pc:spChg chg="mod">
          <ac:chgData name="Sara Mastrorosa" userId="d159c406-3740-4568-9f4d-6092b2495d2a" providerId="ADAL" clId="{68E68552-334A-49D4-906D-42EB7454986A}" dt="2023-10-18T08:03:30.732" v="6568" actId="20577"/>
          <ac:spMkLst>
            <pc:docMk/>
            <pc:sldMk cId="532310637" sldId="2147476504"/>
            <ac:spMk id="5" creationId="{08F2B45B-2BC1-44B2-4465-F8FD2B97328F}"/>
          </ac:spMkLst>
        </pc:spChg>
        <pc:spChg chg="add mod">
          <ac:chgData name="Sara Mastrorosa" userId="d159c406-3740-4568-9f4d-6092b2495d2a" providerId="ADAL" clId="{68E68552-334A-49D4-906D-42EB7454986A}" dt="2023-10-19T07:29:16.707" v="7840" actId="1076"/>
          <ac:spMkLst>
            <pc:docMk/>
            <pc:sldMk cId="532310637" sldId="2147476504"/>
            <ac:spMk id="6" creationId="{50EB72CB-9225-3852-F20A-1767D2AC57F2}"/>
          </ac:spMkLst>
        </pc:spChg>
        <pc:spChg chg="del">
          <ac:chgData name="Sara Mastrorosa" userId="d159c406-3740-4568-9f4d-6092b2495d2a" providerId="ADAL" clId="{68E68552-334A-49D4-906D-42EB7454986A}" dt="2023-10-18T07:32:17.957" v="5338" actId="478"/>
          <ac:spMkLst>
            <pc:docMk/>
            <pc:sldMk cId="532310637" sldId="2147476504"/>
            <ac:spMk id="6" creationId="{5DFEE4FC-CB7A-6246-952B-FFB874944E08}"/>
          </ac:spMkLst>
        </pc:spChg>
        <pc:spChg chg="add del mod">
          <ac:chgData name="Sara Mastrorosa" userId="d159c406-3740-4568-9f4d-6092b2495d2a" providerId="ADAL" clId="{68E68552-334A-49D4-906D-42EB7454986A}" dt="2023-10-18T08:03:22.720" v="6552" actId="478"/>
          <ac:spMkLst>
            <pc:docMk/>
            <pc:sldMk cId="532310637" sldId="2147476504"/>
            <ac:spMk id="7" creationId="{1913C33F-BB57-EABA-A000-9BCE0530E20D}"/>
          </ac:spMkLst>
        </pc:spChg>
        <pc:spChg chg="add mod">
          <ac:chgData name="Sara Mastrorosa" userId="d159c406-3740-4568-9f4d-6092b2495d2a" providerId="ADAL" clId="{68E68552-334A-49D4-906D-42EB7454986A}" dt="2023-10-19T07:28:38.074" v="7836" actId="1076"/>
          <ac:spMkLst>
            <pc:docMk/>
            <pc:sldMk cId="532310637" sldId="2147476504"/>
            <ac:spMk id="9" creationId="{08CD46FE-7B48-7C52-30F9-6FB125784795}"/>
          </ac:spMkLst>
        </pc:spChg>
        <pc:spChg chg="del">
          <ac:chgData name="Sara Mastrorosa" userId="d159c406-3740-4568-9f4d-6092b2495d2a" providerId="ADAL" clId="{68E68552-334A-49D4-906D-42EB7454986A}" dt="2023-10-18T07:32:17.957" v="5338" actId="478"/>
          <ac:spMkLst>
            <pc:docMk/>
            <pc:sldMk cId="532310637" sldId="2147476504"/>
            <ac:spMk id="9" creationId="{4A2FF5E8-B7C8-D3F0-C830-4717E2FD30F2}"/>
          </ac:spMkLst>
        </pc:spChg>
        <pc:spChg chg="mod">
          <ac:chgData name="Sara Mastrorosa" userId="d159c406-3740-4568-9f4d-6092b2495d2a" providerId="ADAL" clId="{68E68552-334A-49D4-906D-42EB7454986A}" dt="2023-10-18T07:50:19.944" v="5618" actId="1076"/>
          <ac:spMkLst>
            <pc:docMk/>
            <pc:sldMk cId="532310637" sldId="2147476504"/>
            <ac:spMk id="10" creationId="{8609373F-287F-D060-FC0C-9A87CD90D3CD}"/>
          </ac:spMkLst>
        </pc:spChg>
        <pc:spChg chg="mod">
          <ac:chgData name="Sara Mastrorosa" userId="d159c406-3740-4568-9f4d-6092b2495d2a" providerId="ADAL" clId="{68E68552-334A-49D4-906D-42EB7454986A}" dt="2023-10-18T07:50:23.153" v="5619" actId="1076"/>
          <ac:spMkLst>
            <pc:docMk/>
            <pc:sldMk cId="532310637" sldId="2147476504"/>
            <ac:spMk id="12" creationId="{84A6FEE9-C9B5-59B2-F810-29649986BAE1}"/>
          </ac:spMkLst>
        </pc:spChg>
        <pc:spChg chg="mod">
          <ac:chgData name="Sara Mastrorosa" userId="d159c406-3740-4568-9f4d-6092b2495d2a" providerId="ADAL" clId="{68E68552-334A-49D4-906D-42EB7454986A}" dt="2023-10-18T07:49:43.367" v="5606" actId="1076"/>
          <ac:spMkLst>
            <pc:docMk/>
            <pc:sldMk cId="532310637" sldId="2147476504"/>
            <ac:spMk id="13" creationId="{F892B68B-D2AB-BF8C-9E7E-E5752B6238DC}"/>
          </ac:spMkLst>
        </pc:spChg>
        <pc:spChg chg="add mod">
          <ac:chgData name="Sara Mastrorosa" userId="d159c406-3740-4568-9f4d-6092b2495d2a" providerId="ADAL" clId="{68E68552-334A-49D4-906D-42EB7454986A}" dt="2023-10-19T07:28:28.187" v="7834" actId="1076"/>
          <ac:spMkLst>
            <pc:docMk/>
            <pc:sldMk cId="532310637" sldId="2147476504"/>
            <ac:spMk id="14" creationId="{A1F5733A-F700-DB91-B49A-436EB3B46C94}"/>
          </ac:spMkLst>
        </pc:spChg>
        <pc:spChg chg="add mod">
          <ac:chgData name="Sara Mastrorosa" userId="d159c406-3740-4568-9f4d-6092b2495d2a" providerId="ADAL" clId="{68E68552-334A-49D4-906D-42EB7454986A}" dt="2023-10-18T08:03:18.926" v="6551" actId="1038"/>
          <ac:spMkLst>
            <pc:docMk/>
            <pc:sldMk cId="532310637" sldId="2147476504"/>
            <ac:spMk id="16" creationId="{8BFD2974-EA10-5ADB-D025-FA60392F5DBF}"/>
          </ac:spMkLst>
        </pc:spChg>
        <pc:spChg chg="add mod">
          <ac:chgData name="Sara Mastrorosa" userId="d159c406-3740-4568-9f4d-6092b2495d2a" providerId="ADAL" clId="{68E68552-334A-49D4-906D-42EB7454986A}" dt="2023-10-18T08:03:18.926" v="6551" actId="1038"/>
          <ac:spMkLst>
            <pc:docMk/>
            <pc:sldMk cId="532310637" sldId="2147476504"/>
            <ac:spMk id="17" creationId="{78C241A8-9BEA-4CE5-D18B-394A2E899686}"/>
          </ac:spMkLst>
        </pc:spChg>
        <pc:spChg chg="add mod">
          <ac:chgData name="Sara Mastrorosa" userId="d159c406-3740-4568-9f4d-6092b2495d2a" providerId="ADAL" clId="{68E68552-334A-49D4-906D-42EB7454986A}" dt="2023-10-18T08:03:18.926" v="6551" actId="1038"/>
          <ac:spMkLst>
            <pc:docMk/>
            <pc:sldMk cId="532310637" sldId="2147476504"/>
            <ac:spMk id="18" creationId="{82F336B0-5D2E-2A72-C2BC-AA2C92E219CF}"/>
          </ac:spMkLst>
        </pc:spChg>
        <pc:spChg chg="add mod">
          <ac:chgData name="Sara Mastrorosa" userId="d159c406-3740-4568-9f4d-6092b2495d2a" providerId="ADAL" clId="{68E68552-334A-49D4-906D-42EB7454986A}" dt="2023-10-18T08:06:36.084" v="6713" actId="123"/>
          <ac:spMkLst>
            <pc:docMk/>
            <pc:sldMk cId="532310637" sldId="2147476504"/>
            <ac:spMk id="33" creationId="{7AA1738A-E64B-4219-509F-C08B7CDD81C9}"/>
          </ac:spMkLst>
        </pc:spChg>
        <pc:spChg chg="del">
          <ac:chgData name="Sara Mastrorosa" userId="d159c406-3740-4568-9f4d-6092b2495d2a" providerId="ADAL" clId="{68E68552-334A-49D4-906D-42EB7454986A}" dt="2023-10-18T07:32:14.519" v="5337" actId="478"/>
          <ac:spMkLst>
            <pc:docMk/>
            <pc:sldMk cId="532310637" sldId="2147476504"/>
            <ac:spMk id="38" creationId="{18D0BA13-5C75-04F7-FA22-D8DAAB1E09BC}"/>
          </ac:spMkLst>
        </pc:spChg>
        <pc:spChg chg="add mod">
          <ac:chgData name="Sara Mastrorosa" userId="d159c406-3740-4568-9f4d-6092b2495d2a" providerId="ADAL" clId="{68E68552-334A-49D4-906D-42EB7454986A}" dt="2023-10-19T07:30:25.145" v="7875" actId="1076"/>
          <ac:spMkLst>
            <pc:docMk/>
            <pc:sldMk cId="532310637" sldId="2147476504"/>
            <ac:spMk id="39" creationId="{54F4D2B5-8545-E38B-6A1C-6686288D1D86}"/>
          </ac:spMkLst>
        </pc:spChg>
        <pc:spChg chg="del">
          <ac:chgData name="Sara Mastrorosa" userId="d159c406-3740-4568-9f4d-6092b2495d2a" providerId="ADAL" clId="{68E68552-334A-49D4-906D-42EB7454986A}" dt="2023-10-18T07:32:14.519" v="5337" actId="478"/>
          <ac:spMkLst>
            <pc:docMk/>
            <pc:sldMk cId="532310637" sldId="2147476504"/>
            <ac:spMk id="39" creationId="{8AE91132-63B2-A336-18DA-52C9E25E8609}"/>
          </ac:spMkLst>
        </pc:spChg>
        <pc:spChg chg="add del mod">
          <ac:chgData name="Sara Mastrorosa" userId="d159c406-3740-4568-9f4d-6092b2495d2a" providerId="ADAL" clId="{68E68552-334A-49D4-906D-42EB7454986A}" dt="2023-10-19T07:31:15.719" v="7879" actId="478"/>
          <ac:spMkLst>
            <pc:docMk/>
            <pc:sldMk cId="532310637" sldId="2147476504"/>
            <ac:spMk id="41" creationId="{7A4C44F9-959E-6DCE-9BD1-01DB9A693859}"/>
          </ac:spMkLst>
        </pc:spChg>
        <pc:spChg chg="add mod">
          <ac:chgData name="Sara Mastrorosa" userId="d159c406-3740-4568-9f4d-6092b2495d2a" providerId="ADAL" clId="{68E68552-334A-49D4-906D-42EB7454986A}" dt="2023-10-18T08:06:26.696" v="6711" actId="14100"/>
          <ac:spMkLst>
            <pc:docMk/>
            <pc:sldMk cId="532310637" sldId="2147476504"/>
            <ac:spMk id="43" creationId="{9D268859-E0DA-D5DB-5830-8AE05AABEB57}"/>
          </ac:spMkLst>
        </pc:spChg>
        <pc:spChg chg="add mod">
          <ac:chgData name="Sara Mastrorosa" userId="d159c406-3740-4568-9f4d-6092b2495d2a" providerId="ADAL" clId="{68E68552-334A-49D4-906D-42EB7454986A}" dt="2023-10-18T08:06:31.670" v="6712" actId="123"/>
          <ac:spMkLst>
            <pc:docMk/>
            <pc:sldMk cId="532310637" sldId="2147476504"/>
            <ac:spMk id="50" creationId="{EB0B8325-30E1-9120-9AC3-0E9F96B007B8}"/>
          </ac:spMkLst>
        </pc:spChg>
        <pc:spChg chg="add mod">
          <ac:chgData name="Sara Mastrorosa" userId="d159c406-3740-4568-9f4d-6092b2495d2a" providerId="ADAL" clId="{68E68552-334A-49D4-906D-42EB7454986A}" dt="2023-10-19T15:02:27.228" v="9661" actId="1076"/>
          <ac:spMkLst>
            <pc:docMk/>
            <pc:sldMk cId="532310637" sldId="2147476504"/>
            <ac:spMk id="52" creationId="{03EC8E47-F05B-F789-3635-3ADDB8ACBBF2}"/>
          </ac:spMkLst>
        </pc:spChg>
        <pc:spChg chg="add del mod">
          <ac:chgData name="Sara Mastrorosa" userId="d159c406-3740-4568-9f4d-6092b2495d2a" providerId="ADAL" clId="{68E68552-334A-49D4-906D-42EB7454986A}" dt="2023-10-18T08:05:12.940" v="6596" actId="478"/>
          <ac:spMkLst>
            <pc:docMk/>
            <pc:sldMk cId="532310637" sldId="2147476504"/>
            <ac:spMk id="52" creationId="{EC3646FE-AE78-C433-C679-2A84E7FF225F}"/>
          </ac:spMkLst>
        </pc:spChg>
        <pc:spChg chg="add del mod">
          <ac:chgData name="Sara Mastrorosa" userId="d159c406-3740-4568-9f4d-6092b2495d2a" providerId="ADAL" clId="{68E68552-334A-49D4-906D-42EB7454986A}" dt="2023-10-19T15:02:22.654" v="9660" actId="478"/>
          <ac:spMkLst>
            <pc:docMk/>
            <pc:sldMk cId="532310637" sldId="2147476504"/>
            <ac:spMk id="54" creationId="{A9931386-5B68-8D24-8363-A174745E6D77}"/>
          </ac:spMkLst>
        </pc:spChg>
        <pc:grpChg chg="del mod">
          <ac:chgData name="Sara Mastrorosa" userId="d159c406-3740-4568-9f4d-6092b2495d2a" providerId="ADAL" clId="{68E68552-334A-49D4-906D-42EB7454986A}" dt="2023-10-18T07:51:04.390" v="5676" actId="478"/>
          <ac:grpSpMkLst>
            <pc:docMk/>
            <pc:sldMk cId="532310637" sldId="2147476504"/>
            <ac:grpSpMk id="15" creationId="{55EE7CB6-EE6E-9072-8B6D-AED65D023029}"/>
          </ac:grpSpMkLst>
        </pc:grpChg>
        <pc:graphicFrameChg chg="add mod modGraphic">
          <ac:chgData name="Sara Mastrorosa" userId="d159c406-3740-4568-9f4d-6092b2495d2a" providerId="ADAL" clId="{68E68552-334A-49D4-906D-42EB7454986A}" dt="2023-10-18T08:03:18.926" v="6551" actId="1038"/>
          <ac:graphicFrameMkLst>
            <pc:docMk/>
            <pc:sldMk cId="532310637" sldId="2147476504"/>
            <ac:graphicFrameMk id="20" creationId="{C7C0C9F3-AF3C-D24A-7721-A4419DA63DBB}"/>
          </ac:graphicFrameMkLst>
        </pc:graphicFrameChg>
        <pc:graphicFrameChg chg="add mod modGraphic">
          <ac:chgData name="Sara Mastrorosa" userId="d159c406-3740-4568-9f4d-6092b2495d2a" providerId="ADAL" clId="{68E68552-334A-49D4-906D-42EB7454986A}" dt="2023-10-18T08:03:18.926" v="6551" actId="1038"/>
          <ac:graphicFrameMkLst>
            <pc:docMk/>
            <pc:sldMk cId="532310637" sldId="2147476504"/>
            <ac:graphicFrameMk id="21" creationId="{52924C1B-8B8B-060D-E328-FE64BC46CD09}"/>
          </ac:graphicFrameMkLst>
        </pc:graphicFrameChg>
        <pc:picChg chg="mod ord">
          <ac:chgData name="Sara Mastrorosa" userId="d159c406-3740-4568-9f4d-6092b2495d2a" providerId="ADAL" clId="{68E68552-334A-49D4-906D-42EB7454986A}" dt="2023-10-18T07:52:19.919" v="5710" actId="1035"/>
          <ac:picMkLst>
            <pc:docMk/>
            <pc:sldMk cId="532310637" sldId="2147476504"/>
            <ac:picMk id="8" creationId="{700F3163-B876-9696-B4DD-4B74879E2474}"/>
          </ac:picMkLst>
        </pc:picChg>
        <pc:picChg chg="mod ord">
          <ac:chgData name="Sara Mastrorosa" userId="d159c406-3740-4568-9f4d-6092b2495d2a" providerId="ADAL" clId="{68E68552-334A-49D4-906D-42EB7454986A}" dt="2023-10-18T07:52:14.148" v="5702" actId="166"/>
          <ac:picMkLst>
            <pc:docMk/>
            <pc:sldMk cId="532310637" sldId="2147476504"/>
            <ac:picMk id="11" creationId="{7B19A6C8-0569-F841-BFE5-9C0A9639DD9E}"/>
          </ac:picMkLst>
        </pc:picChg>
        <pc:picChg chg="del">
          <ac:chgData name="Sara Mastrorosa" userId="d159c406-3740-4568-9f4d-6092b2495d2a" providerId="ADAL" clId="{68E68552-334A-49D4-906D-42EB7454986A}" dt="2023-10-18T07:32:14.519" v="5337" actId="478"/>
          <ac:picMkLst>
            <pc:docMk/>
            <pc:sldMk cId="532310637" sldId="2147476504"/>
            <ac:picMk id="14" creationId="{15C60654-0836-0300-DBD9-25C8FC1E3FA4}"/>
          </ac:picMkLst>
        </pc:picChg>
        <pc:picChg chg="add mod">
          <ac:chgData name="Sara Mastrorosa" userId="d159c406-3740-4568-9f4d-6092b2495d2a" providerId="ADAL" clId="{68E68552-334A-49D4-906D-42EB7454986A}" dt="2023-10-18T08:11:56.011" v="6976" actId="1038"/>
          <ac:picMkLst>
            <pc:docMk/>
            <pc:sldMk cId="532310637" sldId="2147476504"/>
            <ac:picMk id="23" creationId="{E479C2DA-3C27-1373-8D30-33DABE1D2C17}"/>
          </ac:picMkLst>
        </pc:picChg>
        <pc:picChg chg="add del mod">
          <ac:chgData name="Sara Mastrorosa" userId="d159c406-3740-4568-9f4d-6092b2495d2a" providerId="ADAL" clId="{68E68552-334A-49D4-906D-42EB7454986A}" dt="2023-10-18T07:32:48.965" v="5342" actId="478"/>
          <ac:picMkLst>
            <pc:docMk/>
            <pc:sldMk cId="532310637" sldId="2147476504"/>
            <ac:picMk id="27" creationId="{200181D0-352E-8654-BDF1-2F636D362CF8}"/>
          </ac:picMkLst>
        </pc:picChg>
        <pc:picChg chg="add mod">
          <ac:chgData name="Sara Mastrorosa" userId="d159c406-3740-4568-9f4d-6092b2495d2a" providerId="ADAL" clId="{68E68552-334A-49D4-906D-42EB7454986A}" dt="2023-10-18T08:11:48.270" v="6940" actId="1037"/>
          <ac:picMkLst>
            <pc:docMk/>
            <pc:sldMk cId="532310637" sldId="2147476504"/>
            <ac:picMk id="29" creationId="{CB57E2FD-8885-340C-A713-5416A3CC75BD}"/>
          </ac:picMkLst>
        </pc:picChg>
        <pc:picChg chg="add mod">
          <ac:chgData name="Sara Mastrorosa" userId="d159c406-3740-4568-9f4d-6092b2495d2a" providerId="ADAL" clId="{68E68552-334A-49D4-906D-42EB7454986A}" dt="2023-10-18T08:11:44.668" v="6906" actId="1038"/>
          <ac:picMkLst>
            <pc:docMk/>
            <pc:sldMk cId="532310637" sldId="2147476504"/>
            <ac:picMk id="30" creationId="{A02BEA92-E167-6577-8BE7-3736A8089A04}"/>
          </ac:picMkLst>
        </pc:picChg>
        <pc:picChg chg="add mod">
          <ac:chgData name="Sara Mastrorosa" userId="d159c406-3740-4568-9f4d-6092b2495d2a" providerId="ADAL" clId="{68E68552-334A-49D4-906D-42EB7454986A}" dt="2023-10-18T08:11:42.793" v="6879" actId="1038"/>
          <ac:picMkLst>
            <pc:docMk/>
            <pc:sldMk cId="532310637" sldId="2147476504"/>
            <ac:picMk id="31" creationId="{557BEED6-21E4-DCE6-3602-3BBFD4DF1F05}"/>
          </ac:picMkLst>
        </pc:picChg>
        <pc:picChg chg="add mod ord">
          <ac:chgData name="Sara Mastrorosa" userId="d159c406-3740-4568-9f4d-6092b2495d2a" providerId="ADAL" clId="{68E68552-334A-49D4-906D-42EB7454986A}" dt="2023-10-18T07:52:42.601" v="5731" actId="166"/>
          <ac:picMkLst>
            <pc:docMk/>
            <pc:sldMk cId="532310637" sldId="2147476504"/>
            <ac:picMk id="32" creationId="{108B9711-99E3-CE18-AC44-0B5B18107BC2}"/>
          </ac:picMkLst>
        </pc:picChg>
        <pc:picChg chg="del">
          <ac:chgData name="Sara Mastrorosa" userId="d159c406-3740-4568-9f4d-6092b2495d2a" providerId="ADAL" clId="{68E68552-334A-49D4-906D-42EB7454986A}" dt="2023-10-18T07:32:14.519" v="5337" actId="478"/>
          <ac:picMkLst>
            <pc:docMk/>
            <pc:sldMk cId="532310637" sldId="2147476504"/>
            <ac:picMk id="41" creationId="{45C0EFD5-F600-46A8-A5D5-135975D89167}"/>
          </ac:picMkLst>
        </pc:picChg>
        <pc:picChg chg="add mod ord">
          <ac:chgData name="Sara Mastrorosa" userId="d159c406-3740-4568-9f4d-6092b2495d2a" providerId="ADAL" clId="{68E68552-334A-49D4-906D-42EB7454986A}" dt="2023-10-18T07:59:22.667" v="6156" actId="1037"/>
          <ac:picMkLst>
            <pc:docMk/>
            <pc:sldMk cId="532310637" sldId="2147476504"/>
            <ac:picMk id="42" creationId="{8577A53A-BC62-B8FC-20CC-718EFBF2EA1E}"/>
          </ac:picMkLst>
        </pc:picChg>
        <pc:picChg chg="add mod">
          <ac:chgData name="Sara Mastrorosa" userId="d159c406-3740-4568-9f4d-6092b2495d2a" providerId="ADAL" clId="{68E68552-334A-49D4-906D-42EB7454986A}" dt="2023-10-19T15:02:27.228" v="9661" actId="1076"/>
          <ac:picMkLst>
            <pc:docMk/>
            <pc:sldMk cId="532310637" sldId="2147476504"/>
            <ac:picMk id="44" creationId="{0BD0ED49-407A-A0A8-04DF-73D8510B5B9D}"/>
          </ac:picMkLst>
        </pc:picChg>
        <pc:picChg chg="add mod">
          <ac:chgData name="Sara Mastrorosa" userId="d159c406-3740-4568-9f4d-6092b2495d2a" providerId="ADAL" clId="{68E68552-334A-49D4-906D-42EB7454986A}" dt="2023-10-18T07:52:27.591" v="5712" actId="1076"/>
          <ac:picMkLst>
            <pc:docMk/>
            <pc:sldMk cId="532310637" sldId="2147476504"/>
            <ac:picMk id="48" creationId="{7622E190-F1D1-226B-19FA-3AF8D2E1BC7A}"/>
          </ac:picMkLst>
        </pc:picChg>
        <pc:picChg chg="add del mod">
          <ac:chgData name="Sara Mastrorosa" userId="d159c406-3740-4568-9f4d-6092b2495d2a" providerId="ADAL" clId="{68E68552-334A-49D4-906D-42EB7454986A}" dt="2023-10-19T15:02:19.016" v="9657" actId="478"/>
          <ac:picMkLst>
            <pc:docMk/>
            <pc:sldMk cId="532310637" sldId="2147476504"/>
            <ac:picMk id="51" creationId="{96B88CD2-320E-112C-7DD5-BFFAB21961B4}"/>
          </ac:picMkLst>
        </pc:picChg>
        <pc:picChg chg="add del mod">
          <ac:chgData name="Sara Mastrorosa" userId="d159c406-3740-4568-9f4d-6092b2495d2a" providerId="ADAL" clId="{68E68552-334A-49D4-906D-42EB7454986A}" dt="2023-10-18T08:05:00.644" v="6585" actId="478"/>
          <ac:picMkLst>
            <pc:docMk/>
            <pc:sldMk cId="532310637" sldId="2147476504"/>
            <ac:picMk id="53" creationId="{680AD6D3-ADF3-C7C9-D1A5-76F8775E5AB8}"/>
          </ac:picMkLst>
        </pc:picChg>
        <pc:cxnChg chg="add mod">
          <ac:chgData name="Sara Mastrorosa" userId="d159c406-3740-4568-9f4d-6092b2495d2a" providerId="ADAL" clId="{68E68552-334A-49D4-906D-42EB7454986A}" dt="2023-10-19T07:29:38.708" v="7841" actId="1076"/>
          <ac:cxnSpMkLst>
            <pc:docMk/>
            <pc:sldMk cId="532310637" sldId="2147476504"/>
            <ac:cxnSpMk id="2" creationId="{00CC7522-4D53-8456-7FCB-865850AB3B97}"/>
          </ac:cxnSpMkLst>
        </pc:cxnChg>
        <pc:cxnChg chg="add mod">
          <ac:chgData name="Sara Mastrorosa" userId="d159c406-3740-4568-9f4d-6092b2495d2a" providerId="ADAL" clId="{68E68552-334A-49D4-906D-42EB7454986A}" dt="2023-10-18T08:03:18.926" v="6551" actId="1038"/>
          <ac:cxnSpMkLst>
            <pc:docMk/>
            <pc:sldMk cId="532310637" sldId="2147476504"/>
            <ac:cxnSpMk id="3" creationId="{A1ADF8C4-A8E2-846E-EC00-42EE03D532F8}"/>
          </ac:cxnSpMkLst>
        </pc:cxnChg>
        <pc:cxnChg chg="add mod ord">
          <ac:chgData name="Sara Mastrorosa" userId="d159c406-3740-4568-9f4d-6092b2495d2a" providerId="ADAL" clId="{68E68552-334A-49D4-906D-42EB7454986A}" dt="2023-10-19T07:30:05.928" v="7856" actId="167"/>
          <ac:cxnSpMkLst>
            <pc:docMk/>
            <pc:sldMk cId="532310637" sldId="2147476504"/>
            <ac:cxnSpMk id="7" creationId="{94EAB30F-9703-5FF8-E251-AF3F5D94D4A0}"/>
          </ac:cxnSpMkLst>
        </pc:cxnChg>
        <pc:cxnChg chg="add mod">
          <ac:chgData name="Sara Mastrorosa" userId="d159c406-3740-4568-9f4d-6092b2495d2a" providerId="ADAL" clId="{68E68552-334A-49D4-906D-42EB7454986A}" dt="2023-10-19T07:28:23.938" v="7833" actId="1076"/>
          <ac:cxnSpMkLst>
            <pc:docMk/>
            <pc:sldMk cId="532310637" sldId="2147476504"/>
            <ac:cxnSpMk id="25" creationId="{A76C1C90-20A8-5FC3-633A-AA868A8F6BAF}"/>
          </ac:cxnSpMkLst>
        </pc:cxnChg>
        <pc:cxnChg chg="add del mod">
          <ac:chgData name="Sara Mastrorosa" userId="d159c406-3740-4568-9f4d-6092b2495d2a" providerId="ADAL" clId="{68E68552-334A-49D4-906D-42EB7454986A}" dt="2023-10-19T07:31:14.599" v="7878" actId="478"/>
          <ac:cxnSpMkLst>
            <pc:docMk/>
            <pc:sldMk cId="532310637" sldId="2147476504"/>
            <ac:cxnSpMk id="38" creationId="{BE4D7730-854B-D119-E39D-CB7669E54CD7}"/>
          </ac:cxnSpMkLst>
        </pc:cxnChg>
        <pc:cxnChg chg="mod">
          <ac:chgData name="Sara Mastrorosa" userId="d159c406-3740-4568-9f4d-6092b2495d2a" providerId="ADAL" clId="{68E68552-334A-49D4-906D-42EB7454986A}" dt="2023-10-18T08:06:04.232" v="6708" actId="14100"/>
          <ac:cxnSpMkLst>
            <pc:docMk/>
            <pc:sldMk cId="532310637" sldId="2147476504"/>
            <ac:cxnSpMk id="45" creationId="{446367E0-F1A8-E41E-9CA4-83BBA9412598}"/>
          </ac:cxnSpMkLst>
        </pc:cxnChg>
        <pc:cxnChg chg="mod">
          <ac:chgData name="Sara Mastrorosa" userId="d159c406-3740-4568-9f4d-6092b2495d2a" providerId="ADAL" clId="{68E68552-334A-49D4-906D-42EB7454986A}" dt="2023-10-18T08:05:48.278" v="6686" actId="14100"/>
          <ac:cxnSpMkLst>
            <pc:docMk/>
            <pc:sldMk cId="532310637" sldId="2147476504"/>
            <ac:cxnSpMk id="46" creationId="{F70E07B8-B9B2-09FB-6ED8-EBD4852E19F7}"/>
          </ac:cxnSpMkLst>
        </pc:cxnChg>
        <pc:cxnChg chg="mod">
          <ac:chgData name="Sara Mastrorosa" userId="d159c406-3740-4568-9f4d-6092b2495d2a" providerId="ADAL" clId="{68E68552-334A-49D4-906D-42EB7454986A}" dt="2023-10-18T08:06:08.703" v="6709" actId="1076"/>
          <ac:cxnSpMkLst>
            <pc:docMk/>
            <pc:sldMk cId="532310637" sldId="2147476504"/>
            <ac:cxnSpMk id="47" creationId="{6EAD61A9-072A-9B1D-FA54-C70EE017FF23}"/>
          </ac:cxnSpMkLst>
        </pc:cxnChg>
        <pc:cxnChg chg="mod ord">
          <ac:chgData name="Sara Mastrorosa" userId="d159c406-3740-4568-9f4d-6092b2495d2a" providerId="ADAL" clId="{68E68552-334A-49D4-906D-42EB7454986A}" dt="2023-10-18T08:05:38.811" v="6642" actId="14100"/>
          <ac:cxnSpMkLst>
            <pc:docMk/>
            <pc:sldMk cId="532310637" sldId="2147476504"/>
            <ac:cxnSpMk id="49" creationId="{A7029C7A-F9FF-B330-2334-B75E30B98051}"/>
          </ac:cxnSpMkLst>
        </pc:cxnChg>
        <pc:cxnChg chg="add mod">
          <ac:chgData name="Sara Mastrorosa" userId="d159c406-3740-4568-9f4d-6092b2495d2a" providerId="ADAL" clId="{68E68552-334A-49D4-906D-42EB7454986A}" dt="2023-10-18T08:05:51.216" v="6687" actId="14100"/>
          <ac:cxnSpMkLst>
            <pc:docMk/>
            <pc:sldMk cId="532310637" sldId="2147476504"/>
            <ac:cxnSpMk id="56" creationId="{D991278C-C6E7-10E7-A938-A84EAD0B3E0F}"/>
          </ac:cxnSpMkLst>
        </pc:cxnChg>
      </pc:sldChg>
      <pc:sldChg chg="addSp delSp modSp add mod ord modShow modNotesTx">
        <pc:chgData name="Sara Mastrorosa" userId="d159c406-3740-4568-9f4d-6092b2495d2a" providerId="ADAL" clId="{68E68552-334A-49D4-906D-42EB7454986A}" dt="2023-10-19T08:00:16.819" v="9045" actId="729"/>
        <pc:sldMkLst>
          <pc:docMk/>
          <pc:sldMk cId="7393120" sldId="2147476505"/>
        </pc:sldMkLst>
        <pc:spChg chg="add mod">
          <ac:chgData name="Sara Mastrorosa" userId="d159c406-3740-4568-9f4d-6092b2495d2a" providerId="ADAL" clId="{68E68552-334A-49D4-906D-42EB7454986A}" dt="2023-10-18T08:58:34.719" v="7770" actId="1038"/>
          <ac:spMkLst>
            <pc:docMk/>
            <pc:sldMk cId="7393120" sldId="2147476505"/>
            <ac:spMk id="2" creationId="{ABCC9009-EF47-61CB-97FD-18B1D7BE7CE5}"/>
          </ac:spMkLst>
        </pc:spChg>
        <pc:spChg chg="add del mod">
          <ac:chgData name="Sara Mastrorosa" userId="d159c406-3740-4568-9f4d-6092b2495d2a" providerId="ADAL" clId="{68E68552-334A-49D4-906D-42EB7454986A}" dt="2023-10-19T07:35:44.869" v="7951"/>
          <ac:spMkLst>
            <pc:docMk/>
            <pc:sldMk cId="7393120" sldId="2147476505"/>
            <ac:spMk id="3" creationId="{8EE7D985-9F22-9A8F-4CAB-A85DAA911C23}"/>
          </ac:spMkLst>
        </pc:spChg>
        <pc:spChg chg="mod">
          <ac:chgData name="Sara Mastrorosa" userId="d159c406-3740-4568-9f4d-6092b2495d2a" providerId="ADAL" clId="{68E68552-334A-49D4-906D-42EB7454986A}" dt="2023-10-18T08:59:59.673" v="7788" actId="14100"/>
          <ac:spMkLst>
            <pc:docMk/>
            <pc:sldMk cId="7393120" sldId="2147476505"/>
            <ac:spMk id="21" creationId="{FBA65309-33F5-FA85-C3A2-D750A38CCD65}"/>
          </ac:spMkLst>
        </pc:spChg>
        <pc:spChg chg="mod">
          <ac:chgData name="Sara Mastrorosa" userId="d159c406-3740-4568-9f4d-6092b2495d2a" providerId="ADAL" clId="{68E68552-334A-49D4-906D-42EB7454986A}" dt="2023-10-18T09:01:29.924" v="7791" actId="207"/>
          <ac:spMkLst>
            <pc:docMk/>
            <pc:sldMk cId="7393120" sldId="2147476505"/>
            <ac:spMk id="23" creationId="{DE0A2CA3-063E-9A46-1300-F4116572DB4E}"/>
          </ac:spMkLst>
        </pc:spChg>
        <pc:spChg chg="mod">
          <ac:chgData name="Sara Mastrorosa" userId="d159c406-3740-4568-9f4d-6092b2495d2a" providerId="ADAL" clId="{68E68552-334A-49D4-906D-42EB7454986A}" dt="2023-10-19T07:34:12.935" v="7935" actId="14100"/>
          <ac:spMkLst>
            <pc:docMk/>
            <pc:sldMk cId="7393120" sldId="2147476505"/>
            <ac:spMk id="24" creationId="{11290F86-585A-7D57-F7D5-CD72BC5991CA}"/>
          </ac:spMkLst>
        </pc:spChg>
        <pc:spChg chg="mod">
          <ac:chgData name="Sara Mastrorosa" userId="d159c406-3740-4568-9f4d-6092b2495d2a" providerId="ADAL" clId="{68E68552-334A-49D4-906D-42EB7454986A}" dt="2023-10-19T07:34:05.671" v="7932" actId="14100"/>
          <ac:spMkLst>
            <pc:docMk/>
            <pc:sldMk cId="7393120" sldId="2147476505"/>
            <ac:spMk id="25" creationId="{278A2E72-8D27-E34B-702C-049D72114000}"/>
          </ac:spMkLst>
        </pc:spChg>
        <pc:spChg chg="mod">
          <ac:chgData name="Sara Mastrorosa" userId="d159c406-3740-4568-9f4d-6092b2495d2a" providerId="ADAL" clId="{68E68552-334A-49D4-906D-42EB7454986A}" dt="2023-10-19T07:33:14.003" v="7925" actId="14100"/>
          <ac:spMkLst>
            <pc:docMk/>
            <pc:sldMk cId="7393120" sldId="2147476505"/>
            <ac:spMk id="26" creationId="{0DAB9066-252B-A5EB-749A-45ECBF0DE74E}"/>
          </ac:spMkLst>
        </pc:spChg>
        <pc:spChg chg="mod">
          <ac:chgData name="Sara Mastrorosa" userId="d159c406-3740-4568-9f4d-6092b2495d2a" providerId="ADAL" clId="{68E68552-334A-49D4-906D-42EB7454986A}" dt="2023-10-18T09:01:29.924" v="7791" actId="207"/>
          <ac:spMkLst>
            <pc:docMk/>
            <pc:sldMk cId="7393120" sldId="2147476505"/>
            <ac:spMk id="29" creationId="{8C486CB6-E035-6A8E-38D6-B18B8723311E}"/>
          </ac:spMkLst>
        </pc:spChg>
        <pc:spChg chg="mod">
          <ac:chgData name="Sara Mastrorosa" userId="d159c406-3740-4568-9f4d-6092b2495d2a" providerId="ADAL" clId="{68E68552-334A-49D4-906D-42EB7454986A}" dt="2023-10-18T09:01:29.924" v="7791" actId="207"/>
          <ac:spMkLst>
            <pc:docMk/>
            <pc:sldMk cId="7393120" sldId="2147476505"/>
            <ac:spMk id="56" creationId="{D27E350A-91AE-C291-0C6F-98915FAA5018}"/>
          </ac:spMkLst>
        </pc:spChg>
        <pc:spChg chg="mod">
          <ac:chgData name="Sara Mastrorosa" userId="d159c406-3740-4568-9f4d-6092b2495d2a" providerId="ADAL" clId="{68E68552-334A-49D4-906D-42EB7454986A}" dt="2023-10-18T09:01:29.924" v="7791" actId="207"/>
          <ac:spMkLst>
            <pc:docMk/>
            <pc:sldMk cId="7393120" sldId="2147476505"/>
            <ac:spMk id="62" creationId="{727E9C2F-F1A5-825F-6ABE-E3FE737B3AA6}"/>
          </ac:spMkLst>
        </pc:spChg>
        <pc:spChg chg="mod">
          <ac:chgData name="Sara Mastrorosa" userId="d159c406-3740-4568-9f4d-6092b2495d2a" providerId="ADAL" clId="{68E68552-334A-49D4-906D-42EB7454986A}" dt="2023-10-19T07:35:33.096" v="7948"/>
          <ac:spMkLst>
            <pc:docMk/>
            <pc:sldMk cId="7393120" sldId="2147476505"/>
            <ac:spMk id="112" creationId="{071C3B06-E727-A9AC-94AA-F301F0C63598}"/>
          </ac:spMkLst>
        </pc:spChg>
        <pc:spChg chg="mod">
          <ac:chgData name="Sara Mastrorosa" userId="d159c406-3740-4568-9f4d-6092b2495d2a" providerId="ADAL" clId="{68E68552-334A-49D4-906D-42EB7454986A}" dt="2023-10-19T07:32:56.337" v="7920" actId="20577"/>
          <ac:spMkLst>
            <pc:docMk/>
            <pc:sldMk cId="7393120" sldId="2147476505"/>
            <ac:spMk id="263" creationId="{3C5A95A6-7F20-1A69-1451-5325A6680337}"/>
          </ac:spMkLst>
        </pc:spChg>
        <pc:spChg chg="mod">
          <ac:chgData name="Sara Mastrorosa" userId="d159c406-3740-4568-9f4d-6092b2495d2a" providerId="ADAL" clId="{68E68552-334A-49D4-906D-42EB7454986A}" dt="2023-10-19T07:32:17.345" v="7887" actId="20577"/>
          <ac:spMkLst>
            <pc:docMk/>
            <pc:sldMk cId="7393120" sldId="2147476505"/>
            <ac:spMk id="273" creationId="{0A41BBD1-BBD9-7312-A609-DA3A6C25E8D0}"/>
          </ac:spMkLst>
        </pc:spChg>
        <pc:spChg chg="mod">
          <ac:chgData name="Sara Mastrorosa" userId="d159c406-3740-4568-9f4d-6092b2495d2a" providerId="ADAL" clId="{68E68552-334A-49D4-906D-42EB7454986A}" dt="2023-10-19T07:34:55.090" v="7938" actId="20577"/>
          <ac:spMkLst>
            <pc:docMk/>
            <pc:sldMk cId="7393120" sldId="2147476505"/>
            <ac:spMk id="282" creationId="{022EAB5F-2469-80A1-9DB3-F166537F6E53}"/>
          </ac:spMkLst>
        </pc:spChg>
        <pc:graphicFrameChg chg="mod">
          <ac:chgData name="Sara Mastrorosa" userId="d159c406-3740-4568-9f4d-6092b2495d2a" providerId="ADAL" clId="{68E68552-334A-49D4-906D-42EB7454986A}" dt="2023-10-19T07:35:38.431" v="7949" actId="20577"/>
          <ac:graphicFrameMkLst>
            <pc:docMk/>
            <pc:sldMk cId="7393120" sldId="2147476505"/>
            <ac:graphicFrameMk id="54" creationId="{5AD0B9AA-3A95-12DE-3DBD-B85EC15FD3D0}"/>
          </ac:graphicFrameMkLst>
        </pc:graphicFrameChg>
      </pc:sldChg>
      <pc:sldChg chg="addSp delSp modSp add mod">
        <pc:chgData name="Sara Mastrorosa" userId="d159c406-3740-4568-9f4d-6092b2495d2a" providerId="ADAL" clId="{68E68552-334A-49D4-906D-42EB7454986A}" dt="2023-10-19T14:56:20.330" v="9522" actId="20577"/>
        <pc:sldMkLst>
          <pc:docMk/>
          <pc:sldMk cId="2939217394" sldId="2147476506"/>
        </pc:sldMkLst>
        <pc:spChg chg="mod">
          <ac:chgData name="Sara Mastrorosa" userId="d159c406-3740-4568-9f4d-6092b2495d2a" providerId="ADAL" clId="{68E68552-334A-49D4-906D-42EB7454986A}" dt="2023-10-19T07:55:37" v="8735" actId="1035"/>
          <ac:spMkLst>
            <pc:docMk/>
            <pc:sldMk cId="2939217394" sldId="2147476506"/>
            <ac:spMk id="2" creationId="{ABCC9009-EF47-61CB-97FD-18B1D7BE7CE5}"/>
          </ac:spMkLst>
        </pc:spChg>
        <pc:spChg chg="add mod">
          <ac:chgData name="Sara Mastrorosa" userId="d159c406-3740-4568-9f4d-6092b2495d2a" providerId="ADAL" clId="{68E68552-334A-49D4-906D-42EB7454986A}" dt="2023-10-19T14:53:21.916" v="9473" actId="208"/>
          <ac:spMkLst>
            <pc:docMk/>
            <pc:sldMk cId="2939217394" sldId="2147476506"/>
            <ac:spMk id="3" creationId="{F9A22F7F-89C6-8C8B-CE37-EDB85EDD5107}"/>
          </ac:spMkLst>
        </pc:spChg>
        <pc:spChg chg="add del mod">
          <ac:chgData name="Sara Mastrorosa" userId="d159c406-3740-4568-9f4d-6092b2495d2a" providerId="ADAL" clId="{68E68552-334A-49D4-906D-42EB7454986A}" dt="2023-10-19T14:51:36.003" v="9456" actId="21"/>
          <ac:spMkLst>
            <pc:docMk/>
            <pc:sldMk cId="2939217394" sldId="2147476506"/>
            <ac:spMk id="9" creationId="{7D6AAE7C-F40C-DBC4-78C5-DA51A5F29500}"/>
          </ac:spMkLst>
        </pc:spChg>
        <pc:spChg chg="add del mod">
          <ac:chgData name="Sara Mastrorosa" userId="d159c406-3740-4568-9f4d-6092b2495d2a" providerId="ADAL" clId="{68E68552-334A-49D4-906D-42EB7454986A}" dt="2023-10-19T07:45:58.859" v="8343" actId="478"/>
          <ac:spMkLst>
            <pc:docMk/>
            <pc:sldMk cId="2939217394" sldId="2147476506"/>
            <ac:spMk id="10" creationId="{0FC7CBFA-1956-9FE2-F04C-D88937EE024F}"/>
          </ac:spMkLst>
        </pc:spChg>
        <pc:spChg chg="add del mod">
          <ac:chgData name="Sara Mastrorosa" userId="d159c406-3740-4568-9f4d-6092b2495d2a" providerId="ADAL" clId="{68E68552-334A-49D4-906D-42EB7454986A}" dt="2023-10-19T07:46:00.827" v="8346" actId="478"/>
          <ac:spMkLst>
            <pc:docMk/>
            <pc:sldMk cId="2939217394" sldId="2147476506"/>
            <ac:spMk id="11" creationId="{465E20AB-CDA8-7FCE-E2DC-A74F93E6185D}"/>
          </ac:spMkLst>
        </pc:spChg>
        <pc:spChg chg="add del mod">
          <ac:chgData name="Sara Mastrorosa" userId="d159c406-3740-4568-9f4d-6092b2495d2a" providerId="ADAL" clId="{68E68552-334A-49D4-906D-42EB7454986A}" dt="2023-10-19T07:45:58.859" v="8343" actId="478"/>
          <ac:spMkLst>
            <pc:docMk/>
            <pc:sldMk cId="2939217394" sldId="2147476506"/>
            <ac:spMk id="12" creationId="{25AC4F1A-15BB-5F5C-6B10-D68F8CB8E1B5}"/>
          </ac:spMkLst>
        </pc:spChg>
        <pc:spChg chg="add del mod">
          <ac:chgData name="Sara Mastrorosa" userId="d159c406-3740-4568-9f4d-6092b2495d2a" providerId="ADAL" clId="{68E68552-334A-49D4-906D-42EB7454986A}" dt="2023-10-19T07:45:58.859" v="8343" actId="478"/>
          <ac:spMkLst>
            <pc:docMk/>
            <pc:sldMk cId="2939217394" sldId="2147476506"/>
            <ac:spMk id="14" creationId="{84F8E58C-E364-AC43-5BA8-FA7C7EC2A7E8}"/>
          </ac:spMkLst>
        </pc:spChg>
        <pc:spChg chg="add del mod">
          <ac:chgData name="Sara Mastrorosa" userId="d159c406-3740-4568-9f4d-6092b2495d2a" providerId="ADAL" clId="{68E68552-334A-49D4-906D-42EB7454986A}" dt="2023-10-19T07:45:58.859" v="8343" actId="478"/>
          <ac:spMkLst>
            <pc:docMk/>
            <pc:sldMk cId="2939217394" sldId="2147476506"/>
            <ac:spMk id="15" creationId="{C83DC699-4AED-CA30-CEA4-01FC8C94AC79}"/>
          </ac:spMkLst>
        </pc:spChg>
        <pc:spChg chg="add del mod">
          <ac:chgData name="Sara Mastrorosa" userId="d159c406-3740-4568-9f4d-6092b2495d2a" providerId="ADAL" clId="{68E68552-334A-49D4-906D-42EB7454986A}" dt="2023-10-19T07:45:58.859" v="8343" actId="478"/>
          <ac:spMkLst>
            <pc:docMk/>
            <pc:sldMk cId="2939217394" sldId="2147476506"/>
            <ac:spMk id="16" creationId="{F9CB443F-0859-D157-04AA-74294A33C393}"/>
          </ac:spMkLst>
        </pc:spChg>
        <pc:spChg chg="add mod">
          <ac:chgData name="Sara Mastrorosa" userId="d159c406-3740-4568-9f4d-6092b2495d2a" providerId="ADAL" clId="{68E68552-334A-49D4-906D-42EB7454986A}" dt="2023-10-19T14:02:30.410" v="9116" actId="1037"/>
          <ac:spMkLst>
            <pc:docMk/>
            <pc:sldMk cId="2939217394" sldId="2147476506"/>
            <ac:spMk id="17" creationId="{EF4DE792-6C5D-6E0C-B0DE-2A5691D5A9D9}"/>
          </ac:spMkLst>
        </pc:spChg>
        <pc:spChg chg="mod">
          <ac:chgData name="Sara Mastrorosa" userId="d159c406-3740-4568-9f4d-6092b2495d2a" providerId="ADAL" clId="{68E68552-334A-49D4-906D-42EB7454986A}" dt="2023-10-19T07:46:24.684" v="8352"/>
          <ac:spMkLst>
            <pc:docMk/>
            <pc:sldMk cId="2939217394" sldId="2147476506"/>
            <ac:spMk id="20" creationId="{12BD8C21-B802-DC63-95FA-3F236D8C86BB}"/>
          </ac:spMkLst>
        </pc:spChg>
        <pc:spChg chg="mod">
          <ac:chgData name="Sara Mastrorosa" userId="d159c406-3740-4568-9f4d-6092b2495d2a" providerId="ADAL" clId="{68E68552-334A-49D4-906D-42EB7454986A}" dt="2023-10-19T07:44:14.227" v="8265" actId="404"/>
          <ac:spMkLst>
            <pc:docMk/>
            <pc:sldMk cId="2939217394" sldId="2147476506"/>
            <ac:spMk id="21" creationId="{FBA65309-33F5-FA85-C3A2-D750A38CCD65}"/>
          </ac:spMkLst>
        </pc:spChg>
        <pc:spChg chg="mod">
          <ac:chgData name="Sara Mastrorosa" userId="d159c406-3740-4568-9f4d-6092b2495d2a" providerId="ADAL" clId="{68E68552-334A-49D4-906D-42EB7454986A}" dt="2023-10-19T07:44:14.227" v="8265" actId="404"/>
          <ac:spMkLst>
            <pc:docMk/>
            <pc:sldMk cId="2939217394" sldId="2147476506"/>
            <ac:spMk id="22" creationId="{C3F08930-AB7B-9B30-5D9C-6BE1A2E83EB5}"/>
          </ac:spMkLst>
        </pc:spChg>
        <pc:spChg chg="mod">
          <ac:chgData name="Sara Mastrorosa" userId="d159c406-3740-4568-9f4d-6092b2495d2a" providerId="ADAL" clId="{68E68552-334A-49D4-906D-42EB7454986A}" dt="2023-10-19T07:44:14.227" v="8265" actId="404"/>
          <ac:spMkLst>
            <pc:docMk/>
            <pc:sldMk cId="2939217394" sldId="2147476506"/>
            <ac:spMk id="23" creationId="{DE0A2CA3-063E-9A46-1300-F4116572DB4E}"/>
          </ac:spMkLst>
        </pc:spChg>
        <pc:spChg chg="mod">
          <ac:chgData name="Sara Mastrorosa" userId="d159c406-3740-4568-9f4d-6092b2495d2a" providerId="ADAL" clId="{68E68552-334A-49D4-906D-42EB7454986A}" dt="2023-10-19T07:44:14.227" v="8265" actId="404"/>
          <ac:spMkLst>
            <pc:docMk/>
            <pc:sldMk cId="2939217394" sldId="2147476506"/>
            <ac:spMk id="24" creationId="{11290F86-585A-7D57-F7D5-CD72BC5991CA}"/>
          </ac:spMkLst>
        </pc:spChg>
        <pc:spChg chg="mod">
          <ac:chgData name="Sara Mastrorosa" userId="d159c406-3740-4568-9f4d-6092b2495d2a" providerId="ADAL" clId="{68E68552-334A-49D4-906D-42EB7454986A}" dt="2023-10-19T07:44:14.227" v="8265" actId="404"/>
          <ac:spMkLst>
            <pc:docMk/>
            <pc:sldMk cId="2939217394" sldId="2147476506"/>
            <ac:spMk id="25" creationId="{278A2E72-8D27-E34B-702C-049D72114000}"/>
          </ac:spMkLst>
        </pc:spChg>
        <pc:spChg chg="mod">
          <ac:chgData name="Sara Mastrorosa" userId="d159c406-3740-4568-9f4d-6092b2495d2a" providerId="ADAL" clId="{68E68552-334A-49D4-906D-42EB7454986A}" dt="2023-10-19T07:44:14.227" v="8265" actId="404"/>
          <ac:spMkLst>
            <pc:docMk/>
            <pc:sldMk cId="2939217394" sldId="2147476506"/>
            <ac:spMk id="26" creationId="{0DAB9066-252B-A5EB-749A-45ECBF0DE74E}"/>
          </ac:spMkLst>
        </pc:spChg>
        <pc:spChg chg="mod">
          <ac:chgData name="Sara Mastrorosa" userId="d159c406-3740-4568-9f4d-6092b2495d2a" providerId="ADAL" clId="{68E68552-334A-49D4-906D-42EB7454986A}" dt="2023-10-19T07:46:24.684" v="8352"/>
          <ac:spMkLst>
            <pc:docMk/>
            <pc:sldMk cId="2939217394" sldId="2147476506"/>
            <ac:spMk id="27" creationId="{E2C4CC45-17E2-1AC2-7AEE-FC67B17A273D}"/>
          </ac:spMkLst>
        </pc:spChg>
        <pc:spChg chg="mod">
          <ac:chgData name="Sara Mastrorosa" userId="d159c406-3740-4568-9f4d-6092b2495d2a" providerId="ADAL" clId="{68E68552-334A-49D4-906D-42EB7454986A}" dt="2023-10-19T14:52:08.523" v="9462" actId="1076"/>
          <ac:spMkLst>
            <pc:docMk/>
            <pc:sldMk cId="2939217394" sldId="2147476506"/>
            <ac:spMk id="28" creationId="{D7CDA457-2CF1-2091-8ABC-9A66AF9D69C4}"/>
          </ac:spMkLst>
        </pc:spChg>
        <pc:spChg chg="mod">
          <ac:chgData name="Sara Mastrorosa" userId="d159c406-3740-4568-9f4d-6092b2495d2a" providerId="ADAL" clId="{68E68552-334A-49D4-906D-42EB7454986A}" dt="2023-10-19T07:58:11.495" v="8923" actId="1035"/>
          <ac:spMkLst>
            <pc:docMk/>
            <pc:sldMk cId="2939217394" sldId="2147476506"/>
            <ac:spMk id="29" creationId="{8C486CB6-E035-6A8E-38D6-B18B8723311E}"/>
          </ac:spMkLst>
        </pc:spChg>
        <pc:spChg chg="mod">
          <ac:chgData name="Sara Mastrorosa" userId="d159c406-3740-4568-9f4d-6092b2495d2a" providerId="ADAL" clId="{68E68552-334A-49D4-906D-42EB7454986A}" dt="2023-10-19T07:46:24.684" v="8352"/>
          <ac:spMkLst>
            <pc:docMk/>
            <pc:sldMk cId="2939217394" sldId="2147476506"/>
            <ac:spMk id="30" creationId="{827302A9-169D-54F0-B6F9-F80008430271}"/>
          </ac:spMkLst>
        </pc:spChg>
        <pc:spChg chg="mod">
          <ac:chgData name="Sara Mastrorosa" userId="d159c406-3740-4568-9f4d-6092b2495d2a" providerId="ADAL" clId="{68E68552-334A-49D4-906D-42EB7454986A}" dt="2023-10-19T12:33:56.555" v="9106" actId="14100"/>
          <ac:spMkLst>
            <pc:docMk/>
            <pc:sldMk cId="2939217394" sldId="2147476506"/>
            <ac:spMk id="31" creationId="{5970AF52-4E53-170E-7036-C156110BDB5F}"/>
          </ac:spMkLst>
        </pc:spChg>
        <pc:spChg chg="mod">
          <ac:chgData name="Sara Mastrorosa" userId="d159c406-3740-4568-9f4d-6092b2495d2a" providerId="ADAL" clId="{68E68552-334A-49D4-906D-42EB7454986A}" dt="2023-10-19T07:58:11.495" v="8923" actId="1035"/>
          <ac:spMkLst>
            <pc:docMk/>
            <pc:sldMk cId="2939217394" sldId="2147476506"/>
            <ac:spMk id="32" creationId="{1854376B-98CC-C135-A504-C0747AF90BA5}"/>
          </ac:spMkLst>
        </pc:spChg>
        <pc:spChg chg="mod">
          <ac:chgData name="Sara Mastrorosa" userId="d159c406-3740-4568-9f4d-6092b2495d2a" providerId="ADAL" clId="{68E68552-334A-49D4-906D-42EB7454986A}" dt="2023-10-19T07:58:11.495" v="8923" actId="1035"/>
          <ac:spMkLst>
            <pc:docMk/>
            <pc:sldMk cId="2939217394" sldId="2147476506"/>
            <ac:spMk id="33" creationId="{8DA9C078-9592-6654-530E-F17725E280A3}"/>
          </ac:spMkLst>
        </pc:spChg>
        <pc:spChg chg="mod">
          <ac:chgData name="Sara Mastrorosa" userId="d159c406-3740-4568-9f4d-6092b2495d2a" providerId="ADAL" clId="{68E68552-334A-49D4-906D-42EB7454986A}" dt="2023-10-19T07:58:11.495" v="8923" actId="1035"/>
          <ac:spMkLst>
            <pc:docMk/>
            <pc:sldMk cId="2939217394" sldId="2147476506"/>
            <ac:spMk id="34" creationId="{B470786D-8D10-20B4-215E-D49F44DA71E7}"/>
          </ac:spMkLst>
        </pc:spChg>
        <pc:spChg chg="mod">
          <ac:chgData name="Sara Mastrorosa" userId="d159c406-3740-4568-9f4d-6092b2495d2a" providerId="ADAL" clId="{68E68552-334A-49D4-906D-42EB7454986A}" dt="2023-10-19T07:58:11.495" v="8923" actId="1035"/>
          <ac:spMkLst>
            <pc:docMk/>
            <pc:sldMk cId="2939217394" sldId="2147476506"/>
            <ac:spMk id="36" creationId="{04C51BD3-3981-9E75-83E8-E7ED67FE094E}"/>
          </ac:spMkLst>
        </pc:spChg>
        <pc:spChg chg="mod">
          <ac:chgData name="Sara Mastrorosa" userId="d159c406-3740-4568-9f4d-6092b2495d2a" providerId="ADAL" clId="{68E68552-334A-49D4-906D-42EB7454986A}" dt="2023-10-19T07:58:11.495" v="8923" actId="1035"/>
          <ac:spMkLst>
            <pc:docMk/>
            <pc:sldMk cId="2939217394" sldId="2147476506"/>
            <ac:spMk id="37" creationId="{8411FEF1-F597-4F68-0F0E-6EFB7439A0AC}"/>
          </ac:spMkLst>
        </pc:spChg>
        <pc:spChg chg="mod">
          <ac:chgData name="Sara Mastrorosa" userId="d159c406-3740-4568-9f4d-6092b2495d2a" providerId="ADAL" clId="{68E68552-334A-49D4-906D-42EB7454986A}" dt="2023-10-19T12:33:47.052" v="9098" actId="14100"/>
          <ac:spMkLst>
            <pc:docMk/>
            <pc:sldMk cId="2939217394" sldId="2147476506"/>
            <ac:spMk id="38" creationId="{E8E79695-E7DB-2786-2720-40D896BEE9C0}"/>
          </ac:spMkLst>
        </pc:spChg>
        <pc:spChg chg="mod">
          <ac:chgData name="Sara Mastrorosa" userId="d159c406-3740-4568-9f4d-6092b2495d2a" providerId="ADAL" clId="{68E68552-334A-49D4-906D-42EB7454986A}" dt="2023-10-19T14:38:50.885" v="9252" actId="20577"/>
          <ac:spMkLst>
            <pc:docMk/>
            <pc:sldMk cId="2939217394" sldId="2147476506"/>
            <ac:spMk id="39" creationId="{434AA7D0-E41A-9E4A-2909-E4ACB89352BC}"/>
          </ac:spMkLst>
        </pc:spChg>
        <pc:spChg chg="mod">
          <ac:chgData name="Sara Mastrorosa" userId="d159c406-3740-4568-9f4d-6092b2495d2a" providerId="ADAL" clId="{68E68552-334A-49D4-906D-42EB7454986A}" dt="2023-10-19T07:46:29.804" v="8354"/>
          <ac:spMkLst>
            <pc:docMk/>
            <pc:sldMk cId="2939217394" sldId="2147476506"/>
            <ac:spMk id="41" creationId="{8BDD97CD-9B52-63C7-8483-25CCDD9DB3ED}"/>
          </ac:spMkLst>
        </pc:spChg>
        <pc:spChg chg="mod">
          <ac:chgData name="Sara Mastrorosa" userId="d159c406-3740-4568-9f4d-6092b2495d2a" providerId="ADAL" clId="{68E68552-334A-49D4-906D-42EB7454986A}" dt="2023-10-19T14:52:15.175" v="9463" actId="14100"/>
          <ac:spMkLst>
            <pc:docMk/>
            <pc:sldMk cId="2939217394" sldId="2147476506"/>
            <ac:spMk id="42" creationId="{F15F4561-BD29-311E-08B1-E7630AE334BD}"/>
          </ac:spMkLst>
        </pc:spChg>
        <pc:spChg chg="mod">
          <ac:chgData name="Sara Mastrorosa" userId="d159c406-3740-4568-9f4d-6092b2495d2a" providerId="ADAL" clId="{68E68552-334A-49D4-906D-42EB7454986A}" dt="2023-10-19T07:46:29.804" v="8354"/>
          <ac:spMkLst>
            <pc:docMk/>
            <pc:sldMk cId="2939217394" sldId="2147476506"/>
            <ac:spMk id="43" creationId="{253693A8-3A0A-37C5-FE31-A12F1E11A408}"/>
          </ac:spMkLst>
        </pc:spChg>
        <pc:spChg chg="del mod">
          <ac:chgData name="Sara Mastrorosa" userId="d159c406-3740-4568-9f4d-6092b2495d2a" providerId="ADAL" clId="{68E68552-334A-49D4-906D-42EB7454986A}" dt="2023-10-19T14:51:25.915" v="9453" actId="478"/>
          <ac:spMkLst>
            <pc:docMk/>
            <pc:sldMk cId="2939217394" sldId="2147476506"/>
            <ac:spMk id="44" creationId="{62EB665E-2AAA-C834-C740-01A34B9332F5}"/>
          </ac:spMkLst>
        </pc:spChg>
        <pc:spChg chg="mod">
          <ac:chgData name="Sara Mastrorosa" userId="d159c406-3740-4568-9f4d-6092b2495d2a" providerId="ADAL" clId="{68E68552-334A-49D4-906D-42EB7454986A}" dt="2023-10-19T07:48:44.250" v="8360" actId="20577"/>
          <ac:spMkLst>
            <pc:docMk/>
            <pc:sldMk cId="2939217394" sldId="2147476506"/>
            <ac:spMk id="45" creationId="{2DE9C30C-18CD-5121-D60C-ADAB9961F874}"/>
          </ac:spMkLst>
        </pc:spChg>
        <pc:spChg chg="mod">
          <ac:chgData name="Sara Mastrorosa" userId="d159c406-3740-4568-9f4d-6092b2495d2a" providerId="ADAL" clId="{68E68552-334A-49D4-906D-42EB7454986A}" dt="2023-10-19T07:48:48.428" v="8361" actId="20577"/>
          <ac:spMkLst>
            <pc:docMk/>
            <pc:sldMk cId="2939217394" sldId="2147476506"/>
            <ac:spMk id="46" creationId="{4243B164-1D42-D011-7BBA-2F2B7172B94E}"/>
          </ac:spMkLst>
        </pc:spChg>
        <pc:spChg chg="mod">
          <ac:chgData name="Sara Mastrorosa" userId="d159c406-3740-4568-9f4d-6092b2495d2a" providerId="ADAL" clId="{68E68552-334A-49D4-906D-42EB7454986A}" dt="2023-10-19T07:46:29.804" v="8354"/>
          <ac:spMkLst>
            <pc:docMk/>
            <pc:sldMk cId="2939217394" sldId="2147476506"/>
            <ac:spMk id="47" creationId="{31A45525-9A46-4397-4C21-DCC714A6FE14}"/>
          </ac:spMkLst>
        </pc:spChg>
        <pc:spChg chg="mod">
          <ac:chgData name="Sara Mastrorosa" userId="d159c406-3740-4568-9f4d-6092b2495d2a" providerId="ADAL" clId="{68E68552-334A-49D4-906D-42EB7454986A}" dt="2023-10-19T07:46:34.456" v="8356"/>
          <ac:spMkLst>
            <pc:docMk/>
            <pc:sldMk cId="2939217394" sldId="2147476506"/>
            <ac:spMk id="49" creationId="{FD4370F8-1F99-EDA3-1D7B-19DCEFDEA0D6}"/>
          </ac:spMkLst>
        </pc:spChg>
        <pc:spChg chg="mod">
          <ac:chgData name="Sara Mastrorosa" userId="d159c406-3740-4568-9f4d-6092b2495d2a" providerId="ADAL" clId="{68E68552-334A-49D4-906D-42EB7454986A}" dt="2023-10-19T07:52:14.643" v="8423" actId="14100"/>
          <ac:spMkLst>
            <pc:docMk/>
            <pc:sldMk cId="2939217394" sldId="2147476506"/>
            <ac:spMk id="50" creationId="{8284DFEF-B5FD-BA34-697A-6351FBDEF62C}"/>
          </ac:spMkLst>
        </pc:spChg>
        <pc:spChg chg="mod">
          <ac:chgData name="Sara Mastrorosa" userId="d159c406-3740-4568-9f4d-6092b2495d2a" providerId="ADAL" clId="{68E68552-334A-49D4-906D-42EB7454986A}" dt="2023-10-19T14:51:48.483" v="9459" actId="1076"/>
          <ac:spMkLst>
            <pc:docMk/>
            <pc:sldMk cId="2939217394" sldId="2147476506"/>
            <ac:spMk id="51" creationId="{48EA09DC-2FDC-FE76-4170-012130249CFB}"/>
          </ac:spMkLst>
        </pc:spChg>
        <pc:spChg chg="mod">
          <ac:chgData name="Sara Mastrorosa" userId="d159c406-3740-4568-9f4d-6092b2495d2a" providerId="ADAL" clId="{68E68552-334A-49D4-906D-42EB7454986A}" dt="2023-10-19T07:46:34.456" v="8356"/>
          <ac:spMkLst>
            <pc:docMk/>
            <pc:sldMk cId="2939217394" sldId="2147476506"/>
            <ac:spMk id="52" creationId="{F230BBC0-F16B-AAB7-69BF-49B01665304F}"/>
          </ac:spMkLst>
        </pc:spChg>
        <pc:spChg chg="del mod">
          <ac:chgData name="Sara Mastrorosa" userId="d159c406-3740-4568-9f4d-6092b2495d2a" providerId="ADAL" clId="{68E68552-334A-49D4-906D-42EB7454986A}" dt="2023-10-19T07:45:58.859" v="8343" actId="478"/>
          <ac:spMkLst>
            <pc:docMk/>
            <pc:sldMk cId="2939217394" sldId="2147476506"/>
            <ac:spMk id="53" creationId="{06EBFB97-4283-9820-407A-7C934D7D8539}"/>
          </ac:spMkLst>
        </pc:spChg>
        <pc:spChg chg="del mod">
          <ac:chgData name="Sara Mastrorosa" userId="d159c406-3740-4568-9f4d-6092b2495d2a" providerId="ADAL" clId="{68E68552-334A-49D4-906D-42EB7454986A}" dt="2023-10-19T07:45:59.693" v="8344" actId="478"/>
          <ac:spMkLst>
            <pc:docMk/>
            <pc:sldMk cId="2939217394" sldId="2147476506"/>
            <ac:spMk id="55" creationId="{09C66B88-1A49-9269-5456-8A6F6BDB3631}"/>
          </ac:spMkLst>
        </pc:spChg>
        <pc:spChg chg="del mod">
          <ac:chgData name="Sara Mastrorosa" userId="d159c406-3740-4568-9f4d-6092b2495d2a" providerId="ADAL" clId="{68E68552-334A-49D4-906D-42EB7454986A}" dt="2023-10-19T07:45:58.859" v="8343" actId="478"/>
          <ac:spMkLst>
            <pc:docMk/>
            <pc:sldMk cId="2939217394" sldId="2147476506"/>
            <ac:spMk id="56" creationId="{D27E350A-91AE-C291-0C6F-98915FAA5018}"/>
          </ac:spMkLst>
        </pc:spChg>
        <pc:spChg chg="del mod">
          <ac:chgData name="Sara Mastrorosa" userId="d159c406-3740-4568-9f4d-6092b2495d2a" providerId="ADAL" clId="{68E68552-334A-49D4-906D-42EB7454986A}" dt="2023-10-19T07:45:58.859" v="8343" actId="478"/>
          <ac:spMkLst>
            <pc:docMk/>
            <pc:sldMk cId="2939217394" sldId="2147476506"/>
            <ac:spMk id="57" creationId="{73225E29-E0B7-D211-55AA-C3712BCC353B}"/>
          </ac:spMkLst>
        </pc:spChg>
        <pc:spChg chg="del mod">
          <ac:chgData name="Sara Mastrorosa" userId="d159c406-3740-4568-9f4d-6092b2495d2a" providerId="ADAL" clId="{68E68552-334A-49D4-906D-42EB7454986A}" dt="2023-10-19T07:45:58.859" v="8343" actId="478"/>
          <ac:spMkLst>
            <pc:docMk/>
            <pc:sldMk cId="2939217394" sldId="2147476506"/>
            <ac:spMk id="58" creationId="{D9C8B844-D40B-21FD-CE9C-268E212316BA}"/>
          </ac:spMkLst>
        </pc:spChg>
        <pc:spChg chg="del mod">
          <ac:chgData name="Sara Mastrorosa" userId="d159c406-3740-4568-9f4d-6092b2495d2a" providerId="ADAL" clId="{68E68552-334A-49D4-906D-42EB7454986A}" dt="2023-10-19T07:45:58.859" v="8343" actId="478"/>
          <ac:spMkLst>
            <pc:docMk/>
            <pc:sldMk cId="2939217394" sldId="2147476506"/>
            <ac:spMk id="59" creationId="{94848193-16D0-C9E2-A1A7-8E017D6769CE}"/>
          </ac:spMkLst>
        </pc:spChg>
        <pc:spChg chg="del mod">
          <ac:chgData name="Sara Mastrorosa" userId="d159c406-3740-4568-9f4d-6092b2495d2a" providerId="ADAL" clId="{68E68552-334A-49D4-906D-42EB7454986A}" dt="2023-10-19T07:45:58.859" v="8343" actId="478"/>
          <ac:spMkLst>
            <pc:docMk/>
            <pc:sldMk cId="2939217394" sldId="2147476506"/>
            <ac:spMk id="60" creationId="{D16624B4-BC66-5D47-E738-7624D2CE1A9C}"/>
          </ac:spMkLst>
        </pc:spChg>
        <pc:spChg chg="del mod">
          <ac:chgData name="Sara Mastrorosa" userId="d159c406-3740-4568-9f4d-6092b2495d2a" providerId="ADAL" clId="{68E68552-334A-49D4-906D-42EB7454986A}" dt="2023-10-19T07:46:00.194" v="8345" actId="478"/>
          <ac:spMkLst>
            <pc:docMk/>
            <pc:sldMk cId="2939217394" sldId="2147476506"/>
            <ac:spMk id="61" creationId="{87750536-BD6F-5E88-9EEA-CEB444CB3D28}"/>
          </ac:spMkLst>
        </pc:spChg>
        <pc:spChg chg="del mod">
          <ac:chgData name="Sara Mastrorosa" userId="d159c406-3740-4568-9f4d-6092b2495d2a" providerId="ADAL" clId="{68E68552-334A-49D4-906D-42EB7454986A}" dt="2023-10-19T07:45:58.859" v="8343" actId="478"/>
          <ac:spMkLst>
            <pc:docMk/>
            <pc:sldMk cId="2939217394" sldId="2147476506"/>
            <ac:spMk id="62" creationId="{727E9C2F-F1A5-825F-6ABE-E3FE737B3AA6}"/>
          </ac:spMkLst>
        </pc:spChg>
        <pc:spChg chg="del mod">
          <ac:chgData name="Sara Mastrorosa" userId="d159c406-3740-4568-9f4d-6092b2495d2a" providerId="ADAL" clId="{68E68552-334A-49D4-906D-42EB7454986A}" dt="2023-10-19T07:45:58.859" v="8343" actId="478"/>
          <ac:spMkLst>
            <pc:docMk/>
            <pc:sldMk cId="2939217394" sldId="2147476506"/>
            <ac:spMk id="63" creationId="{D1AC8329-673A-9547-3036-806497E2B83C}"/>
          </ac:spMkLst>
        </pc:spChg>
        <pc:spChg chg="del mod">
          <ac:chgData name="Sara Mastrorosa" userId="d159c406-3740-4568-9f4d-6092b2495d2a" providerId="ADAL" clId="{68E68552-334A-49D4-906D-42EB7454986A}" dt="2023-10-19T07:45:58.859" v="8343" actId="478"/>
          <ac:spMkLst>
            <pc:docMk/>
            <pc:sldMk cId="2939217394" sldId="2147476506"/>
            <ac:spMk id="64" creationId="{2A54EA63-253C-E666-538D-E7DE804992A1}"/>
          </ac:spMkLst>
        </pc:spChg>
        <pc:spChg chg="del mod">
          <ac:chgData name="Sara Mastrorosa" userId="d159c406-3740-4568-9f4d-6092b2495d2a" providerId="ADAL" clId="{68E68552-334A-49D4-906D-42EB7454986A}" dt="2023-10-19T07:45:58.859" v="8343" actId="478"/>
          <ac:spMkLst>
            <pc:docMk/>
            <pc:sldMk cId="2939217394" sldId="2147476506"/>
            <ac:spMk id="65" creationId="{424B9579-864D-9CEF-2BF8-06A40B4E1173}"/>
          </ac:spMkLst>
        </pc:spChg>
        <pc:spChg chg="mod">
          <ac:chgData name="Sara Mastrorosa" userId="d159c406-3740-4568-9f4d-6092b2495d2a" providerId="ADAL" clId="{68E68552-334A-49D4-906D-42EB7454986A}" dt="2023-10-19T07:55:37" v="8735" actId="1035"/>
          <ac:spMkLst>
            <pc:docMk/>
            <pc:sldMk cId="2939217394" sldId="2147476506"/>
            <ac:spMk id="66" creationId="{83FD9253-E975-E578-64C9-73B7F086B219}"/>
          </ac:spMkLst>
        </pc:spChg>
        <pc:spChg chg="mod">
          <ac:chgData name="Sara Mastrorosa" userId="d159c406-3740-4568-9f4d-6092b2495d2a" providerId="ADAL" clId="{68E68552-334A-49D4-906D-42EB7454986A}" dt="2023-10-19T07:58:11.495" v="8923" actId="1035"/>
          <ac:spMkLst>
            <pc:docMk/>
            <pc:sldMk cId="2939217394" sldId="2147476506"/>
            <ac:spMk id="67" creationId="{22B91A03-5D52-378E-9506-A0BCADC77C46}"/>
          </ac:spMkLst>
        </pc:spChg>
        <pc:spChg chg="mod">
          <ac:chgData name="Sara Mastrorosa" userId="d159c406-3740-4568-9f4d-6092b2495d2a" providerId="ADAL" clId="{68E68552-334A-49D4-906D-42EB7454986A}" dt="2023-10-19T07:49:07.189" v="8382" actId="20577"/>
          <ac:spMkLst>
            <pc:docMk/>
            <pc:sldMk cId="2939217394" sldId="2147476506"/>
            <ac:spMk id="68" creationId="{57AC4BCC-2155-DD90-1175-4630B28FEDD2}"/>
          </ac:spMkLst>
        </pc:spChg>
        <pc:spChg chg="mod">
          <ac:chgData name="Sara Mastrorosa" userId="d159c406-3740-4568-9f4d-6092b2495d2a" providerId="ADAL" clId="{68E68552-334A-49D4-906D-42EB7454986A}" dt="2023-10-19T07:49:12.277" v="8386" actId="20577"/>
          <ac:spMkLst>
            <pc:docMk/>
            <pc:sldMk cId="2939217394" sldId="2147476506"/>
            <ac:spMk id="69" creationId="{188A0BBF-67B4-1FB8-289D-EB7A665080A3}"/>
          </ac:spMkLst>
        </pc:spChg>
        <pc:spChg chg="mod">
          <ac:chgData name="Sara Mastrorosa" userId="d159c406-3740-4568-9f4d-6092b2495d2a" providerId="ADAL" clId="{68E68552-334A-49D4-906D-42EB7454986A}" dt="2023-10-19T07:52:04.483" v="8421" actId="20577"/>
          <ac:spMkLst>
            <pc:docMk/>
            <pc:sldMk cId="2939217394" sldId="2147476506"/>
            <ac:spMk id="70" creationId="{22054BBF-BD42-DF03-2E7B-FC32FFA61A72}"/>
          </ac:spMkLst>
        </pc:spChg>
        <pc:spChg chg="add del mod">
          <ac:chgData name="Sara Mastrorosa" userId="d159c406-3740-4568-9f4d-6092b2495d2a" providerId="ADAL" clId="{68E68552-334A-49D4-906D-42EB7454986A}" dt="2023-10-19T14:51:27.072" v="9454" actId="478"/>
          <ac:spMkLst>
            <pc:docMk/>
            <pc:sldMk cId="2939217394" sldId="2147476506"/>
            <ac:spMk id="71" creationId="{44F973AC-98A1-28AA-3E9F-8FE177050FE7}"/>
          </ac:spMkLst>
        </pc:spChg>
        <pc:spChg chg="add mod">
          <ac:chgData name="Sara Mastrorosa" userId="d159c406-3740-4568-9f4d-6092b2495d2a" providerId="ADAL" clId="{68E68552-334A-49D4-906D-42EB7454986A}" dt="2023-10-19T07:55:37" v="8735" actId="1035"/>
          <ac:spMkLst>
            <pc:docMk/>
            <pc:sldMk cId="2939217394" sldId="2147476506"/>
            <ac:spMk id="72" creationId="{8D008D27-1911-CC27-C004-E0EFA628881F}"/>
          </ac:spMkLst>
        </pc:spChg>
        <pc:spChg chg="add mod">
          <ac:chgData name="Sara Mastrorosa" userId="d159c406-3740-4568-9f4d-6092b2495d2a" providerId="ADAL" clId="{68E68552-334A-49D4-906D-42EB7454986A}" dt="2023-10-19T14:52:08.523" v="9462" actId="1076"/>
          <ac:spMkLst>
            <pc:docMk/>
            <pc:sldMk cId="2939217394" sldId="2147476506"/>
            <ac:spMk id="74" creationId="{3D540C4B-65E7-867B-5D75-E4F594CCE06F}"/>
          </ac:spMkLst>
        </pc:spChg>
        <pc:spChg chg="add mod">
          <ac:chgData name="Sara Mastrorosa" userId="d159c406-3740-4568-9f4d-6092b2495d2a" providerId="ADAL" clId="{68E68552-334A-49D4-906D-42EB7454986A}" dt="2023-10-19T14:53:40.227" v="9483" actId="1076"/>
          <ac:spMkLst>
            <pc:docMk/>
            <pc:sldMk cId="2939217394" sldId="2147476506"/>
            <ac:spMk id="75" creationId="{599A0C27-1854-68E4-F141-F1A7D1CBAA48}"/>
          </ac:spMkLst>
        </pc:spChg>
        <pc:spChg chg="add mod">
          <ac:chgData name="Sara Mastrorosa" userId="d159c406-3740-4568-9f4d-6092b2495d2a" providerId="ADAL" clId="{68E68552-334A-49D4-906D-42EB7454986A}" dt="2023-10-19T14:51:48.483" v="9459" actId="1076"/>
          <ac:spMkLst>
            <pc:docMk/>
            <pc:sldMk cId="2939217394" sldId="2147476506"/>
            <ac:spMk id="76" creationId="{2F64813C-F5A4-2EE2-D720-3320B45C295D}"/>
          </ac:spMkLst>
        </pc:spChg>
        <pc:spChg chg="add del mod">
          <ac:chgData name="Sara Mastrorosa" userId="d159c406-3740-4568-9f4d-6092b2495d2a" providerId="ADAL" clId="{68E68552-334A-49D4-906D-42EB7454986A}" dt="2023-10-19T14:51:36.003" v="9456" actId="21"/>
          <ac:spMkLst>
            <pc:docMk/>
            <pc:sldMk cId="2939217394" sldId="2147476506"/>
            <ac:spMk id="77" creationId="{E3E67556-21DA-D489-2C60-93EECCB42A63}"/>
          </ac:spMkLst>
        </pc:spChg>
        <pc:spChg chg="add mod">
          <ac:chgData name="Sara Mastrorosa" userId="d159c406-3740-4568-9f4d-6092b2495d2a" providerId="ADAL" clId="{68E68552-334A-49D4-906D-42EB7454986A}" dt="2023-10-19T14:51:56.444" v="9460" actId="1076"/>
          <ac:spMkLst>
            <pc:docMk/>
            <pc:sldMk cId="2939217394" sldId="2147476506"/>
            <ac:spMk id="89" creationId="{3F41523F-876C-4F99-24E3-9F4115190B0D}"/>
          </ac:spMkLst>
        </pc:spChg>
        <pc:spChg chg="mod">
          <ac:chgData name="Sara Mastrorosa" userId="d159c406-3740-4568-9f4d-6092b2495d2a" providerId="ADAL" clId="{68E68552-334A-49D4-906D-42EB7454986A}" dt="2023-10-19T14:51:37.272" v="9457"/>
          <ac:spMkLst>
            <pc:docMk/>
            <pc:sldMk cId="2939217394" sldId="2147476506"/>
            <ac:spMk id="91" creationId="{E54C66A9-B415-D631-02A4-4207FB6AF973}"/>
          </ac:spMkLst>
        </pc:spChg>
        <pc:spChg chg="mod">
          <ac:chgData name="Sara Mastrorosa" userId="d159c406-3740-4568-9f4d-6092b2495d2a" providerId="ADAL" clId="{68E68552-334A-49D4-906D-42EB7454986A}" dt="2023-10-19T14:51:37.272" v="9457"/>
          <ac:spMkLst>
            <pc:docMk/>
            <pc:sldMk cId="2939217394" sldId="2147476506"/>
            <ac:spMk id="92" creationId="{D4EA6CA1-A714-6FC1-2DBD-0B71445710CF}"/>
          </ac:spMkLst>
        </pc:spChg>
        <pc:spChg chg="mod">
          <ac:chgData name="Sara Mastrorosa" userId="d159c406-3740-4568-9f4d-6092b2495d2a" providerId="ADAL" clId="{68E68552-334A-49D4-906D-42EB7454986A}" dt="2023-10-19T14:51:37.272" v="9457"/>
          <ac:spMkLst>
            <pc:docMk/>
            <pc:sldMk cId="2939217394" sldId="2147476506"/>
            <ac:spMk id="93" creationId="{F5CB1AC0-30C6-280A-9012-CEA061720C42}"/>
          </ac:spMkLst>
        </pc:spChg>
        <pc:spChg chg="mod">
          <ac:chgData name="Sara Mastrorosa" userId="d159c406-3740-4568-9f4d-6092b2495d2a" providerId="ADAL" clId="{68E68552-334A-49D4-906D-42EB7454986A}" dt="2023-10-19T14:51:37.272" v="9457"/>
          <ac:spMkLst>
            <pc:docMk/>
            <pc:sldMk cId="2939217394" sldId="2147476506"/>
            <ac:spMk id="94" creationId="{D0F0FDAE-40D3-B9C5-FEB4-233A5752F833}"/>
          </ac:spMkLst>
        </pc:spChg>
        <pc:spChg chg="mod">
          <ac:chgData name="Sara Mastrorosa" userId="d159c406-3740-4568-9f4d-6092b2495d2a" providerId="ADAL" clId="{68E68552-334A-49D4-906D-42EB7454986A}" dt="2023-10-19T14:51:37.272" v="9457"/>
          <ac:spMkLst>
            <pc:docMk/>
            <pc:sldMk cId="2939217394" sldId="2147476506"/>
            <ac:spMk id="95" creationId="{9CAE5DE7-D1F7-E8A2-3E40-C9D81D1E28E9}"/>
          </ac:spMkLst>
        </pc:spChg>
        <pc:spChg chg="mod">
          <ac:chgData name="Sara Mastrorosa" userId="d159c406-3740-4568-9f4d-6092b2495d2a" providerId="ADAL" clId="{68E68552-334A-49D4-906D-42EB7454986A}" dt="2023-10-19T14:51:37.272" v="9457"/>
          <ac:spMkLst>
            <pc:docMk/>
            <pc:sldMk cId="2939217394" sldId="2147476506"/>
            <ac:spMk id="96" creationId="{21E31855-3BC6-D08D-1207-E4E611E7175E}"/>
          </ac:spMkLst>
        </pc:spChg>
        <pc:spChg chg="add mod">
          <ac:chgData name="Sara Mastrorosa" userId="d159c406-3740-4568-9f4d-6092b2495d2a" providerId="ADAL" clId="{68E68552-334A-49D4-906D-42EB7454986A}" dt="2023-10-19T14:52:01.555" v="9461" actId="1076"/>
          <ac:spMkLst>
            <pc:docMk/>
            <pc:sldMk cId="2939217394" sldId="2147476506"/>
            <ac:spMk id="97" creationId="{EACB376E-59EE-1B9C-3A55-801BDE9D84D9}"/>
          </ac:spMkLst>
        </pc:spChg>
        <pc:spChg chg="mod">
          <ac:chgData name="Sara Mastrorosa" userId="d159c406-3740-4568-9f4d-6092b2495d2a" providerId="ADAL" clId="{68E68552-334A-49D4-906D-42EB7454986A}" dt="2023-10-19T07:55:37" v="8735" actId="1035"/>
          <ac:spMkLst>
            <pc:docMk/>
            <pc:sldMk cId="2939217394" sldId="2147476506"/>
            <ac:spMk id="106" creationId="{24432AC9-4497-93CA-DC37-07D22C88F154}"/>
          </ac:spMkLst>
        </pc:spChg>
        <pc:spChg chg="mod">
          <ac:chgData name="Sara Mastrorosa" userId="d159c406-3740-4568-9f4d-6092b2495d2a" providerId="ADAL" clId="{68E68552-334A-49D4-906D-42EB7454986A}" dt="2023-10-19T07:55:37" v="8735" actId="1035"/>
          <ac:spMkLst>
            <pc:docMk/>
            <pc:sldMk cId="2939217394" sldId="2147476506"/>
            <ac:spMk id="107" creationId="{6E86EA0B-36FC-F544-774A-A3FD675DE9E0}"/>
          </ac:spMkLst>
        </pc:spChg>
        <pc:spChg chg="mod">
          <ac:chgData name="Sara Mastrorosa" userId="d159c406-3740-4568-9f4d-6092b2495d2a" providerId="ADAL" clId="{68E68552-334A-49D4-906D-42EB7454986A}" dt="2023-10-19T13:07:18.918" v="9110" actId="122"/>
          <ac:spMkLst>
            <pc:docMk/>
            <pc:sldMk cId="2939217394" sldId="2147476506"/>
            <ac:spMk id="112" creationId="{071C3B06-E727-A9AC-94AA-F301F0C63598}"/>
          </ac:spMkLst>
        </pc:spChg>
        <pc:spChg chg="mod">
          <ac:chgData name="Sara Mastrorosa" userId="d159c406-3740-4568-9f4d-6092b2495d2a" providerId="ADAL" clId="{68E68552-334A-49D4-906D-42EB7454986A}" dt="2023-10-19T14:53:08.608" v="9470" actId="208"/>
          <ac:spMkLst>
            <pc:docMk/>
            <pc:sldMk cId="2939217394" sldId="2147476506"/>
            <ac:spMk id="114" creationId="{FFE4BD69-A2EF-1D27-C19A-DCB4B723E5CE}"/>
          </ac:spMkLst>
        </pc:spChg>
        <pc:spChg chg="mod">
          <ac:chgData name="Sara Mastrorosa" userId="d159c406-3740-4568-9f4d-6092b2495d2a" providerId="ADAL" clId="{68E68552-334A-49D4-906D-42EB7454986A}" dt="2023-10-19T14:52:44.513" v="9469" actId="108"/>
          <ac:spMkLst>
            <pc:docMk/>
            <pc:sldMk cId="2939217394" sldId="2147476506"/>
            <ac:spMk id="115" creationId="{E60CEEC6-6EF0-9161-14D1-5B73D1E2FF40}"/>
          </ac:spMkLst>
        </pc:spChg>
        <pc:spChg chg="mod">
          <ac:chgData name="Sara Mastrorosa" userId="d159c406-3740-4568-9f4d-6092b2495d2a" providerId="ADAL" clId="{68E68552-334A-49D4-906D-42EB7454986A}" dt="2023-10-19T14:53:17.622" v="9472" actId="208"/>
          <ac:spMkLst>
            <pc:docMk/>
            <pc:sldMk cId="2939217394" sldId="2147476506"/>
            <ac:spMk id="116" creationId="{1FE593EB-A22D-FE87-F6E0-B7760F7CB25C}"/>
          </ac:spMkLst>
        </pc:spChg>
        <pc:spChg chg="add mod">
          <ac:chgData name="Sara Mastrorosa" userId="d159c406-3740-4568-9f4d-6092b2495d2a" providerId="ADAL" clId="{68E68552-334A-49D4-906D-42EB7454986A}" dt="2023-10-19T14:56:20.330" v="9522" actId="20577"/>
          <ac:spMkLst>
            <pc:docMk/>
            <pc:sldMk cId="2939217394" sldId="2147476506"/>
            <ac:spMk id="122" creationId="{DF8DA21B-0AAC-0942-A891-BA0E3C242EF4}"/>
          </ac:spMkLst>
        </pc:spChg>
        <pc:spChg chg="mod">
          <ac:chgData name="Sara Mastrorosa" userId="d159c406-3740-4568-9f4d-6092b2495d2a" providerId="ADAL" clId="{68E68552-334A-49D4-906D-42EB7454986A}" dt="2023-10-19T07:55:37" v="8735" actId="1035"/>
          <ac:spMkLst>
            <pc:docMk/>
            <pc:sldMk cId="2939217394" sldId="2147476506"/>
            <ac:spMk id="159" creationId="{D5B5EA3D-BBFE-7E6C-98D3-1E383B1B73F1}"/>
          </ac:spMkLst>
        </pc:spChg>
        <pc:spChg chg="mod">
          <ac:chgData name="Sara Mastrorosa" userId="d159c406-3740-4568-9f4d-6092b2495d2a" providerId="ADAL" clId="{68E68552-334A-49D4-906D-42EB7454986A}" dt="2023-10-19T07:56:59.170" v="8783" actId="1076"/>
          <ac:spMkLst>
            <pc:docMk/>
            <pc:sldMk cId="2939217394" sldId="2147476506"/>
            <ac:spMk id="263" creationId="{3C5A95A6-7F20-1A69-1451-5325A6680337}"/>
          </ac:spMkLst>
        </pc:spChg>
        <pc:spChg chg="mod">
          <ac:chgData name="Sara Mastrorosa" userId="d159c406-3740-4568-9f4d-6092b2495d2a" providerId="ADAL" clId="{68E68552-334A-49D4-906D-42EB7454986A}" dt="2023-10-19T07:55:37" v="8735" actId="1035"/>
          <ac:spMkLst>
            <pc:docMk/>
            <pc:sldMk cId="2939217394" sldId="2147476506"/>
            <ac:spMk id="273" creationId="{0A41BBD1-BBD9-7312-A609-DA3A6C25E8D0}"/>
          </ac:spMkLst>
        </pc:spChg>
        <pc:spChg chg="mod">
          <ac:chgData name="Sara Mastrorosa" userId="d159c406-3740-4568-9f4d-6092b2495d2a" providerId="ADAL" clId="{68E68552-334A-49D4-906D-42EB7454986A}" dt="2023-10-19T07:56:25.731" v="8755" actId="1076"/>
          <ac:spMkLst>
            <pc:docMk/>
            <pc:sldMk cId="2939217394" sldId="2147476506"/>
            <ac:spMk id="282" creationId="{022EAB5F-2469-80A1-9DB3-F166537F6E53}"/>
          </ac:spMkLst>
        </pc:spChg>
        <pc:grpChg chg="add mod">
          <ac:chgData name="Sara Mastrorosa" userId="d159c406-3740-4568-9f4d-6092b2495d2a" providerId="ADAL" clId="{68E68552-334A-49D4-906D-42EB7454986A}" dt="2023-10-19T14:52:08.523" v="9462" actId="1076"/>
          <ac:grpSpMkLst>
            <pc:docMk/>
            <pc:sldMk cId="2939217394" sldId="2147476506"/>
            <ac:grpSpMk id="18" creationId="{6270F101-41F8-22E5-7C5F-1420383FEC0C}"/>
          </ac:grpSpMkLst>
        </pc:grpChg>
        <pc:grpChg chg="add del mod">
          <ac:chgData name="Sara Mastrorosa" userId="d159c406-3740-4568-9f4d-6092b2495d2a" providerId="ADAL" clId="{68E68552-334A-49D4-906D-42EB7454986A}" dt="2023-10-19T14:51:29.979" v="9455" actId="478"/>
          <ac:grpSpMkLst>
            <pc:docMk/>
            <pc:sldMk cId="2939217394" sldId="2147476506"/>
            <ac:grpSpMk id="19" creationId="{D012F211-8764-B8DB-BBDD-EDD931CC045B}"/>
          </ac:grpSpMkLst>
        </pc:grpChg>
        <pc:grpChg chg="add mod">
          <ac:chgData name="Sara Mastrorosa" userId="d159c406-3740-4568-9f4d-6092b2495d2a" providerId="ADAL" clId="{68E68552-334A-49D4-906D-42EB7454986A}" dt="2023-10-19T14:51:48.483" v="9459" actId="1076"/>
          <ac:grpSpMkLst>
            <pc:docMk/>
            <pc:sldMk cId="2939217394" sldId="2147476506"/>
            <ac:grpSpMk id="40" creationId="{7CE40E82-1076-C42A-2E96-EBB8C09D04E5}"/>
          </ac:grpSpMkLst>
        </pc:grpChg>
        <pc:grpChg chg="add del mod">
          <ac:chgData name="Sara Mastrorosa" userId="d159c406-3740-4568-9f4d-6092b2495d2a" providerId="ADAL" clId="{68E68552-334A-49D4-906D-42EB7454986A}" dt="2023-10-19T14:51:36.003" v="9456" actId="21"/>
          <ac:grpSpMkLst>
            <pc:docMk/>
            <pc:sldMk cId="2939217394" sldId="2147476506"/>
            <ac:grpSpMk id="48" creationId="{B6C1B857-409E-08A5-0C81-A47F3D9E4AE6}"/>
          </ac:grpSpMkLst>
        </pc:grpChg>
        <pc:grpChg chg="add mod">
          <ac:chgData name="Sara Mastrorosa" userId="d159c406-3740-4568-9f4d-6092b2495d2a" providerId="ADAL" clId="{68E68552-334A-49D4-906D-42EB7454986A}" dt="2023-10-19T14:51:56.444" v="9460" actId="1076"/>
          <ac:grpSpMkLst>
            <pc:docMk/>
            <pc:sldMk cId="2939217394" sldId="2147476506"/>
            <ac:grpSpMk id="90" creationId="{6FFDE74D-4D12-D3FE-C2BF-7A56713CF6C6}"/>
          </ac:grpSpMkLst>
        </pc:grpChg>
        <pc:grpChg chg="del mod">
          <ac:chgData name="Sara Mastrorosa" userId="d159c406-3740-4568-9f4d-6092b2495d2a" providerId="ADAL" clId="{68E68552-334A-49D4-906D-42EB7454986A}" dt="2023-10-19T14:52:20.233" v="9464" actId="478"/>
          <ac:grpSpMkLst>
            <pc:docMk/>
            <pc:sldMk cId="2939217394" sldId="2147476506"/>
            <ac:grpSpMk id="110" creationId="{8042639E-EBB4-EF8E-4120-25EB0F802A9F}"/>
          </ac:grpSpMkLst>
        </pc:grpChg>
        <pc:grpChg chg="mod">
          <ac:chgData name="Sara Mastrorosa" userId="d159c406-3740-4568-9f4d-6092b2495d2a" providerId="ADAL" clId="{68E68552-334A-49D4-906D-42EB7454986A}" dt="2023-10-19T14:52:32.627" v="9466" actId="1076"/>
          <ac:grpSpMkLst>
            <pc:docMk/>
            <pc:sldMk cId="2939217394" sldId="2147476506"/>
            <ac:grpSpMk id="113" creationId="{51506D0B-A283-3685-B732-75BD228ED5C6}"/>
          </ac:grpSpMkLst>
        </pc:grpChg>
        <pc:grpChg chg="mod">
          <ac:chgData name="Sara Mastrorosa" userId="d159c406-3740-4568-9f4d-6092b2495d2a" providerId="ADAL" clId="{68E68552-334A-49D4-906D-42EB7454986A}" dt="2023-10-19T07:55:37" v="8735" actId="1035"/>
          <ac:grpSpMkLst>
            <pc:docMk/>
            <pc:sldMk cId="2939217394" sldId="2147476506"/>
            <ac:grpSpMk id="264" creationId="{8DC8EB88-22F7-A158-411E-9002A217F3B7}"/>
          </ac:grpSpMkLst>
        </pc:grpChg>
        <pc:grpChg chg="mod">
          <ac:chgData name="Sara Mastrorosa" userId="d159c406-3740-4568-9f4d-6092b2495d2a" providerId="ADAL" clId="{68E68552-334A-49D4-906D-42EB7454986A}" dt="2023-10-19T07:55:37" v="8735" actId="1035"/>
          <ac:grpSpMkLst>
            <pc:docMk/>
            <pc:sldMk cId="2939217394" sldId="2147476506"/>
            <ac:grpSpMk id="274" creationId="{549B8946-3E9E-2EAD-1D5A-74A140A3FD79}"/>
          </ac:grpSpMkLst>
        </pc:grpChg>
        <pc:grpChg chg="mod">
          <ac:chgData name="Sara Mastrorosa" userId="d159c406-3740-4568-9f4d-6092b2495d2a" providerId="ADAL" clId="{68E68552-334A-49D4-906D-42EB7454986A}" dt="2023-10-19T07:55:37" v="8735" actId="1035"/>
          <ac:grpSpMkLst>
            <pc:docMk/>
            <pc:sldMk cId="2939217394" sldId="2147476506"/>
            <ac:grpSpMk id="283" creationId="{DD320CCA-32CE-F460-367C-1D2FB0AAF5D9}"/>
          </ac:grpSpMkLst>
        </pc:grpChg>
        <pc:graphicFrameChg chg="mod modGraphic">
          <ac:chgData name="Sara Mastrorosa" userId="d159c406-3740-4568-9f4d-6092b2495d2a" providerId="ADAL" clId="{68E68552-334A-49D4-906D-42EB7454986A}" dt="2023-10-19T14:53:31.497" v="9482" actId="20577"/>
          <ac:graphicFrameMkLst>
            <pc:docMk/>
            <pc:sldMk cId="2939217394" sldId="2147476506"/>
            <ac:graphicFrameMk id="54" creationId="{5AD0B9AA-3A95-12DE-3DBD-B85EC15FD3D0}"/>
          </ac:graphicFrameMkLst>
        </pc:graphicFrameChg>
        <pc:cxnChg chg="del mod">
          <ac:chgData name="Sara Mastrorosa" userId="d159c406-3740-4568-9f4d-6092b2495d2a" providerId="ADAL" clId="{68E68552-334A-49D4-906D-42EB7454986A}" dt="2023-10-19T07:55:42.062" v="8736" actId="478"/>
          <ac:cxnSpMkLst>
            <pc:docMk/>
            <pc:sldMk cId="2939217394" sldId="2147476506"/>
            <ac:cxnSpMk id="35" creationId="{6DA4F8F9-EAFC-DA02-1EAC-A1777C1A0701}"/>
          </ac:cxnSpMkLst>
        </pc:cxnChg>
        <pc:cxnChg chg="add mod">
          <ac:chgData name="Sara Mastrorosa" userId="d159c406-3740-4568-9f4d-6092b2495d2a" providerId="ADAL" clId="{68E68552-334A-49D4-906D-42EB7454986A}" dt="2023-10-19T07:55:42.506" v="8737"/>
          <ac:cxnSpMkLst>
            <pc:docMk/>
            <pc:sldMk cId="2939217394" sldId="2147476506"/>
            <ac:cxnSpMk id="73" creationId="{E4399AFE-D9AB-7917-0124-24C3F3F55EC4}"/>
          </ac:cxnSpMkLst>
        </pc:cxnChg>
        <pc:cxnChg chg="add del mod ord">
          <ac:chgData name="Sara Mastrorosa" userId="d159c406-3740-4568-9f4d-6092b2495d2a" providerId="ADAL" clId="{68E68552-334A-49D4-906D-42EB7454986A}" dt="2023-10-19T14:55:52.610" v="9508" actId="478"/>
          <ac:cxnSpMkLst>
            <pc:docMk/>
            <pc:sldMk cId="2939217394" sldId="2147476506"/>
            <ac:cxnSpMk id="99" creationId="{22D9E588-E25F-722B-DC7C-9E71BDB86FCA}"/>
          </ac:cxnSpMkLst>
        </pc:cxnChg>
        <pc:cxnChg chg="add mod">
          <ac:chgData name="Sara Mastrorosa" userId="d159c406-3740-4568-9f4d-6092b2495d2a" providerId="ADAL" clId="{68E68552-334A-49D4-906D-42EB7454986A}" dt="2023-10-19T14:55:59.234" v="9510" actId="14100"/>
          <ac:cxnSpMkLst>
            <pc:docMk/>
            <pc:sldMk cId="2939217394" sldId="2147476506"/>
            <ac:cxnSpMk id="108" creationId="{940FE4A6-B70B-85A4-FEA5-93EEBE462AD7}"/>
          </ac:cxnSpMkLst>
        </pc:cxnChg>
        <pc:cxnChg chg="mod">
          <ac:chgData name="Sara Mastrorosa" userId="d159c406-3740-4568-9f4d-6092b2495d2a" providerId="ADAL" clId="{68E68552-334A-49D4-906D-42EB7454986A}" dt="2023-10-19T14:52:32.627" v="9466" actId="1076"/>
          <ac:cxnSpMkLst>
            <pc:docMk/>
            <pc:sldMk cId="2939217394" sldId="2147476506"/>
            <ac:cxnSpMk id="109" creationId="{AB785E46-AFC9-27A6-0B92-903F9EE42E5C}"/>
          </ac:cxnSpMkLst>
        </pc:cxnChg>
        <pc:cxnChg chg="add mod">
          <ac:chgData name="Sara Mastrorosa" userId="d159c406-3740-4568-9f4d-6092b2495d2a" providerId="ADAL" clId="{68E68552-334A-49D4-906D-42EB7454986A}" dt="2023-10-19T14:56:13.295" v="9514" actId="1076"/>
          <ac:cxnSpMkLst>
            <pc:docMk/>
            <pc:sldMk cId="2939217394" sldId="2147476506"/>
            <ac:cxnSpMk id="120" creationId="{3D7D2E69-80B5-5A5E-98DC-3513D882D130}"/>
          </ac:cxnSpMkLst>
        </pc:cxnChg>
        <pc:cxnChg chg="mod">
          <ac:chgData name="Sara Mastrorosa" userId="d159c406-3740-4568-9f4d-6092b2495d2a" providerId="ADAL" clId="{68E68552-334A-49D4-906D-42EB7454986A}" dt="2023-10-19T08:02:21.011" v="9085" actId="14100"/>
          <ac:cxnSpMkLst>
            <pc:docMk/>
            <pc:sldMk cId="2939217394" sldId="2147476506"/>
            <ac:cxnSpMk id="212" creationId="{E30FFF8C-4ED9-ACFA-B454-C87CA3DB2BF7}"/>
          </ac:cxnSpMkLst>
        </pc:cxnChg>
        <pc:cxnChg chg="mod">
          <ac:chgData name="Sara Mastrorosa" userId="d159c406-3740-4568-9f4d-6092b2495d2a" providerId="ADAL" clId="{68E68552-334A-49D4-906D-42EB7454986A}" dt="2023-10-19T07:55:37" v="8735" actId="1035"/>
          <ac:cxnSpMkLst>
            <pc:docMk/>
            <pc:sldMk cId="2939217394" sldId="2147476506"/>
            <ac:cxnSpMk id="214" creationId="{6DD31C1B-570F-3B11-AD4D-63E0EAEC112A}"/>
          </ac:cxnSpMkLst>
        </pc:cxnChg>
        <pc:cxnChg chg="mod">
          <ac:chgData name="Sara Mastrorosa" userId="d159c406-3740-4568-9f4d-6092b2495d2a" providerId="ADAL" clId="{68E68552-334A-49D4-906D-42EB7454986A}" dt="2023-10-19T07:55:37" v="8735" actId="1035"/>
          <ac:cxnSpMkLst>
            <pc:docMk/>
            <pc:sldMk cId="2939217394" sldId="2147476506"/>
            <ac:cxnSpMk id="216" creationId="{D5512CD4-560C-28E1-26C3-576EC21700D8}"/>
          </ac:cxnSpMkLst>
        </pc:cxnChg>
        <pc:cxnChg chg="mod">
          <ac:chgData name="Sara Mastrorosa" userId="d159c406-3740-4568-9f4d-6092b2495d2a" providerId="ADAL" clId="{68E68552-334A-49D4-906D-42EB7454986A}" dt="2023-10-19T07:55:37" v="8735" actId="1035"/>
          <ac:cxnSpMkLst>
            <pc:docMk/>
            <pc:sldMk cId="2939217394" sldId="2147476506"/>
            <ac:cxnSpMk id="270" creationId="{B3EE5060-31E7-A098-D049-D3F31B23FF2F}"/>
          </ac:cxnSpMkLst>
        </pc:cxnChg>
        <pc:cxnChg chg="mod">
          <ac:chgData name="Sara Mastrorosa" userId="d159c406-3740-4568-9f4d-6092b2495d2a" providerId="ADAL" clId="{68E68552-334A-49D4-906D-42EB7454986A}" dt="2023-10-19T07:55:37" v="8735" actId="1035"/>
          <ac:cxnSpMkLst>
            <pc:docMk/>
            <pc:sldMk cId="2939217394" sldId="2147476506"/>
            <ac:cxnSpMk id="271" creationId="{C5796C41-9B9B-B7D6-1AA2-B5D4D9559DB6}"/>
          </ac:cxnSpMkLst>
        </pc:cxnChg>
        <pc:cxnChg chg="mod">
          <ac:chgData name="Sara Mastrorosa" userId="d159c406-3740-4568-9f4d-6092b2495d2a" providerId="ADAL" clId="{68E68552-334A-49D4-906D-42EB7454986A}" dt="2023-10-19T07:55:37" v="8735" actId="1035"/>
          <ac:cxnSpMkLst>
            <pc:docMk/>
            <pc:sldMk cId="2939217394" sldId="2147476506"/>
            <ac:cxnSpMk id="272" creationId="{0698A764-2D6B-84DA-0E38-5391084E9EB3}"/>
          </ac:cxnSpMkLst>
        </pc:cxnChg>
        <pc:cxnChg chg="mod">
          <ac:chgData name="Sara Mastrorosa" userId="d159c406-3740-4568-9f4d-6092b2495d2a" providerId="ADAL" clId="{68E68552-334A-49D4-906D-42EB7454986A}" dt="2023-10-19T07:55:37" v="8735" actId="1035"/>
          <ac:cxnSpMkLst>
            <pc:docMk/>
            <pc:sldMk cId="2939217394" sldId="2147476506"/>
            <ac:cxnSpMk id="280" creationId="{DDBB6AD7-D2DC-5FFC-3915-2566ABD57EEC}"/>
          </ac:cxnSpMkLst>
        </pc:cxnChg>
        <pc:cxnChg chg="mod">
          <ac:chgData name="Sara Mastrorosa" userId="d159c406-3740-4568-9f4d-6092b2495d2a" providerId="ADAL" clId="{68E68552-334A-49D4-906D-42EB7454986A}" dt="2023-10-19T07:55:37" v="8735" actId="1035"/>
          <ac:cxnSpMkLst>
            <pc:docMk/>
            <pc:sldMk cId="2939217394" sldId="2147476506"/>
            <ac:cxnSpMk id="281" creationId="{08CB497A-14B1-2FD5-AD62-4BB55DB97BE3}"/>
          </ac:cxnSpMkLst>
        </pc:cxnChg>
        <pc:cxnChg chg="mod">
          <ac:chgData name="Sara Mastrorosa" userId="d159c406-3740-4568-9f4d-6092b2495d2a" providerId="ADAL" clId="{68E68552-334A-49D4-906D-42EB7454986A}" dt="2023-10-19T14:50:06.613" v="9450" actId="14100"/>
          <ac:cxnSpMkLst>
            <pc:docMk/>
            <pc:sldMk cId="2939217394" sldId="2147476506"/>
            <ac:cxnSpMk id="289" creationId="{59C22493-C284-2F07-C2D6-DA77189F285A}"/>
          </ac:cxnSpMkLst>
        </pc:cxnChg>
        <pc:cxnChg chg="mod">
          <ac:chgData name="Sara Mastrorosa" userId="d159c406-3740-4568-9f4d-6092b2495d2a" providerId="ADAL" clId="{68E68552-334A-49D4-906D-42EB7454986A}" dt="2023-10-19T14:50:31.109" v="9452" actId="14100"/>
          <ac:cxnSpMkLst>
            <pc:docMk/>
            <pc:sldMk cId="2939217394" sldId="2147476506"/>
            <ac:cxnSpMk id="290" creationId="{7D09BFCE-BD2E-551C-23C9-482A8699D3F9}"/>
          </ac:cxnSpMkLst>
        </pc:cxnChg>
        <pc:cxnChg chg="mod">
          <ac:chgData name="Sara Mastrorosa" userId="d159c406-3740-4568-9f4d-6092b2495d2a" providerId="ADAL" clId="{68E68552-334A-49D4-906D-42EB7454986A}" dt="2023-10-19T14:55:02.282" v="9496" actId="1076"/>
          <ac:cxnSpMkLst>
            <pc:docMk/>
            <pc:sldMk cId="2939217394" sldId="2147476506"/>
            <ac:cxnSpMk id="291" creationId="{D7FE48EA-8164-6D71-8301-C8F28EE8ED96}"/>
          </ac:cxnSpMkLst>
        </pc:cxnChg>
        <pc:cxnChg chg="mod">
          <ac:chgData name="Sara Mastrorosa" userId="d159c406-3740-4568-9f4d-6092b2495d2a" providerId="ADAL" clId="{68E68552-334A-49D4-906D-42EB7454986A}" dt="2023-10-19T07:55:37" v="8735" actId="1035"/>
          <ac:cxnSpMkLst>
            <pc:docMk/>
            <pc:sldMk cId="2939217394" sldId="2147476506"/>
            <ac:cxnSpMk id="292" creationId="{5DB277DA-1118-DD8C-9220-4EAA08CA3B80}"/>
          </ac:cxnSpMkLst>
        </pc:cxnChg>
      </pc:sldChg>
      <pc:sldChg chg="add">
        <pc:chgData name="Sara Mastrorosa" userId="d159c406-3740-4568-9f4d-6092b2495d2a" providerId="ADAL" clId="{68E68552-334A-49D4-906D-42EB7454986A}" dt="2023-10-19T15:01:43.989" v="9608"/>
        <pc:sldMkLst>
          <pc:docMk/>
          <pc:sldMk cId="1458398931" sldId="2147476507"/>
        </pc:sldMkLst>
      </pc:sldChg>
    </pc:docChg>
  </pc:docChgLst>
  <pc:docChgLst>
    <pc:chgData name="Sara Mastrorosa" userId="d159c406-3740-4568-9f4d-6092b2495d2a" providerId="ADAL" clId="{C08A8647-00FD-4689-9378-A226D3E37023}"/>
    <pc:docChg chg="undo custSel modSld">
      <pc:chgData name="Sara Mastrorosa" userId="d159c406-3740-4568-9f4d-6092b2495d2a" providerId="ADAL" clId="{C08A8647-00FD-4689-9378-A226D3E37023}" dt="2023-10-20T11:54:42.779" v="303" actId="14100"/>
      <pc:docMkLst>
        <pc:docMk/>
      </pc:docMkLst>
      <pc:sldChg chg="modSp mod">
        <pc:chgData name="Sara Mastrorosa" userId="d159c406-3740-4568-9f4d-6092b2495d2a" providerId="ADAL" clId="{C08A8647-00FD-4689-9378-A226D3E37023}" dt="2023-10-20T11:42:34.730" v="116" actId="1076"/>
        <pc:sldMkLst>
          <pc:docMk/>
          <pc:sldMk cId="416358408" sldId="2147476491"/>
        </pc:sldMkLst>
        <pc:spChg chg="mod">
          <ac:chgData name="Sara Mastrorosa" userId="d159c406-3740-4568-9f4d-6092b2495d2a" providerId="ADAL" clId="{C08A8647-00FD-4689-9378-A226D3E37023}" dt="2023-10-20T11:42:34.730" v="116" actId="1076"/>
          <ac:spMkLst>
            <pc:docMk/>
            <pc:sldMk cId="416358408" sldId="2147476491"/>
            <ac:spMk id="3" creationId="{855EE29A-3013-5921-FF12-41B654304065}"/>
          </ac:spMkLst>
        </pc:spChg>
        <pc:graphicFrameChg chg="modGraphic">
          <ac:chgData name="Sara Mastrorosa" userId="d159c406-3740-4568-9f4d-6092b2495d2a" providerId="ADAL" clId="{C08A8647-00FD-4689-9378-A226D3E37023}" dt="2023-10-20T11:42:00.026" v="113" actId="20577"/>
          <ac:graphicFrameMkLst>
            <pc:docMk/>
            <pc:sldMk cId="416358408" sldId="2147476491"/>
            <ac:graphicFrameMk id="61" creationId="{1E858D49-9F40-3667-4010-A9812F13011C}"/>
          </ac:graphicFrameMkLst>
        </pc:graphicFrameChg>
        <pc:picChg chg="mod">
          <ac:chgData name="Sara Mastrorosa" userId="d159c406-3740-4568-9f4d-6092b2495d2a" providerId="ADAL" clId="{C08A8647-00FD-4689-9378-A226D3E37023}" dt="2023-10-20T11:41:13.978" v="95" actId="1076"/>
          <ac:picMkLst>
            <pc:docMk/>
            <pc:sldMk cId="416358408" sldId="2147476491"/>
            <ac:picMk id="48" creationId="{1079544E-9CD8-E502-BB54-785747D8B1F7}"/>
          </ac:picMkLst>
        </pc:picChg>
        <pc:picChg chg="mod">
          <ac:chgData name="Sara Mastrorosa" userId="d159c406-3740-4568-9f4d-6092b2495d2a" providerId="ADAL" clId="{C08A8647-00FD-4689-9378-A226D3E37023}" dt="2023-10-20T11:41:06.339" v="94" actId="1076"/>
          <ac:picMkLst>
            <pc:docMk/>
            <pc:sldMk cId="416358408" sldId="2147476491"/>
            <ac:picMk id="52" creationId="{BFDFB3B1-F7BD-3318-F596-2FB1B7A6E155}"/>
          </ac:picMkLst>
        </pc:picChg>
        <pc:picChg chg="mod">
          <ac:chgData name="Sara Mastrorosa" userId="d159c406-3740-4568-9f4d-6092b2495d2a" providerId="ADAL" clId="{C08A8647-00FD-4689-9378-A226D3E37023}" dt="2023-10-20T11:41:29.547" v="111" actId="1035"/>
          <ac:picMkLst>
            <pc:docMk/>
            <pc:sldMk cId="416358408" sldId="2147476491"/>
            <ac:picMk id="54" creationId="{09AE4FB5-D5C8-756F-FE21-8F3D23F989AC}"/>
          </ac:picMkLst>
        </pc:picChg>
        <pc:picChg chg="mod">
          <ac:chgData name="Sara Mastrorosa" userId="d159c406-3740-4568-9f4d-6092b2495d2a" providerId="ADAL" clId="{C08A8647-00FD-4689-9378-A226D3E37023}" dt="2023-10-20T11:41:17.361" v="96" actId="1076"/>
          <ac:picMkLst>
            <pc:docMk/>
            <pc:sldMk cId="416358408" sldId="2147476491"/>
            <ac:picMk id="56" creationId="{61565118-8EAD-E838-D334-AB9F6039DEA9}"/>
          </ac:picMkLst>
        </pc:picChg>
      </pc:sldChg>
      <pc:sldChg chg="modSp mod">
        <pc:chgData name="Sara Mastrorosa" userId="d159c406-3740-4568-9f4d-6092b2495d2a" providerId="ADAL" clId="{C08A8647-00FD-4689-9378-A226D3E37023}" dt="2023-10-20T11:54:42.779" v="303" actId="14100"/>
        <pc:sldMkLst>
          <pc:docMk/>
          <pc:sldMk cId="624556791" sldId="2147476497"/>
        </pc:sldMkLst>
        <pc:spChg chg="mod ord">
          <ac:chgData name="Sara Mastrorosa" userId="d159c406-3740-4568-9f4d-6092b2495d2a" providerId="ADAL" clId="{C08A8647-00FD-4689-9378-A226D3E37023}" dt="2023-10-20T11:54:42.779" v="303" actId="14100"/>
          <ac:spMkLst>
            <pc:docMk/>
            <pc:sldMk cId="624556791" sldId="2147476497"/>
            <ac:spMk id="26" creationId="{BF8DBAB6-23E1-D539-4445-528895631166}"/>
          </ac:spMkLst>
        </pc:spChg>
        <pc:spChg chg="ord">
          <ac:chgData name="Sara Mastrorosa" userId="d159c406-3740-4568-9f4d-6092b2495d2a" providerId="ADAL" clId="{C08A8647-00FD-4689-9378-A226D3E37023}" dt="2023-10-20T11:54:13.080" v="301" actId="166"/>
          <ac:spMkLst>
            <pc:docMk/>
            <pc:sldMk cId="624556791" sldId="2147476497"/>
            <ac:spMk id="32" creationId="{A517499A-18E9-3037-E46A-E702FEE56E76}"/>
          </ac:spMkLst>
        </pc:spChg>
        <pc:spChg chg="ord">
          <ac:chgData name="Sara Mastrorosa" userId="d159c406-3740-4568-9f4d-6092b2495d2a" providerId="ADAL" clId="{C08A8647-00FD-4689-9378-A226D3E37023}" dt="2023-10-20T11:54:13.080" v="301" actId="166"/>
          <ac:spMkLst>
            <pc:docMk/>
            <pc:sldMk cId="624556791" sldId="2147476497"/>
            <ac:spMk id="33" creationId="{BA866C34-B91D-C59B-8632-33FC0C7C24A6}"/>
          </ac:spMkLst>
        </pc:spChg>
        <pc:picChg chg="ord">
          <ac:chgData name="Sara Mastrorosa" userId="d159c406-3740-4568-9f4d-6092b2495d2a" providerId="ADAL" clId="{C08A8647-00FD-4689-9378-A226D3E37023}" dt="2023-10-20T11:54:01.083" v="299" actId="167"/>
          <ac:picMkLst>
            <pc:docMk/>
            <pc:sldMk cId="624556791" sldId="2147476497"/>
            <ac:picMk id="11" creationId="{688FC9FB-ED98-362E-4232-B0F67508ECC2}"/>
          </ac:picMkLst>
        </pc:picChg>
        <pc:picChg chg="ord">
          <ac:chgData name="Sara Mastrorosa" userId="d159c406-3740-4568-9f4d-6092b2495d2a" providerId="ADAL" clId="{C08A8647-00FD-4689-9378-A226D3E37023}" dt="2023-10-20T11:54:13.080" v="301" actId="166"/>
          <ac:picMkLst>
            <pc:docMk/>
            <pc:sldMk cId="624556791" sldId="2147476497"/>
            <ac:picMk id="34" creationId="{5E8F72A8-D99A-8F01-236F-9769AD1886B9}"/>
          </ac:picMkLst>
        </pc:picChg>
      </pc:sldChg>
      <pc:sldChg chg="addSp delSp modSp mod">
        <pc:chgData name="Sara Mastrorosa" userId="d159c406-3740-4568-9f4d-6092b2495d2a" providerId="ADAL" clId="{C08A8647-00FD-4689-9378-A226D3E37023}" dt="2023-10-20T11:51:43.121" v="265" actId="478"/>
        <pc:sldMkLst>
          <pc:docMk/>
          <pc:sldMk cId="2731355938" sldId="2147476502"/>
        </pc:sldMkLst>
        <pc:spChg chg="add del mod">
          <ac:chgData name="Sara Mastrorosa" userId="d159c406-3740-4568-9f4d-6092b2495d2a" providerId="ADAL" clId="{C08A8647-00FD-4689-9378-A226D3E37023}" dt="2023-10-20T11:51:43.121" v="265" actId="478"/>
          <ac:spMkLst>
            <pc:docMk/>
            <pc:sldMk cId="2731355938" sldId="2147476502"/>
            <ac:spMk id="8" creationId="{9180F77E-1B22-287E-9FD0-AAE5DB53A892}"/>
          </ac:spMkLst>
        </pc:spChg>
      </pc:sldChg>
      <pc:sldChg chg="modSp mod">
        <pc:chgData name="Sara Mastrorosa" userId="d159c406-3740-4568-9f4d-6092b2495d2a" providerId="ADAL" clId="{C08A8647-00FD-4689-9378-A226D3E37023}" dt="2023-10-20T11:42:56.098" v="153" actId="20577"/>
        <pc:sldMkLst>
          <pc:docMk/>
          <pc:sldMk cId="532310637" sldId="2147476504"/>
        </pc:sldMkLst>
        <pc:graphicFrameChg chg="modGraphic">
          <ac:chgData name="Sara Mastrorosa" userId="d159c406-3740-4568-9f4d-6092b2495d2a" providerId="ADAL" clId="{C08A8647-00FD-4689-9378-A226D3E37023}" dt="2023-10-20T11:42:56.098" v="153" actId="20577"/>
          <ac:graphicFrameMkLst>
            <pc:docMk/>
            <pc:sldMk cId="532310637" sldId="2147476504"/>
            <ac:graphicFrameMk id="21" creationId="{52924C1B-8B8B-060D-E328-FE64BC46CD09}"/>
          </ac:graphicFrameMkLst>
        </pc:graphicFrameChg>
      </pc:sldChg>
      <pc:sldChg chg="addSp delSp modSp mod">
        <pc:chgData name="Sara Mastrorosa" userId="d159c406-3740-4568-9f4d-6092b2495d2a" providerId="ADAL" clId="{C08A8647-00FD-4689-9378-A226D3E37023}" dt="2023-10-20T11:46:48.312" v="255" actId="1038"/>
        <pc:sldMkLst>
          <pc:docMk/>
          <pc:sldMk cId="2939217394" sldId="2147476506"/>
        </pc:sldMkLst>
        <pc:spChg chg="mod">
          <ac:chgData name="Sara Mastrorosa" userId="d159c406-3740-4568-9f4d-6092b2495d2a" providerId="ADAL" clId="{C08A8647-00FD-4689-9378-A226D3E37023}" dt="2023-10-20T11:44:41.652" v="213" actId="1036"/>
          <ac:spMkLst>
            <pc:docMk/>
            <pc:sldMk cId="2939217394" sldId="2147476506"/>
            <ac:spMk id="2" creationId="{ABCC9009-EF47-61CB-97FD-18B1D7BE7CE5}"/>
          </ac:spMkLst>
        </pc:spChg>
        <pc:spChg chg="add del mod">
          <ac:chgData name="Sara Mastrorosa" userId="d159c406-3740-4568-9f4d-6092b2495d2a" providerId="ADAL" clId="{C08A8647-00FD-4689-9378-A226D3E37023}" dt="2023-10-20T11:46:26.489" v="239" actId="478"/>
          <ac:spMkLst>
            <pc:docMk/>
            <pc:sldMk cId="2939217394" sldId="2147476506"/>
            <ac:spMk id="9" creationId="{04AC7481-D774-5272-1E27-56AA5A59E6F8}"/>
          </ac:spMkLst>
        </pc:spChg>
        <pc:spChg chg="mod">
          <ac:chgData name="Sara Mastrorosa" userId="d159c406-3740-4568-9f4d-6092b2495d2a" providerId="ADAL" clId="{C08A8647-00FD-4689-9378-A226D3E37023}" dt="2023-10-20T11:44:41.652" v="213" actId="1036"/>
          <ac:spMkLst>
            <pc:docMk/>
            <pc:sldMk cId="2939217394" sldId="2147476506"/>
            <ac:spMk id="17" creationId="{EF4DE792-6C5D-6E0C-B0DE-2A5691D5A9D9}"/>
          </ac:spMkLst>
        </pc:spChg>
        <pc:spChg chg="mod">
          <ac:chgData name="Sara Mastrorosa" userId="d159c406-3740-4568-9f4d-6092b2495d2a" providerId="ADAL" clId="{C08A8647-00FD-4689-9378-A226D3E37023}" dt="2023-10-20T11:46:48.312" v="255" actId="1038"/>
          <ac:spMkLst>
            <pc:docMk/>
            <pc:sldMk cId="2939217394" sldId="2147476506"/>
            <ac:spMk id="28" creationId="{D7CDA457-2CF1-2091-8ABC-9A66AF9D69C4}"/>
          </ac:spMkLst>
        </pc:spChg>
        <pc:spChg chg="mod">
          <ac:chgData name="Sara Mastrorosa" userId="d159c406-3740-4568-9f4d-6092b2495d2a" providerId="ADAL" clId="{C08A8647-00FD-4689-9378-A226D3E37023}" dt="2023-10-20T11:44:52.219" v="215" actId="1076"/>
          <ac:spMkLst>
            <pc:docMk/>
            <pc:sldMk cId="2939217394" sldId="2147476506"/>
            <ac:spMk id="29" creationId="{8C486CB6-E035-6A8E-38D6-B18B8723311E}"/>
          </ac:spMkLst>
        </pc:spChg>
        <pc:spChg chg="mod">
          <ac:chgData name="Sara Mastrorosa" userId="d159c406-3740-4568-9f4d-6092b2495d2a" providerId="ADAL" clId="{C08A8647-00FD-4689-9378-A226D3E37023}" dt="2023-10-20T11:44:52.219" v="215" actId="1076"/>
          <ac:spMkLst>
            <pc:docMk/>
            <pc:sldMk cId="2939217394" sldId="2147476506"/>
            <ac:spMk id="32" creationId="{1854376B-98CC-C135-A504-C0747AF90BA5}"/>
          </ac:spMkLst>
        </pc:spChg>
        <pc:spChg chg="mod">
          <ac:chgData name="Sara Mastrorosa" userId="d159c406-3740-4568-9f4d-6092b2495d2a" providerId="ADAL" clId="{C08A8647-00FD-4689-9378-A226D3E37023}" dt="2023-10-20T11:44:52.219" v="215" actId="1076"/>
          <ac:spMkLst>
            <pc:docMk/>
            <pc:sldMk cId="2939217394" sldId="2147476506"/>
            <ac:spMk id="33" creationId="{8DA9C078-9592-6654-530E-F17725E280A3}"/>
          </ac:spMkLst>
        </pc:spChg>
        <pc:spChg chg="mod">
          <ac:chgData name="Sara Mastrorosa" userId="d159c406-3740-4568-9f4d-6092b2495d2a" providerId="ADAL" clId="{C08A8647-00FD-4689-9378-A226D3E37023}" dt="2023-10-20T11:44:52.219" v="215" actId="1076"/>
          <ac:spMkLst>
            <pc:docMk/>
            <pc:sldMk cId="2939217394" sldId="2147476506"/>
            <ac:spMk id="34" creationId="{B470786D-8D10-20B4-215E-D49F44DA71E7}"/>
          </ac:spMkLst>
        </pc:spChg>
        <pc:spChg chg="mod">
          <ac:chgData name="Sara Mastrorosa" userId="d159c406-3740-4568-9f4d-6092b2495d2a" providerId="ADAL" clId="{C08A8647-00FD-4689-9378-A226D3E37023}" dt="2023-10-20T11:44:52.219" v="215" actId="1076"/>
          <ac:spMkLst>
            <pc:docMk/>
            <pc:sldMk cId="2939217394" sldId="2147476506"/>
            <ac:spMk id="36" creationId="{04C51BD3-3981-9E75-83E8-E7ED67FE094E}"/>
          </ac:spMkLst>
        </pc:spChg>
        <pc:spChg chg="mod">
          <ac:chgData name="Sara Mastrorosa" userId="d159c406-3740-4568-9f4d-6092b2495d2a" providerId="ADAL" clId="{C08A8647-00FD-4689-9378-A226D3E37023}" dt="2023-10-20T11:44:52.219" v="215" actId="1076"/>
          <ac:spMkLst>
            <pc:docMk/>
            <pc:sldMk cId="2939217394" sldId="2147476506"/>
            <ac:spMk id="37" creationId="{8411FEF1-F597-4F68-0F0E-6EFB7439A0AC}"/>
          </ac:spMkLst>
        </pc:spChg>
        <pc:spChg chg="mod">
          <ac:chgData name="Sara Mastrorosa" userId="d159c406-3740-4568-9f4d-6092b2495d2a" providerId="ADAL" clId="{C08A8647-00FD-4689-9378-A226D3E37023}" dt="2023-10-20T11:46:37.890" v="244" actId="1076"/>
          <ac:spMkLst>
            <pc:docMk/>
            <pc:sldMk cId="2939217394" sldId="2147476506"/>
            <ac:spMk id="66" creationId="{83FD9253-E975-E578-64C9-73B7F086B219}"/>
          </ac:spMkLst>
        </pc:spChg>
        <pc:spChg chg="mod">
          <ac:chgData name="Sara Mastrorosa" userId="d159c406-3740-4568-9f4d-6092b2495d2a" providerId="ADAL" clId="{C08A8647-00FD-4689-9378-A226D3E37023}" dt="2023-10-20T11:46:40.680" v="245" actId="1076"/>
          <ac:spMkLst>
            <pc:docMk/>
            <pc:sldMk cId="2939217394" sldId="2147476506"/>
            <ac:spMk id="67" creationId="{22B91A03-5D52-378E-9506-A0BCADC77C46}"/>
          </ac:spMkLst>
        </pc:spChg>
        <pc:spChg chg="mod">
          <ac:chgData name="Sara Mastrorosa" userId="d159c406-3740-4568-9f4d-6092b2495d2a" providerId="ADAL" clId="{C08A8647-00FD-4689-9378-A226D3E37023}" dt="2023-10-20T11:44:41.652" v="213" actId="1036"/>
          <ac:spMkLst>
            <pc:docMk/>
            <pc:sldMk cId="2939217394" sldId="2147476506"/>
            <ac:spMk id="72" creationId="{8D008D27-1911-CC27-C004-E0EFA628881F}"/>
          </ac:spMkLst>
        </pc:spChg>
        <pc:spChg chg="mod">
          <ac:chgData name="Sara Mastrorosa" userId="d159c406-3740-4568-9f4d-6092b2495d2a" providerId="ADAL" clId="{C08A8647-00FD-4689-9378-A226D3E37023}" dt="2023-10-20T11:46:48.312" v="255" actId="1038"/>
          <ac:spMkLst>
            <pc:docMk/>
            <pc:sldMk cId="2939217394" sldId="2147476506"/>
            <ac:spMk id="74" creationId="{3D540C4B-65E7-867B-5D75-E4F594CCE06F}"/>
          </ac:spMkLst>
        </pc:spChg>
        <pc:spChg chg="mod">
          <ac:chgData name="Sara Mastrorosa" userId="d159c406-3740-4568-9f4d-6092b2495d2a" providerId="ADAL" clId="{C08A8647-00FD-4689-9378-A226D3E37023}" dt="2023-10-20T11:46:00.792" v="236" actId="1035"/>
          <ac:spMkLst>
            <pc:docMk/>
            <pc:sldMk cId="2939217394" sldId="2147476506"/>
            <ac:spMk id="75" creationId="{599A0C27-1854-68E4-F141-F1A7D1CBAA48}"/>
          </ac:spMkLst>
        </pc:spChg>
        <pc:spChg chg="mod">
          <ac:chgData name="Sara Mastrorosa" userId="d159c406-3740-4568-9f4d-6092b2495d2a" providerId="ADAL" clId="{C08A8647-00FD-4689-9378-A226D3E37023}" dt="2023-10-20T11:44:41.652" v="213" actId="1036"/>
          <ac:spMkLst>
            <pc:docMk/>
            <pc:sldMk cId="2939217394" sldId="2147476506"/>
            <ac:spMk id="106" creationId="{24432AC9-4497-93CA-DC37-07D22C88F154}"/>
          </ac:spMkLst>
        </pc:spChg>
        <pc:spChg chg="mod">
          <ac:chgData name="Sara Mastrorosa" userId="d159c406-3740-4568-9f4d-6092b2495d2a" providerId="ADAL" clId="{C08A8647-00FD-4689-9378-A226D3E37023}" dt="2023-10-20T11:44:41.652" v="213" actId="1036"/>
          <ac:spMkLst>
            <pc:docMk/>
            <pc:sldMk cId="2939217394" sldId="2147476506"/>
            <ac:spMk id="107" creationId="{6E86EA0B-36FC-F544-774A-A3FD675DE9E0}"/>
          </ac:spMkLst>
        </pc:spChg>
        <pc:spChg chg="mod">
          <ac:chgData name="Sara Mastrorosa" userId="d159c406-3740-4568-9f4d-6092b2495d2a" providerId="ADAL" clId="{C08A8647-00FD-4689-9378-A226D3E37023}" dt="2023-10-20T11:44:41.652" v="213" actId="1036"/>
          <ac:spMkLst>
            <pc:docMk/>
            <pc:sldMk cId="2939217394" sldId="2147476506"/>
            <ac:spMk id="122" creationId="{DF8DA21B-0AAC-0942-A891-BA0E3C242EF4}"/>
          </ac:spMkLst>
        </pc:spChg>
        <pc:spChg chg="mod">
          <ac:chgData name="Sara Mastrorosa" userId="d159c406-3740-4568-9f4d-6092b2495d2a" providerId="ADAL" clId="{C08A8647-00FD-4689-9378-A226D3E37023}" dt="2023-10-20T11:44:41.652" v="213" actId="1036"/>
          <ac:spMkLst>
            <pc:docMk/>
            <pc:sldMk cId="2939217394" sldId="2147476506"/>
            <ac:spMk id="159" creationId="{D5B5EA3D-BBFE-7E6C-98D3-1E383B1B73F1}"/>
          </ac:spMkLst>
        </pc:spChg>
        <pc:spChg chg="mod">
          <ac:chgData name="Sara Mastrorosa" userId="d159c406-3740-4568-9f4d-6092b2495d2a" providerId="ADAL" clId="{C08A8647-00FD-4689-9378-A226D3E37023}" dt="2023-10-20T11:44:41.652" v="213" actId="1036"/>
          <ac:spMkLst>
            <pc:docMk/>
            <pc:sldMk cId="2939217394" sldId="2147476506"/>
            <ac:spMk id="263" creationId="{3C5A95A6-7F20-1A69-1451-5325A6680337}"/>
          </ac:spMkLst>
        </pc:spChg>
        <pc:spChg chg="mod">
          <ac:chgData name="Sara Mastrorosa" userId="d159c406-3740-4568-9f4d-6092b2495d2a" providerId="ADAL" clId="{C08A8647-00FD-4689-9378-A226D3E37023}" dt="2023-10-20T11:44:41.652" v="213" actId="1036"/>
          <ac:spMkLst>
            <pc:docMk/>
            <pc:sldMk cId="2939217394" sldId="2147476506"/>
            <ac:spMk id="273" creationId="{0A41BBD1-BBD9-7312-A609-DA3A6C25E8D0}"/>
          </ac:spMkLst>
        </pc:spChg>
        <pc:spChg chg="mod">
          <ac:chgData name="Sara Mastrorosa" userId="d159c406-3740-4568-9f4d-6092b2495d2a" providerId="ADAL" clId="{C08A8647-00FD-4689-9378-A226D3E37023}" dt="2023-10-20T11:44:41.652" v="213" actId="1036"/>
          <ac:spMkLst>
            <pc:docMk/>
            <pc:sldMk cId="2939217394" sldId="2147476506"/>
            <ac:spMk id="282" creationId="{022EAB5F-2469-80A1-9DB3-F166537F6E53}"/>
          </ac:spMkLst>
        </pc:spChg>
        <pc:grpChg chg="mod">
          <ac:chgData name="Sara Mastrorosa" userId="d159c406-3740-4568-9f4d-6092b2495d2a" providerId="ADAL" clId="{C08A8647-00FD-4689-9378-A226D3E37023}" dt="2023-10-20T11:46:48.312" v="255" actId="1038"/>
          <ac:grpSpMkLst>
            <pc:docMk/>
            <pc:sldMk cId="2939217394" sldId="2147476506"/>
            <ac:grpSpMk id="18" creationId="{6270F101-41F8-22E5-7C5F-1420383FEC0C}"/>
          </ac:grpSpMkLst>
        </pc:grpChg>
        <pc:grpChg chg="mod">
          <ac:chgData name="Sara Mastrorosa" userId="d159c406-3740-4568-9f4d-6092b2495d2a" providerId="ADAL" clId="{C08A8647-00FD-4689-9378-A226D3E37023}" dt="2023-10-20T11:44:27.190" v="205" actId="1036"/>
          <ac:grpSpMkLst>
            <pc:docMk/>
            <pc:sldMk cId="2939217394" sldId="2147476506"/>
            <ac:grpSpMk id="40" creationId="{7CE40E82-1076-C42A-2E96-EBB8C09D04E5}"/>
          </ac:grpSpMkLst>
        </pc:grpChg>
        <pc:grpChg chg="mod">
          <ac:chgData name="Sara Mastrorosa" userId="d159c406-3740-4568-9f4d-6092b2495d2a" providerId="ADAL" clId="{C08A8647-00FD-4689-9378-A226D3E37023}" dt="2023-10-20T11:44:41.652" v="213" actId="1036"/>
          <ac:grpSpMkLst>
            <pc:docMk/>
            <pc:sldMk cId="2939217394" sldId="2147476506"/>
            <ac:grpSpMk id="264" creationId="{8DC8EB88-22F7-A158-411E-9002A217F3B7}"/>
          </ac:grpSpMkLst>
        </pc:grpChg>
        <pc:grpChg chg="mod">
          <ac:chgData name="Sara Mastrorosa" userId="d159c406-3740-4568-9f4d-6092b2495d2a" providerId="ADAL" clId="{C08A8647-00FD-4689-9378-A226D3E37023}" dt="2023-10-20T11:44:41.652" v="213" actId="1036"/>
          <ac:grpSpMkLst>
            <pc:docMk/>
            <pc:sldMk cId="2939217394" sldId="2147476506"/>
            <ac:grpSpMk id="274" creationId="{549B8946-3E9E-2EAD-1D5A-74A140A3FD79}"/>
          </ac:grpSpMkLst>
        </pc:grpChg>
        <pc:grpChg chg="mod">
          <ac:chgData name="Sara Mastrorosa" userId="d159c406-3740-4568-9f4d-6092b2495d2a" providerId="ADAL" clId="{C08A8647-00FD-4689-9378-A226D3E37023}" dt="2023-10-20T11:44:41.652" v="213" actId="1036"/>
          <ac:grpSpMkLst>
            <pc:docMk/>
            <pc:sldMk cId="2939217394" sldId="2147476506"/>
            <ac:grpSpMk id="283" creationId="{DD320CCA-32CE-F460-367C-1D2FB0AAF5D9}"/>
          </ac:grpSpMkLst>
        </pc:grpChg>
        <pc:graphicFrameChg chg="mod">
          <ac:chgData name="Sara Mastrorosa" userId="d159c406-3740-4568-9f4d-6092b2495d2a" providerId="ADAL" clId="{C08A8647-00FD-4689-9378-A226D3E37023}" dt="2023-10-20T11:44:41.652" v="213" actId="1036"/>
          <ac:graphicFrameMkLst>
            <pc:docMk/>
            <pc:sldMk cId="2939217394" sldId="2147476506"/>
            <ac:graphicFrameMk id="54" creationId="{5AD0B9AA-3A95-12DE-3DBD-B85EC15FD3D0}"/>
          </ac:graphicFrameMkLst>
        </pc:graphicFrameChg>
        <pc:cxnChg chg="add del mod">
          <ac:chgData name="Sara Mastrorosa" userId="d159c406-3740-4568-9f4d-6092b2495d2a" providerId="ADAL" clId="{C08A8647-00FD-4689-9378-A226D3E37023}" dt="2023-10-20T11:46:27.354" v="240" actId="478"/>
          <ac:cxnSpMkLst>
            <pc:docMk/>
            <pc:sldMk cId="2939217394" sldId="2147476506"/>
            <ac:cxnSpMk id="6" creationId="{6221D8D0-7D68-9317-66F9-CFF3A4A7D9CA}"/>
          </ac:cxnSpMkLst>
        </pc:cxnChg>
        <pc:cxnChg chg="add del mod">
          <ac:chgData name="Sara Mastrorosa" userId="d159c406-3740-4568-9f4d-6092b2495d2a" providerId="ADAL" clId="{C08A8647-00FD-4689-9378-A226D3E37023}" dt="2023-10-20T11:46:28.601" v="241" actId="478"/>
          <ac:cxnSpMkLst>
            <pc:docMk/>
            <pc:sldMk cId="2939217394" sldId="2147476506"/>
            <ac:cxnSpMk id="7" creationId="{6D529023-D6BE-881A-F821-B09FEA92A1D1}"/>
          </ac:cxnSpMkLst>
        </pc:cxnChg>
        <pc:cxnChg chg="add del mod">
          <ac:chgData name="Sara Mastrorosa" userId="d159c406-3740-4568-9f4d-6092b2495d2a" providerId="ADAL" clId="{C08A8647-00FD-4689-9378-A226D3E37023}" dt="2023-10-20T11:46:29.890" v="242" actId="478"/>
          <ac:cxnSpMkLst>
            <pc:docMk/>
            <pc:sldMk cId="2939217394" sldId="2147476506"/>
            <ac:cxnSpMk id="8" creationId="{48871BE4-A36D-5E7D-4FB8-942B88C49580}"/>
          </ac:cxnSpMkLst>
        </pc:cxnChg>
        <pc:cxnChg chg="mod">
          <ac:chgData name="Sara Mastrorosa" userId="d159c406-3740-4568-9f4d-6092b2495d2a" providerId="ADAL" clId="{C08A8647-00FD-4689-9378-A226D3E37023}" dt="2023-10-20T11:44:41.652" v="213" actId="1036"/>
          <ac:cxnSpMkLst>
            <pc:docMk/>
            <pc:sldMk cId="2939217394" sldId="2147476506"/>
            <ac:cxnSpMk id="108" creationId="{940FE4A6-B70B-85A4-FEA5-93EEBE462AD7}"/>
          </ac:cxnSpMkLst>
        </pc:cxnChg>
        <pc:cxnChg chg="mod">
          <ac:chgData name="Sara Mastrorosa" userId="d159c406-3740-4568-9f4d-6092b2495d2a" providerId="ADAL" clId="{C08A8647-00FD-4689-9378-A226D3E37023}" dt="2023-10-20T11:44:41.652" v="213" actId="1036"/>
          <ac:cxnSpMkLst>
            <pc:docMk/>
            <pc:sldMk cId="2939217394" sldId="2147476506"/>
            <ac:cxnSpMk id="120" creationId="{3D7D2E69-80B5-5A5E-98DC-3513D882D130}"/>
          </ac:cxnSpMkLst>
        </pc:cxnChg>
        <pc:cxnChg chg="mod">
          <ac:chgData name="Sara Mastrorosa" userId="d159c406-3740-4568-9f4d-6092b2495d2a" providerId="ADAL" clId="{C08A8647-00FD-4689-9378-A226D3E37023}" dt="2023-10-20T11:44:41.652" v="213" actId="1036"/>
          <ac:cxnSpMkLst>
            <pc:docMk/>
            <pc:sldMk cId="2939217394" sldId="2147476506"/>
            <ac:cxnSpMk id="212" creationId="{E30FFF8C-4ED9-ACFA-B454-C87CA3DB2BF7}"/>
          </ac:cxnSpMkLst>
        </pc:cxnChg>
        <pc:cxnChg chg="mod">
          <ac:chgData name="Sara Mastrorosa" userId="d159c406-3740-4568-9f4d-6092b2495d2a" providerId="ADAL" clId="{C08A8647-00FD-4689-9378-A226D3E37023}" dt="2023-10-20T11:44:41.652" v="213" actId="1036"/>
          <ac:cxnSpMkLst>
            <pc:docMk/>
            <pc:sldMk cId="2939217394" sldId="2147476506"/>
            <ac:cxnSpMk id="214" creationId="{6DD31C1B-570F-3B11-AD4D-63E0EAEC112A}"/>
          </ac:cxnSpMkLst>
        </pc:cxnChg>
        <pc:cxnChg chg="mod">
          <ac:chgData name="Sara Mastrorosa" userId="d159c406-3740-4568-9f4d-6092b2495d2a" providerId="ADAL" clId="{C08A8647-00FD-4689-9378-A226D3E37023}" dt="2023-10-20T11:44:41.652" v="213" actId="1036"/>
          <ac:cxnSpMkLst>
            <pc:docMk/>
            <pc:sldMk cId="2939217394" sldId="2147476506"/>
            <ac:cxnSpMk id="216" creationId="{D5512CD4-560C-28E1-26C3-576EC21700D8}"/>
          </ac:cxnSpMkLst>
        </pc:cxnChg>
        <pc:cxnChg chg="mod">
          <ac:chgData name="Sara Mastrorosa" userId="d159c406-3740-4568-9f4d-6092b2495d2a" providerId="ADAL" clId="{C08A8647-00FD-4689-9378-A226D3E37023}" dt="2023-10-20T11:44:41.652" v="213" actId="1036"/>
          <ac:cxnSpMkLst>
            <pc:docMk/>
            <pc:sldMk cId="2939217394" sldId="2147476506"/>
            <ac:cxnSpMk id="270" creationId="{B3EE5060-31E7-A098-D049-D3F31B23FF2F}"/>
          </ac:cxnSpMkLst>
        </pc:cxnChg>
        <pc:cxnChg chg="mod">
          <ac:chgData name="Sara Mastrorosa" userId="d159c406-3740-4568-9f4d-6092b2495d2a" providerId="ADAL" clId="{C08A8647-00FD-4689-9378-A226D3E37023}" dt="2023-10-20T11:44:41.652" v="213" actId="1036"/>
          <ac:cxnSpMkLst>
            <pc:docMk/>
            <pc:sldMk cId="2939217394" sldId="2147476506"/>
            <ac:cxnSpMk id="271" creationId="{C5796C41-9B9B-B7D6-1AA2-B5D4D9559DB6}"/>
          </ac:cxnSpMkLst>
        </pc:cxnChg>
        <pc:cxnChg chg="mod">
          <ac:chgData name="Sara Mastrorosa" userId="d159c406-3740-4568-9f4d-6092b2495d2a" providerId="ADAL" clId="{C08A8647-00FD-4689-9378-A226D3E37023}" dt="2023-10-20T11:44:41.652" v="213" actId="1036"/>
          <ac:cxnSpMkLst>
            <pc:docMk/>
            <pc:sldMk cId="2939217394" sldId="2147476506"/>
            <ac:cxnSpMk id="272" creationId="{0698A764-2D6B-84DA-0E38-5391084E9EB3}"/>
          </ac:cxnSpMkLst>
        </pc:cxnChg>
        <pc:cxnChg chg="mod">
          <ac:chgData name="Sara Mastrorosa" userId="d159c406-3740-4568-9f4d-6092b2495d2a" providerId="ADAL" clId="{C08A8647-00FD-4689-9378-A226D3E37023}" dt="2023-10-20T11:44:41.652" v="213" actId="1036"/>
          <ac:cxnSpMkLst>
            <pc:docMk/>
            <pc:sldMk cId="2939217394" sldId="2147476506"/>
            <ac:cxnSpMk id="280" creationId="{DDBB6AD7-D2DC-5FFC-3915-2566ABD57EEC}"/>
          </ac:cxnSpMkLst>
        </pc:cxnChg>
        <pc:cxnChg chg="mod">
          <ac:chgData name="Sara Mastrorosa" userId="d159c406-3740-4568-9f4d-6092b2495d2a" providerId="ADAL" clId="{C08A8647-00FD-4689-9378-A226D3E37023}" dt="2023-10-20T11:44:41.652" v="213" actId="1036"/>
          <ac:cxnSpMkLst>
            <pc:docMk/>
            <pc:sldMk cId="2939217394" sldId="2147476506"/>
            <ac:cxnSpMk id="281" creationId="{08CB497A-14B1-2FD5-AD62-4BB55DB97BE3}"/>
          </ac:cxnSpMkLst>
        </pc:cxnChg>
        <pc:cxnChg chg="mod">
          <ac:chgData name="Sara Mastrorosa" userId="d159c406-3740-4568-9f4d-6092b2495d2a" providerId="ADAL" clId="{C08A8647-00FD-4689-9378-A226D3E37023}" dt="2023-10-20T11:44:41.652" v="213" actId="1036"/>
          <ac:cxnSpMkLst>
            <pc:docMk/>
            <pc:sldMk cId="2939217394" sldId="2147476506"/>
            <ac:cxnSpMk id="289" creationId="{59C22493-C284-2F07-C2D6-DA77189F285A}"/>
          </ac:cxnSpMkLst>
        </pc:cxnChg>
        <pc:cxnChg chg="mod">
          <ac:chgData name="Sara Mastrorosa" userId="d159c406-3740-4568-9f4d-6092b2495d2a" providerId="ADAL" clId="{C08A8647-00FD-4689-9378-A226D3E37023}" dt="2023-10-20T11:44:41.652" v="213" actId="1036"/>
          <ac:cxnSpMkLst>
            <pc:docMk/>
            <pc:sldMk cId="2939217394" sldId="2147476506"/>
            <ac:cxnSpMk id="290" creationId="{7D09BFCE-BD2E-551C-23C9-482A8699D3F9}"/>
          </ac:cxnSpMkLst>
        </pc:cxnChg>
        <pc:cxnChg chg="mod">
          <ac:chgData name="Sara Mastrorosa" userId="d159c406-3740-4568-9f4d-6092b2495d2a" providerId="ADAL" clId="{C08A8647-00FD-4689-9378-A226D3E37023}" dt="2023-10-20T11:44:41.652" v="213" actId="1036"/>
          <ac:cxnSpMkLst>
            <pc:docMk/>
            <pc:sldMk cId="2939217394" sldId="2147476506"/>
            <ac:cxnSpMk id="291" creationId="{D7FE48EA-8164-6D71-8301-C8F28EE8ED96}"/>
          </ac:cxnSpMkLst>
        </pc:cxnChg>
        <pc:cxnChg chg="mod">
          <ac:chgData name="Sara Mastrorosa" userId="d159c406-3740-4568-9f4d-6092b2495d2a" providerId="ADAL" clId="{C08A8647-00FD-4689-9378-A226D3E37023}" dt="2023-10-20T11:44:41.652" v="213" actId="1036"/>
          <ac:cxnSpMkLst>
            <pc:docMk/>
            <pc:sldMk cId="2939217394" sldId="2147476506"/>
            <ac:cxnSpMk id="292" creationId="{5DB277DA-1118-DD8C-9220-4EAA08CA3B80}"/>
          </ac:cxnSpMkLst>
        </pc:cxnChg>
      </pc:sldChg>
    </pc:docChg>
  </pc:docChgLst>
  <pc:docChgLst>
    <pc:chgData name="Ivan Vendraminetto" userId="S::ivan.vendraminetto@ericsson.com::3f4ddeca-a031-4f31-ac95-5d318ca21e52" providerId="AD" clId="Web-{BF049625-D354-4EE3-968B-B3579067B698}"/>
    <pc:docChg chg="modSld">
      <pc:chgData name="Ivan Vendraminetto" userId="S::ivan.vendraminetto@ericsson.com::3f4ddeca-a031-4f31-ac95-5d318ca21e52" providerId="AD" clId="Web-{BF049625-D354-4EE3-968B-B3579067B698}" dt="2023-10-20T15:13:16.616" v="81" actId="20577"/>
      <pc:docMkLst>
        <pc:docMk/>
      </pc:docMkLst>
      <pc:sldChg chg="modSp">
        <pc:chgData name="Ivan Vendraminetto" userId="S::ivan.vendraminetto@ericsson.com::3f4ddeca-a031-4f31-ac95-5d318ca21e52" providerId="AD" clId="Web-{BF049625-D354-4EE3-968B-B3579067B698}" dt="2023-10-20T15:13:16.616" v="81" actId="20577"/>
        <pc:sldMkLst>
          <pc:docMk/>
          <pc:sldMk cId="3174659431" sldId="258"/>
        </pc:sldMkLst>
        <pc:spChg chg="mod">
          <ac:chgData name="Ivan Vendraminetto" userId="S::ivan.vendraminetto@ericsson.com::3f4ddeca-a031-4f31-ac95-5d318ca21e52" providerId="AD" clId="Web-{BF049625-D354-4EE3-968B-B3579067B698}" dt="2023-10-20T15:13:16.616" v="81" actId="20577"/>
          <ac:spMkLst>
            <pc:docMk/>
            <pc:sldMk cId="3174659431" sldId="258"/>
            <ac:spMk id="29" creationId="{806BBFA7-B73B-88B0-84E9-BF9573CD6853}"/>
          </ac:spMkLst>
        </pc:spChg>
      </pc:sldChg>
    </pc:docChg>
  </pc:docChgLst>
  <pc:docChgLst>
    <pc:chgData name="Sara Mastrorosa" userId="d159c406-3740-4568-9f4d-6092b2495d2a" providerId="ADAL" clId="{1739E09D-2A5A-477B-8E30-F6F26ACEC183}"/>
    <pc:docChg chg="custSel">
      <pc:chgData name="Sara Mastrorosa" userId="d159c406-3740-4568-9f4d-6092b2495d2a" providerId="ADAL" clId="{1739E09D-2A5A-477B-8E30-F6F26ACEC183}" dt="2023-10-27T06:41:36.112" v="1" actId="20577"/>
      <pc:docMkLst>
        <pc:docMk/>
      </pc:docMkLst>
    </pc:docChg>
  </pc:docChgLst>
  <pc:docChgLst>
    <pc:chgData name="Ivan Vendraminetto" userId="S::ivan.vendraminetto@ericsson.com::3f4ddeca-a031-4f31-ac95-5d318ca21e52" providerId="AD" clId="Web-{D5807E9C-A1B4-4F5A-92D3-AFB612B81152}"/>
    <pc:docChg chg="modSld">
      <pc:chgData name="Ivan Vendraminetto" userId="S::ivan.vendraminetto@ericsson.com::3f4ddeca-a031-4f31-ac95-5d318ca21e52" providerId="AD" clId="Web-{D5807E9C-A1B4-4F5A-92D3-AFB612B81152}" dt="2023-10-20T15:42:26.305" v="160" actId="20577"/>
      <pc:docMkLst>
        <pc:docMk/>
      </pc:docMkLst>
      <pc:sldChg chg="modSp">
        <pc:chgData name="Ivan Vendraminetto" userId="S::ivan.vendraminetto@ericsson.com::3f4ddeca-a031-4f31-ac95-5d318ca21e52" providerId="AD" clId="Web-{D5807E9C-A1B4-4F5A-92D3-AFB612B81152}" dt="2023-10-20T15:36:15.466" v="77" actId="20577"/>
        <pc:sldMkLst>
          <pc:docMk/>
          <pc:sldMk cId="2770855441" sldId="2147476486"/>
        </pc:sldMkLst>
        <pc:spChg chg="mod">
          <ac:chgData name="Ivan Vendraminetto" userId="S::ivan.vendraminetto@ericsson.com::3f4ddeca-a031-4f31-ac95-5d318ca21e52" providerId="AD" clId="Web-{D5807E9C-A1B4-4F5A-92D3-AFB612B81152}" dt="2023-10-20T15:36:15.466" v="77" actId="20577"/>
          <ac:spMkLst>
            <pc:docMk/>
            <pc:sldMk cId="2770855441" sldId="2147476486"/>
            <ac:spMk id="43" creationId="{60403CA5-5C25-6943-048C-724D08128282}"/>
          </ac:spMkLst>
        </pc:spChg>
      </pc:sldChg>
      <pc:sldChg chg="modSp">
        <pc:chgData name="Ivan Vendraminetto" userId="S::ivan.vendraminetto@ericsson.com::3f4ddeca-a031-4f31-ac95-5d318ca21e52" providerId="AD" clId="Web-{D5807E9C-A1B4-4F5A-92D3-AFB612B81152}" dt="2023-10-20T15:36:51.920" v="80" actId="20577"/>
        <pc:sldMkLst>
          <pc:docMk/>
          <pc:sldMk cId="419598757" sldId="2147476489"/>
        </pc:sldMkLst>
        <pc:spChg chg="mod">
          <ac:chgData name="Ivan Vendraminetto" userId="S::ivan.vendraminetto@ericsson.com::3f4ddeca-a031-4f31-ac95-5d318ca21e52" providerId="AD" clId="Web-{D5807E9C-A1B4-4F5A-92D3-AFB612B81152}" dt="2023-10-20T15:36:51.920" v="80" actId="20577"/>
          <ac:spMkLst>
            <pc:docMk/>
            <pc:sldMk cId="419598757" sldId="2147476489"/>
            <ac:spMk id="27" creationId="{83108EE3-E356-F6DB-575D-1F375F981C50}"/>
          </ac:spMkLst>
        </pc:spChg>
      </pc:sldChg>
      <pc:sldChg chg="modSp">
        <pc:chgData name="Ivan Vendraminetto" userId="S::ivan.vendraminetto@ericsson.com::3f4ddeca-a031-4f31-ac95-5d318ca21e52" providerId="AD" clId="Web-{D5807E9C-A1B4-4F5A-92D3-AFB612B81152}" dt="2023-10-20T15:39:44.566" v="124" actId="20577"/>
        <pc:sldMkLst>
          <pc:docMk/>
          <pc:sldMk cId="416358408" sldId="2147476491"/>
        </pc:sldMkLst>
        <pc:spChg chg="mod">
          <ac:chgData name="Ivan Vendraminetto" userId="S::ivan.vendraminetto@ericsson.com::3f4ddeca-a031-4f31-ac95-5d318ca21e52" providerId="AD" clId="Web-{D5807E9C-A1B4-4F5A-92D3-AFB612B81152}" dt="2023-10-20T15:39:44.566" v="124" actId="20577"/>
          <ac:spMkLst>
            <pc:docMk/>
            <pc:sldMk cId="416358408" sldId="2147476491"/>
            <ac:spMk id="3" creationId="{855EE29A-3013-5921-FF12-41B654304065}"/>
          </ac:spMkLst>
        </pc:spChg>
        <pc:spChg chg="mod">
          <ac:chgData name="Ivan Vendraminetto" userId="S::ivan.vendraminetto@ericsson.com::3f4ddeca-a031-4f31-ac95-5d318ca21e52" providerId="AD" clId="Web-{D5807E9C-A1B4-4F5A-92D3-AFB612B81152}" dt="2023-10-20T15:37:27.078" v="82" actId="20577"/>
          <ac:spMkLst>
            <pc:docMk/>
            <pc:sldMk cId="416358408" sldId="2147476491"/>
            <ac:spMk id="11" creationId="{8C31A990-62A7-C722-16F1-A2FAC50661BC}"/>
          </ac:spMkLst>
        </pc:spChg>
      </pc:sldChg>
      <pc:sldChg chg="modSp">
        <pc:chgData name="Ivan Vendraminetto" userId="S::ivan.vendraminetto@ericsson.com::3f4ddeca-a031-4f31-ac95-5d318ca21e52" providerId="AD" clId="Web-{D5807E9C-A1B4-4F5A-92D3-AFB612B81152}" dt="2023-10-20T15:42:26.305" v="160" actId="20577"/>
        <pc:sldMkLst>
          <pc:docMk/>
          <pc:sldMk cId="2939217394" sldId="2147476506"/>
        </pc:sldMkLst>
        <pc:spChg chg="mod">
          <ac:chgData name="Ivan Vendraminetto" userId="S::ivan.vendraminetto@ericsson.com::3f4ddeca-a031-4f31-ac95-5d318ca21e52" providerId="AD" clId="Web-{D5807E9C-A1B4-4F5A-92D3-AFB612B81152}" dt="2023-10-20T15:42:26.305" v="160" actId="20577"/>
          <ac:spMkLst>
            <pc:docMk/>
            <pc:sldMk cId="2939217394" sldId="2147476506"/>
            <ac:spMk id="75" creationId="{599A0C27-1854-68E4-F141-F1A7D1CBAA48}"/>
          </ac:spMkLst>
        </pc:spChg>
      </pc:sldChg>
    </pc:docChg>
  </pc:docChgLst>
  <pc:docChgLst>
    <pc:chgData name="Sara Mastrorosa" userId="d159c406-3740-4568-9f4d-6092b2495d2a" providerId="ADAL" clId="{8B86413B-2A1A-4226-BE53-109F0A4E8237}"/>
    <pc:docChg chg="undo redo custSel addSld delSld modSld sldOrd delMainMaster modShowInfo">
      <pc:chgData name="Sara Mastrorosa" userId="d159c406-3740-4568-9f4d-6092b2495d2a" providerId="ADAL" clId="{8B86413B-2A1A-4226-BE53-109F0A4E8237}" dt="2023-10-02T11:13:34.456" v="24360" actId="1076"/>
      <pc:docMkLst>
        <pc:docMk/>
      </pc:docMkLst>
      <pc:sldChg chg="del modTransition">
        <pc:chgData name="Sara Mastrorosa" userId="d159c406-3740-4568-9f4d-6092b2495d2a" providerId="ADAL" clId="{8B86413B-2A1A-4226-BE53-109F0A4E8237}" dt="2023-09-26T13:16:45.802" v="8732" actId="47"/>
        <pc:sldMkLst>
          <pc:docMk/>
          <pc:sldMk cId="3948035317" sldId="256"/>
        </pc:sldMkLst>
      </pc:sldChg>
      <pc:sldChg chg="addSp delSp modSp mod modTransition">
        <pc:chgData name="Sara Mastrorosa" userId="d159c406-3740-4568-9f4d-6092b2495d2a" providerId="ADAL" clId="{8B86413B-2A1A-4226-BE53-109F0A4E8237}" dt="2023-09-26T08:47:31.983" v="4507"/>
        <pc:sldMkLst>
          <pc:docMk/>
          <pc:sldMk cId="138403661" sldId="257"/>
        </pc:sldMkLst>
        <pc:spChg chg="add mod">
          <ac:chgData name="Sara Mastrorosa" userId="d159c406-3740-4568-9f4d-6092b2495d2a" providerId="ADAL" clId="{8B86413B-2A1A-4226-BE53-109F0A4E8237}" dt="2023-09-25T10:23:02.341" v="210" actId="1076"/>
          <ac:spMkLst>
            <pc:docMk/>
            <pc:sldMk cId="138403661" sldId="257"/>
            <ac:spMk id="3" creationId="{24AFB83E-6E50-5FAF-3034-8EA88810A0E5}"/>
          </ac:spMkLst>
        </pc:spChg>
        <pc:spChg chg="mod">
          <ac:chgData name="Sara Mastrorosa" userId="d159c406-3740-4568-9f4d-6092b2495d2a" providerId="ADAL" clId="{8B86413B-2A1A-4226-BE53-109F0A4E8237}" dt="2023-09-26T06:55:43.382" v="1890" actId="20577"/>
          <ac:spMkLst>
            <pc:docMk/>
            <pc:sldMk cId="138403661" sldId="257"/>
            <ac:spMk id="4" creationId="{9D1603A8-B106-49C8-9A85-772F771CEA7B}"/>
          </ac:spMkLst>
        </pc:spChg>
        <pc:spChg chg="mod">
          <ac:chgData name="Sara Mastrorosa" userId="d159c406-3740-4568-9f4d-6092b2495d2a" providerId="ADAL" clId="{8B86413B-2A1A-4226-BE53-109F0A4E8237}" dt="2023-09-26T06:55:43.034" v="1889" actId="20577"/>
          <ac:spMkLst>
            <pc:docMk/>
            <pc:sldMk cId="138403661" sldId="257"/>
            <ac:spMk id="5" creationId="{EBE0C4A5-D42F-44F1-9F5A-67BBFB530625}"/>
          </ac:spMkLst>
        </pc:spChg>
        <pc:spChg chg="del">
          <ac:chgData name="Sara Mastrorosa" userId="d159c406-3740-4568-9f4d-6092b2495d2a" providerId="ADAL" clId="{8B86413B-2A1A-4226-BE53-109F0A4E8237}" dt="2023-09-25T10:21:27.094" v="144" actId="478"/>
          <ac:spMkLst>
            <pc:docMk/>
            <pc:sldMk cId="138403661" sldId="257"/>
            <ac:spMk id="6" creationId="{DE95ACB9-B873-474F-98C6-A4E2DBDA48CF}"/>
          </ac:spMkLst>
        </pc:spChg>
        <pc:spChg chg="del">
          <ac:chgData name="Sara Mastrorosa" userId="d159c406-3740-4568-9f4d-6092b2495d2a" providerId="ADAL" clId="{8B86413B-2A1A-4226-BE53-109F0A4E8237}" dt="2023-09-25T10:21:29.984" v="145" actId="478"/>
          <ac:spMkLst>
            <pc:docMk/>
            <pc:sldMk cId="138403661" sldId="257"/>
            <ac:spMk id="7" creationId="{2B57716A-DE29-404B-8783-EC5EAC0E6C59}"/>
          </ac:spMkLst>
        </pc:spChg>
        <pc:spChg chg="mod">
          <ac:chgData name="Sara Mastrorosa" userId="d159c406-3740-4568-9f4d-6092b2495d2a" providerId="ADAL" clId="{8B86413B-2A1A-4226-BE53-109F0A4E8237}" dt="2023-09-25T10:21:40.758" v="153" actId="20577"/>
          <ac:spMkLst>
            <pc:docMk/>
            <pc:sldMk cId="138403661" sldId="257"/>
            <ac:spMk id="8" creationId="{C845FF77-4366-46F5-98BF-D30F6C614057}"/>
          </ac:spMkLst>
        </pc:spChg>
      </pc:sldChg>
      <pc:sldChg chg="addSp modSp mod ord modTransition">
        <pc:chgData name="Sara Mastrorosa" userId="d159c406-3740-4568-9f4d-6092b2495d2a" providerId="ADAL" clId="{8B86413B-2A1A-4226-BE53-109F0A4E8237}" dt="2023-10-02T10:23:50.909" v="22869" actId="1038"/>
        <pc:sldMkLst>
          <pc:docMk/>
          <pc:sldMk cId="3174659431" sldId="258"/>
        </pc:sldMkLst>
        <pc:spChg chg="mod">
          <ac:chgData name="Sara Mastrorosa" userId="d159c406-3740-4568-9f4d-6092b2495d2a" providerId="ADAL" clId="{8B86413B-2A1A-4226-BE53-109F0A4E8237}" dt="2023-10-02T10:23:50.909" v="22869" actId="1038"/>
          <ac:spMkLst>
            <pc:docMk/>
            <pc:sldMk cId="3174659431" sldId="258"/>
            <ac:spMk id="2" creationId="{9EFEF520-5244-4819-DD31-76B665454865}"/>
          </ac:spMkLst>
        </pc:spChg>
        <pc:spChg chg="add mod">
          <ac:chgData name="Sara Mastrorosa" userId="d159c406-3740-4568-9f4d-6092b2495d2a" providerId="ADAL" clId="{8B86413B-2A1A-4226-BE53-109F0A4E8237}" dt="2023-10-02T10:23:50.909" v="22869" actId="1038"/>
          <ac:spMkLst>
            <pc:docMk/>
            <pc:sldMk cId="3174659431" sldId="258"/>
            <ac:spMk id="4" creationId="{F0071D4B-7C67-BF6E-378E-0ECB8EF83409}"/>
          </ac:spMkLst>
        </pc:spChg>
        <pc:spChg chg="mod">
          <ac:chgData name="Sara Mastrorosa" userId="d159c406-3740-4568-9f4d-6092b2495d2a" providerId="ADAL" clId="{8B86413B-2A1A-4226-BE53-109F0A4E8237}" dt="2023-09-25T10:29:25.582" v="346" actId="207"/>
          <ac:spMkLst>
            <pc:docMk/>
            <pc:sldMk cId="3174659431" sldId="258"/>
            <ac:spMk id="5" creationId="{08F2B45B-2BC1-44B2-4465-F8FD2B97328F}"/>
          </ac:spMkLst>
        </pc:spChg>
        <pc:spChg chg="mod">
          <ac:chgData name="Sara Mastrorosa" userId="d159c406-3740-4568-9f4d-6092b2495d2a" providerId="ADAL" clId="{8B86413B-2A1A-4226-BE53-109F0A4E8237}" dt="2023-10-02T10:23:50.909" v="22869" actId="1038"/>
          <ac:spMkLst>
            <pc:docMk/>
            <pc:sldMk cId="3174659431" sldId="258"/>
            <ac:spMk id="7" creationId="{2FAEE8AC-8D75-56F5-1DC5-7ED0B27E6821}"/>
          </ac:spMkLst>
        </pc:spChg>
        <pc:spChg chg="mod">
          <ac:chgData name="Sara Mastrorosa" userId="d159c406-3740-4568-9f4d-6092b2495d2a" providerId="ADAL" clId="{8B86413B-2A1A-4226-BE53-109F0A4E8237}" dt="2023-10-02T10:23:50.909" v="22869" actId="1038"/>
          <ac:spMkLst>
            <pc:docMk/>
            <pc:sldMk cId="3174659431" sldId="258"/>
            <ac:spMk id="8" creationId="{E2457DC9-3EAC-2BF7-3FBF-77C9553E2D83}"/>
          </ac:spMkLst>
        </pc:spChg>
        <pc:spChg chg="mod">
          <ac:chgData name="Sara Mastrorosa" userId="d159c406-3740-4568-9f4d-6092b2495d2a" providerId="ADAL" clId="{8B86413B-2A1A-4226-BE53-109F0A4E8237}" dt="2023-10-02T10:23:50.909" v="22869" actId="1038"/>
          <ac:spMkLst>
            <pc:docMk/>
            <pc:sldMk cId="3174659431" sldId="258"/>
            <ac:spMk id="9" creationId="{C25695B7-F62D-3FF8-9DE2-349A49A7122E}"/>
          </ac:spMkLst>
        </pc:spChg>
        <pc:spChg chg="mod">
          <ac:chgData name="Sara Mastrorosa" userId="d159c406-3740-4568-9f4d-6092b2495d2a" providerId="ADAL" clId="{8B86413B-2A1A-4226-BE53-109F0A4E8237}" dt="2023-10-02T10:23:50.909" v="22869" actId="1038"/>
          <ac:spMkLst>
            <pc:docMk/>
            <pc:sldMk cId="3174659431" sldId="258"/>
            <ac:spMk id="10" creationId="{367D835D-4A4F-B0DB-C4D5-11B2AAC09904}"/>
          </ac:spMkLst>
        </pc:spChg>
        <pc:spChg chg="mod">
          <ac:chgData name="Sara Mastrorosa" userId="d159c406-3740-4568-9f4d-6092b2495d2a" providerId="ADAL" clId="{8B86413B-2A1A-4226-BE53-109F0A4E8237}" dt="2023-10-02T10:23:50.909" v="22869" actId="1038"/>
          <ac:spMkLst>
            <pc:docMk/>
            <pc:sldMk cId="3174659431" sldId="258"/>
            <ac:spMk id="11" creationId="{CA6604CE-E156-E357-5E98-960E26C3B7AE}"/>
          </ac:spMkLst>
        </pc:spChg>
        <pc:spChg chg="mod">
          <ac:chgData name="Sara Mastrorosa" userId="d159c406-3740-4568-9f4d-6092b2495d2a" providerId="ADAL" clId="{8B86413B-2A1A-4226-BE53-109F0A4E8237}" dt="2023-10-02T10:23:50.909" v="22869" actId="1038"/>
          <ac:spMkLst>
            <pc:docMk/>
            <pc:sldMk cId="3174659431" sldId="258"/>
            <ac:spMk id="12" creationId="{56DAE976-D2BA-3824-9F50-77FE1557A7E9}"/>
          </ac:spMkLst>
        </pc:spChg>
        <pc:spChg chg="mod">
          <ac:chgData name="Sara Mastrorosa" userId="d159c406-3740-4568-9f4d-6092b2495d2a" providerId="ADAL" clId="{8B86413B-2A1A-4226-BE53-109F0A4E8237}" dt="2023-10-02T10:23:50.909" v="22869" actId="1038"/>
          <ac:spMkLst>
            <pc:docMk/>
            <pc:sldMk cId="3174659431" sldId="258"/>
            <ac:spMk id="13" creationId="{5C1D8CDE-BD48-743E-5CF4-54670514E615}"/>
          </ac:spMkLst>
        </pc:spChg>
        <pc:spChg chg="mod">
          <ac:chgData name="Sara Mastrorosa" userId="d159c406-3740-4568-9f4d-6092b2495d2a" providerId="ADAL" clId="{8B86413B-2A1A-4226-BE53-109F0A4E8237}" dt="2023-10-02T10:23:50.909" v="22869" actId="1038"/>
          <ac:spMkLst>
            <pc:docMk/>
            <pc:sldMk cId="3174659431" sldId="258"/>
            <ac:spMk id="14" creationId="{5D327C5D-FA31-5877-9895-D57159B89DAA}"/>
          </ac:spMkLst>
        </pc:spChg>
        <pc:spChg chg="mod">
          <ac:chgData name="Sara Mastrorosa" userId="d159c406-3740-4568-9f4d-6092b2495d2a" providerId="ADAL" clId="{8B86413B-2A1A-4226-BE53-109F0A4E8237}" dt="2023-10-02T10:23:50.909" v="22869" actId="1038"/>
          <ac:spMkLst>
            <pc:docMk/>
            <pc:sldMk cId="3174659431" sldId="258"/>
            <ac:spMk id="15" creationId="{9546402D-F929-FED9-EAF7-2EC7BF9387E9}"/>
          </ac:spMkLst>
        </pc:spChg>
        <pc:spChg chg="mod">
          <ac:chgData name="Sara Mastrorosa" userId="d159c406-3740-4568-9f4d-6092b2495d2a" providerId="ADAL" clId="{8B86413B-2A1A-4226-BE53-109F0A4E8237}" dt="2023-10-02T10:23:50.909" v="22869" actId="1038"/>
          <ac:spMkLst>
            <pc:docMk/>
            <pc:sldMk cId="3174659431" sldId="258"/>
            <ac:spMk id="16" creationId="{A76465BC-8D6C-CA49-874D-86578693B60F}"/>
          </ac:spMkLst>
        </pc:spChg>
        <pc:spChg chg="mod">
          <ac:chgData name="Sara Mastrorosa" userId="d159c406-3740-4568-9f4d-6092b2495d2a" providerId="ADAL" clId="{8B86413B-2A1A-4226-BE53-109F0A4E8237}" dt="2023-10-02T10:23:50.909" v="22869" actId="1038"/>
          <ac:spMkLst>
            <pc:docMk/>
            <pc:sldMk cId="3174659431" sldId="258"/>
            <ac:spMk id="27" creationId="{21AB6530-1AEC-948F-7EDC-227E08E9D6B7}"/>
          </ac:spMkLst>
        </pc:spChg>
        <pc:spChg chg="mod">
          <ac:chgData name="Sara Mastrorosa" userId="d159c406-3740-4568-9f4d-6092b2495d2a" providerId="ADAL" clId="{8B86413B-2A1A-4226-BE53-109F0A4E8237}" dt="2023-10-02T10:23:50.909" v="22869" actId="1038"/>
          <ac:spMkLst>
            <pc:docMk/>
            <pc:sldMk cId="3174659431" sldId="258"/>
            <ac:spMk id="28" creationId="{F6D566D4-5728-B63F-330B-04CF3F0DEEF8}"/>
          </ac:spMkLst>
        </pc:spChg>
        <pc:spChg chg="mod">
          <ac:chgData name="Sara Mastrorosa" userId="d159c406-3740-4568-9f4d-6092b2495d2a" providerId="ADAL" clId="{8B86413B-2A1A-4226-BE53-109F0A4E8237}" dt="2023-10-02T10:23:20.163" v="22851" actId="20577"/>
          <ac:spMkLst>
            <pc:docMk/>
            <pc:sldMk cId="3174659431" sldId="258"/>
            <ac:spMk id="29" creationId="{806BBFA7-B73B-88B0-84E9-BF9573CD6853}"/>
          </ac:spMkLst>
        </pc:spChg>
        <pc:spChg chg="add mod">
          <ac:chgData name="Sara Mastrorosa" userId="d159c406-3740-4568-9f4d-6092b2495d2a" providerId="ADAL" clId="{8B86413B-2A1A-4226-BE53-109F0A4E8237}" dt="2023-10-02T10:23:50.909" v="22869" actId="1038"/>
          <ac:spMkLst>
            <pc:docMk/>
            <pc:sldMk cId="3174659431" sldId="258"/>
            <ac:spMk id="30" creationId="{218EE9D3-E816-1EBD-AAB2-7C59D5110888}"/>
          </ac:spMkLst>
        </pc:spChg>
        <pc:spChg chg="add mod">
          <ac:chgData name="Sara Mastrorosa" userId="d159c406-3740-4568-9f4d-6092b2495d2a" providerId="ADAL" clId="{8B86413B-2A1A-4226-BE53-109F0A4E8237}" dt="2023-10-02T10:23:50.909" v="22869" actId="1038"/>
          <ac:spMkLst>
            <pc:docMk/>
            <pc:sldMk cId="3174659431" sldId="258"/>
            <ac:spMk id="31" creationId="{6D2D662F-3D4B-0639-1BCF-4071E255EE7F}"/>
          </ac:spMkLst>
        </pc:spChg>
        <pc:spChg chg="add mod">
          <ac:chgData name="Sara Mastrorosa" userId="d159c406-3740-4568-9f4d-6092b2495d2a" providerId="ADAL" clId="{8B86413B-2A1A-4226-BE53-109F0A4E8237}" dt="2023-10-02T10:23:50.909" v="22869" actId="1038"/>
          <ac:spMkLst>
            <pc:docMk/>
            <pc:sldMk cId="3174659431" sldId="258"/>
            <ac:spMk id="32" creationId="{4F9777F5-705F-2148-74EB-49E065997FC3}"/>
          </ac:spMkLst>
        </pc:spChg>
        <pc:picChg chg="add mod">
          <ac:chgData name="Sara Mastrorosa" userId="d159c406-3740-4568-9f4d-6092b2495d2a" providerId="ADAL" clId="{8B86413B-2A1A-4226-BE53-109F0A4E8237}" dt="2023-09-27T12:06:33.145" v="16656" actId="1037"/>
          <ac:picMkLst>
            <pc:docMk/>
            <pc:sldMk cId="3174659431" sldId="258"/>
            <ac:picMk id="3" creationId="{8ED2B46D-930D-5FD7-D544-B8C26E51DCCB}"/>
          </ac:picMkLst>
        </pc:picChg>
        <pc:picChg chg="mod ord">
          <ac:chgData name="Sara Mastrorosa" userId="d159c406-3740-4568-9f4d-6092b2495d2a" providerId="ADAL" clId="{8B86413B-2A1A-4226-BE53-109F0A4E8237}" dt="2023-10-02T10:23:50.909" v="22869" actId="1038"/>
          <ac:picMkLst>
            <pc:docMk/>
            <pc:sldMk cId="3174659431" sldId="258"/>
            <ac:picMk id="18" creationId="{96C72BAD-394B-8409-6AA3-733B8742A678}"/>
          </ac:picMkLst>
        </pc:picChg>
        <pc:picChg chg="mod ord">
          <ac:chgData name="Sara Mastrorosa" userId="d159c406-3740-4568-9f4d-6092b2495d2a" providerId="ADAL" clId="{8B86413B-2A1A-4226-BE53-109F0A4E8237}" dt="2023-10-02T10:23:50.909" v="22869" actId="1038"/>
          <ac:picMkLst>
            <pc:docMk/>
            <pc:sldMk cId="3174659431" sldId="258"/>
            <ac:picMk id="24" creationId="{B2320A0C-ECD0-1E5B-D1C6-E62F0D7A5603}"/>
          </ac:picMkLst>
        </pc:picChg>
        <pc:picChg chg="mod ord">
          <ac:chgData name="Sara Mastrorosa" userId="d159c406-3740-4568-9f4d-6092b2495d2a" providerId="ADAL" clId="{8B86413B-2A1A-4226-BE53-109F0A4E8237}" dt="2023-10-02T10:23:50.909" v="22869" actId="1038"/>
          <ac:picMkLst>
            <pc:docMk/>
            <pc:sldMk cId="3174659431" sldId="258"/>
            <ac:picMk id="26" creationId="{F315E41D-9436-F02D-CB25-4229A1A8DEDD}"/>
          </ac:picMkLst>
        </pc:picChg>
        <pc:cxnChg chg="add mod">
          <ac:chgData name="Sara Mastrorosa" userId="d159c406-3740-4568-9f4d-6092b2495d2a" providerId="ADAL" clId="{8B86413B-2A1A-4226-BE53-109F0A4E8237}" dt="2023-09-25T10:29:08.788" v="326" actId="1582"/>
          <ac:cxnSpMkLst>
            <pc:docMk/>
            <pc:sldMk cId="3174659431" sldId="258"/>
            <ac:cxnSpMk id="35" creationId="{6DA4F8F9-EAFC-DA02-1EAC-A1777C1A0701}"/>
          </ac:cxnSpMkLst>
        </pc:cxnChg>
      </pc:sldChg>
      <pc:sldChg chg="addSp delSp modSp add mod modTransition">
        <pc:chgData name="Sara Mastrorosa" userId="d159c406-3740-4568-9f4d-6092b2495d2a" providerId="ADAL" clId="{8B86413B-2A1A-4226-BE53-109F0A4E8237}" dt="2023-10-02T10:33:43.870" v="23482"/>
        <pc:sldMkLst>
          <pc:docMk/>
          <pc:sldMk cId="3841284841" sldId="259"/>
        </pc:sldMkLst>
        <pc:spChg chg="del">
          <ac:chgData name="Sara Mastrorosa" userId="d159c406-3740-4568-9f4d-6092b2495d2a" providerId="ADAL" clId="{8B86413B-2A1A-4226-BE53-109F0A4E8237}" dt="2023-09-25T10:47:27.917" v="1216" actId="478"/>
          <ac:spMkLst>
            <pc:docMk/>
            <pc:sldMk cId="3841284841" sldId="259"/>
            <ac:spMk id="2" creationId="{9EFEF520-5244-4819-DD31-76B665454865}"/>
          </ac:spMkLst>
        </pc:spChg>
        <pc:spChg chg="add del mod">
          <ac:chgData name="Sara Mastrorosa" userId="d159c406-3740-4568-9f4d-6092b2495d2a" providerId="ADAL" clId="{8B86413B-2A1A-4226-BE53-109F0A4E8237}" dt="2023-09-25T10:48:49.933" v="1297" actId="478"/>
          <ac:spMkLst>
            <pc:docMk/>
            <pc:sldMk cId="3841284841" sldId="259"/>
            <ac:spMk id="3" creationId="{BE33795A-2BD0-E7CC-100A-FFE3CDD9F77C}"/>
          </ac:spMkLst>
        </pc:spChg>
        <pc:spChg chg="add mod">
          <ac:chgData name="Sara Mastrorosa" userId="d159c406-3740-4568-9f4d-6092b2495d2a" providerId="ADAL" clId="{8B86413B-2A1A-4226-BE53-109F0A4E8237}" dt="2023-09-29T09:47:21.114" v="21777" actId="14100"/>
          <ac:spMkLst>
            <pc:docMk/>
            <pc:sldMk cId="3841284841" sldId="259"/>
            <ac:spMk id="3" creationId="{EE7D3073-5DFD-90AB-C028-1ED40019F5E9}"/>
          </ac:spMkLst>
        </pc:spChg>
        <pc:spChg chg="add del mod">
          <ac:chgData name="Sara Mastrorosa" userId="d159c406-3740-4568-9f4d-6092b2495d2a" providerId="ADAL" clId="{8B86413B-2A1A-4226-BE53-109F0A4E8237}" dt="2023-09-25T10:48:27.199" v="1269" actId="478"/>
          <ac:spMkLst>
            <pc:docMk/>
            <pc:sldMk cId="3841284841" sldId="259"/>
            <ac:spMk id="4" creationId="{F58ACFC2-1BE6-174F-0A51-7F2C7466183F}"/>
          </ac:spMkLst>
        </pc:spChg>
        <pc:spChg chg="mod">
          <ac:chgData name="Sara Mastrorosa" userId="d159c406-3740-4568-9f4d-6092b2495d2a" providerId="ADAL" clId="{8B86413B-2A1A-4226-BE53-109F0A4E8237}" dt="2023-10-02T10:24:15.605" v="22880" actId="1037"/>
          <ac:spMkLst>
            <pc:docMk/>
            <pc:sldMk cId="3841284841" sldId="259"/>
            <ac:spMk id="5" creationId="{08F2B45B-2BC1-44B2-4465-F8FD2B97328F}"/>
          </ac:spMkLst>
        </pc:spChg>
        <pc:spChg chg="add del mod">
          <ac:chgData name="Sara Mastrorosa" userId="d159c406-3740-4568-9f4d-6092b2495d2a" providerId="ADAL" clId="{8B86413B-2A1A-4226-BE53-109F0A4E8237}" dt="2023-09-25T10:48:27.884" v="1270" actId="478"/>
          <ac:spMkLst>
            <pc:docMk/>
            <pc:sldMk cId="3841284841" sldId="259"/>
            <ac:spMk id="6" creationId="{DEFE0B75-AE34-5B7F-70F4-FD8451816A20}"/>
          </ac:spMkLst>
        </pc:spChg>
        <pc:spChg chg="mod">
          <ac:chgData name="Sara Mastrorosa" userId="d159c406-3740-4568-9f4d-6092b2495d2a" providerId="ADAL" clId="{8B86413B-2A1A-4226-BE53-109F0A4E8237}" dt="2023-09-29T09:47:36.061" v="21779" actId="14100"/>
          <ac:spMkLst>
            <pc:docMk/>
            <pc:sldMk cId="3841284841" sldId="259"/>
            <ac:spMk id="6" creationId="{FFABCD6A-1374-138C-3981-9023D4416A58}"/>
          </ac:spMkLst>
        </pc:spChg>
        <pc:spChg chg="add mod">
          <ac:chgData name="Sara Mastrorosa" userId="d159c406-3740-4568-9f4d-6092b2495d2a" providerId="ADAL" clId="{8B86413B-2A1A-4226-BE53-109F0A4E8237}" dt="2023-10-02T10:32:19.476" v="23400" actId="1036"/>
          <ac:spMkLst>
            <pc:docMk/>
            <pc:sldMk cId="3841284841" sldId="259"/>
            <ac:spMk id="7" creationId="{1796BDA9-9F87-58FE-659A-F42F2C1C586A}"/>
          </ac:spMkLst>
        </pc:spChg>
        <pc:spChg chg="del">
          <ac:chgData name="Sara Mastrorosa" userId="d159c406-3740-4568-9f4d-6092b2495d2a" providerId="ADAL" clId="{8B86413B-2A1A-4226-BE53-109F0A4E8237}" dt="2023-09-25T10:47:26.914" v="1215" actId="478"/>
          <ac:spMkLst>
            <pc:docMk/>
            <pc:sldMk cId="3841284841" sldId="259"/>
            <ac:spMk id="7" creationId="{2FAEE8AC-8D75-56F5-1DC5-7ED0B27E6821}"/>
          </ac:spMkLst>
        </pc:spChg>
        <pc:spChg chg="add del">
          <ac:chgData name="Sara Mastrorosa" userId="d159c406-3740-4568-9f4d-6092b2495d2a" providerId="ADAL" clId="{8B86413B-2A1A-4226-BE53-109F0A4E8237}" dt="2023-09-28T08:48:39.648" v="19947" actId="478"/>
          <ac:spMkLst>
            <pc:docMk/>
            <pc:sldMk cId="3841284841" sldId="259"/>
            <ac:spMk id="7" creationId="{76F75FA8-F7C7-F111-F0F7-DAD1238B035C}"/>
          </ac:spMkLst>
        </pc:spChg>
        <pc:spChg chg="mod">
          <ac:chgData name="Sara Mastrorosa" userId="d159c406-3740-4568-9f4d-6092b2495d2a" providerId="ADAL" clId="{8B86413B-2A1A-4226-BE53-109F0A4E8237}" dt="2023-09-28T09:16:10.538" v="20312" actId="20577"/>
          <ac:spMkLst>
            <pc:docMk/>
            <pc:sldMk cId="3841284841" sldId="259"/>
            <ac:spMk id="8" creationId="{804D4AA4-B730-E2CA-B27A-024E8D8AA900}"/>
          </ac:spMkLst>
        </pc:spChg>
        <pc:spChg chg="del">
          <ac:chgData name="Sara Mastrorosa" userId="d159c406-3740-4568-9f4d-6092b2495d2a" providerId="ADAL" clId="{8B86413B-2A1A-4226-BE53-109F0A4E8237}" dt="2023-09-25T10:47:26.914" v="1215" actId="478"/>
          <ac:spMkLst>
            <pc:docMk/>
            <pc:sldMk cId="3841284841" sldId="259"/>
            <ac:spMk id="8" creationId="{E2457DC9-3EAC-2BF7-3FBF-77C9553E2D83}"/>
          </ac:spMkLst>
        </pc:spChg>
        <pc:spChg chg="del mod">
          <ac:chgData name="Sara Mastrorosa" userId="d159c406-3740-4568-9f4d-6092b2495d2a" providerId="ADAL" clId="{8B86413B-2A1A-4226-BE53-109F0A4E8237}" dt="2023-09-26T07:21:50.282" v="3154"/>
          <ac:spMkLst>
            <pc:docMk/>
            <pc:sldMk cId="3841284841" sldId="259"/>
            <ac:spMk id="9" creationId="{2BF42558-9AA7-AD34-CC61-67D674B17B63}"/>
          </ac:spMkLst>
        </pc:spChg>
        <pc:spChg chg="add mod">
          <ac:chgData name="Sara Mastrorosa" userId="d159c406-3740-4568-9f4d-6092b2495d2a" providerId="ADAL" clId="{8B86413B-2A1A-4226-BE53-109F0A4E8237}" dt="2023-09-29T09:47:28.304" v="21778" actId="14100"/>
          <ac:spMkLst>
            <pc:docMk/>
            <pc:sldMk cId="3841284841" sldId="259"/>
            <ac:spMk id="9" creationId="{87227CF3-CECD-7D93-09A1-6EBA7F2DB013}"/>
          </ac:spMkLst>
        </pc:spChg>
        <pc:spChg chg="del">
          <ac:chgData name="Sara Mastrorosa" userId="d159c406-3740-4568-9f4d-6092b2495d2a" providerId="ADAL" clId="{8B86413B-2A1A-4226-BE53-109F0A4E8237}" dt="2023-09-25T10:47:26.914" v="1215" actId="478"/>
          <ac:spMkLst>
            <pc:docMk/>
            <pc:sldMk cId="3841284841" sldId="259"/>
            <ac:spMk id="9" creationId="{C25695B7-F62D-3FF8-9DE2-349A49A7122E}"/>
          </ac:spMkLst>
        </pc:spChg>
        <pc:spChg chg="del">
          <ac:chgData name="Sara Mastrorosa" userId="d159c406-3740-4568-9f4d-6092b2495d2a" providerId="ADAL" clId="{8B86413B-2A1A-4226-BE53-109F0A4E8237}" dt="2023-09-25T10:47:26.914" v="1215" actId="478"/>
          <ac:spMkLst>
            <pc:docMk/>
            <pc:sldMk cId="3841284841" sldId="259"/>
            <ac:spMk id="10" creationId="{367D835D-4A4F-B0DB-C4D5-11B2AAC09904}"/>
          </ac:spMkLst>
        </pc:spChg>
        <pc:spChg chg="add mod">
          <ac:chgData name="Sara Mastrorosa" userId="d159c406-3740-4568-9f4d-6092b2495d2a" providerId="ADAL" clId="{8B86413B-2A1A-4226-BE53-109F0A4E8237}" dt="2023-09-29T09:46:49.694" v="21774" actId="1035"/>
          <ac:spMkLst>
            <pc:docMk/>
            <pc:sldMk cId="3841284841" sldId="259"/>
            <ac:spMk id="10" creationId="{5C7E8D35-F857-DC93-98D1-E35DA87032D3}"/>
          </ac:spMkLst>
        </pc:spChg>
        <pc:spChg chg="del">
          <ac:chgData name="Sara Mastrorosa" userId="d159c406-3740-4568-9f4d-6092b2495d2a" providerId="ADAL" clId="{8B86413B-2A1A-4226-BE53-109F0A4E8237}" dt="2023-09-25T10:47:26.914" v="1215" actId="478"/>
          <ac:spMkLst>
            <pc:docMk/>
            <pc:sldMk cId="3841284841" sldId="259"/>
            <ac:spMk id="11" creationId="{CA6604CE-E156-E357-5E98-960E26C3B7AE}"/>
          </ac:spMkLst>
        </pc:spChg>
        <pc:spChg chg="add mod">
          <ac:chgData name="Sara Mastrorosa" userId="d159c406-3740-4568-9f4d-6092b2495d2a" providerId="ADAL" clId="{8B86413B-2A1A-4226-BE53-109F0A4E8237}" dt="2023-10-02T10:13:03.142" v="22320" actId="113"/>
          <ac:spMkLst>
            <pc:docMk/>
            <pc:sldMk cId="3841284841" sldId="259"/>
            <ac:spMk id="12" creationId="{258FAEE9-7314-BD6D-EDF6-A13174654F50}"/>
          </ac:spMkLst>
        </pc:spChg>
        <pc:spChg chg="del">
          <ac:chgData name="Sara Mastrorosa" userId="d159c406-3740-4568-9f4d-6092b2495d2a" providerId="ADAL" clId="{8B86413B-2A1A-4226-BE53-109F0A4E8237}" dt="2023-09-25T10:47:26.914" v="1215" actId="478"/>
          <ac:spMkLst>
            <pc:docMk/>
            <pc:sldMk cId="3841284841" sldId="259"/>
            <ac:spMk id="12" creationId="{56DAE976-D2BA-3824-9F50-77FE1557A7E9}"/>
          </ac:spMkLst>
        </pc:spChg>
        <pc:spChg chg="del">
          <ac:chgData name="Sara Mastrorosa" userId="d159c406-3740-4568-9f4d-6092b2495d2a" providerId="ADAL" clId="{8B86413B-2A1A-4226-BE53-109F0A4E8237}" dt="2023-09-25T10:47:26.914" v="1215" actId="478"/>
          <ac:spMkLst>
            <pc:docMk/>
            <pc:sldMk cId="3841284841" sldId="259"/>
            <ac:spMk id="13" creationId="{5C1D8CDE-BD48-743E-5CF4-54670514E615}"/>
          </ac:spMkLst>
        </pc:spChg>
        <pc:spChg chg="del">
          <ac:chgData name="Sara Mastrorosa" userId="d159c406-3740-4568-9f4d-6092b2495d2a" providerId="ADAL" clId="{8B86413B-2A1A-4226-BE53-109F0A4E8237}" dt="2023-09-25T10:47:26.914" v="1215" actId="478"/>
          <ac:spMkLst>
            <pc:docMk/>
            <pc:sldMk cId="3841284841" sldId="259"/>
            <ac:spMk id="14" creationId="{5D327C5D-FA31-5877-9895-D57159B89DAA}"/>
          </ac:spMkLst>
        </pc:spChg>
        <pc:spChg chg="add mod">
          <ac:chgData name="Sara Mastrorosa" userId="d159c406-3740-4568-9f4d-6092b2495d2a" providerId="ADAL" clId="{8B86413B-2A1A-4226-BE53-109F0A4E8237}" dt="2023-09-28T14:02:08.859" v="21372" actId="1036"/>
          <ac:spMkLst>
            <pc:docMk/>
            <pc:sldMk cId="3841284841" sldId="259"/>
            <ac:spMk id="14" creationId="{7A173AC2-A7D8-9778-3B02-FE7511CD49F9}"/>
          </ac:spMkLst>
        </pc:spChg>
        <pc:spChg chg="add mod">
          <ac:chgData name="Sara Mastrorosa" userId="d159c406-3740-4568-9f4d-6092b2495d2a" providerId="ADAL" clId="{8B86413B-2A1A-4226-BE53-109F0A4E8237}" dt="2023-09-28T14:02:08.859" v="21372" actId="1036"/>
          <ac:spMkLst>
            <pc:docMk/>
            <pc:sldMk cId="3841284841" sldId="259"/>
            <ac:spMk id="15" creationId="{29E1D593-F1B3-32E0-A9CA-F8F3C2AD30C7}"/>
          </ac:spMkLst>
        </pc:spChg>
        <pc:spChg chg="del">
          <ac:chgData name="Sara Mastrorosa" userId="d159c406-3740-4568-9f4d-6092b2495d2a" providerId="ADAL" clId="{8B86413B-2A1A-4226-BE53-109F0A4E8237}" dt="2023-09-25T10:47:26.914" v="1215" actId="478"/>
          <ac:spMkLst>
            <pc:docMk/>
            <pc:sldMk cId="3841284841" sldId="259"/>
            <ac:spMk id="15" creationId="{9546402D-F929-FED9-EAF7-2EC7BF9387E9}"/>
          </ac:spMkLst>
        </pc:spChg>
        <pc:spChg chg="del">
          <ac:chgData name="Sara Mastrorosa" userId="d159c406-3740-4568-9f4d-6092b2495d2a" providerId="ADAL" clId="{8B86413B-2A1A-4226-BE53-109F0A4E8237}" dt="2023-09-25T10:47:26.914" v="1215" actId="478"/>
          <ac:spMkLst>
            <pc:docMk/>
            <pc:sldMk cId="3841284841" sldId="259"/>
            <ac:spMk id="16" creationId="{A76465BC-8D6C-CA49-874D-86578693B60F}"/>
          </ac:spMkLst>
        </pc:spChg>
        <pc:spChg chg="add mod">
          <ac:chgData name="Sara Mastrorosa" userId="d159c406-3740-4568-9f4d-6092b2495d2a" providerId="ADAL" clId="{8B86413B-2A1A-4226-BE53-109F0A4E8237}" dt="2023-09-28T08:57:44.282" v="20068" actId="404"/>
          <ac:spMkLst>
            <pc:docMk/>
            <pc:sldMk cId="3841284841" sldId="259"/>
            <ac:spMk id="17" creationId="{969DFB51-5133-0A84-73B4-DD4CAF6315D5}"/>
          </ac:spMkLst>
        </pc:spChg>
        <pc:spChg chg="add mod">
          <ac:chgData name="Sara Mastrorosa" userId="d159c406-3740-4568-9f4d-6092b2495d2a" providerId="ADAL" clId="{8B86413B-2A1A-4226-BE53-109F0A4E8237}" dt="2023-09-29T09:46:54.281" v="21775" actId="6549"/>
          <ac:spMkLst>
            <pc:docMk/>
            <pc:sldMk cId="3841284841" sldId="259"/>
            <ac:spMk id="18" creationId="{1E306067-D0A0-56F3-F009-9A8A91DC8CAD}"/>
          </ac:spMkLst>
        </pc:spChg>
        <pc:spChg chg="add mod">
          <ac:chgData name="Sara Mastrorosa" userId="d159c406-3740-4568-9f4d-6092b2495d2a" providerId="ADAL" clId="{8B86413B-2A1A-4226-BE53-109F0A4E8237}" dt="2023-09-28T08:57:44.282" v="20068" actId="404"/>
          <ac:spMkLst>
            <pc:docMk/>
            <pc:sldMk cId="3841284841" sldId="259"/>
            <ac:spMk id="19" creationId="{60E86AD5-C36C-4314-3EC9-8737EF7DF066}"/>
          </ac:spMkLst>
        </pc:spChg>
        <pc:spChg chg="add mod">
          <ac:chgData name="Sara Mastrorosa" userId="d159c406-3740-4568-9f4d-6092b2495d2a" providerId="ADAL" clId="{8B86413B-2A1A-4226-BE53-109F0A4E8237}" dt="2023-09-28T08:57:44.282" v="20068" actId="404"/>
          <ac:spMkLst>
            <pc:docMk/>
            <pc:sldMk cId="3841284841" sldId="259"/>
            <ac:spMk id="20" creationId="{14C8A7E7-43F6-E14B-20E6-DBEB809E4BC8}"/>
          </ac:spMkLst>
        </pc:spChg>
        <pc:spChg chg="add mod ord">
          <ac:chgData name="Sara Mastrorosa" userId="d159c406-3740-4568-9f4d-6092b2495d2a" providerId="ADAL" clId="{8B86413B-2A1A-4226-BE53-109F0A4E8237}" dt="2023-09-28T09:03:55.808" v="20118" actId="14100"/>
          <ac:spMkLst>
            <pc:docMk/>
            <pc:sldMk cId="3841284841" sldId="259"/>
            <ac:spMk id="21" creationId="{B46ED968-168C-9A86-5030-D97F5FBEBE98}"/>
          </ac:spMkLst>
        </pc:spChg>
        <pc:spChg chg="del">
          <ac:chgData name="Sara Mastrorosa" userId="d159c406-3740-4568-9f4d-6092b2495d2a" providerId="ADAL" clId="{8B86413B-2A1A-4226-BE53-109F0A4E8237}" dt="2023-09-25T10:47:26.914" v="1215" actId="478"/>
          <ac:spMkLst>
            <pc:docMk/>
            <pc:sldMk cId="3841284841" sldId="259"/>
            <ac:spMk id="27" creationId="{21AB6530-1AEC-948F-7EDC-227E08E9D6B7}"/>
          </ac:spMkLst>
        </pc:spChg>
        <pc:spChg chg="del">
          <ac:chgData name="Sara Mastrorosa" userId="d159c406-3740-4568-9f4d-6092b2495d2a" providerId="ADAL" clId="{8B86413B-2A1A-4226-BE53-109F0A4E8237}" dt="2023-09-25T10:47:29.120" v="1217" actId="478"/>
          <ac:spMkLst>
            <pc:docMk/>
            <pc:sldMk cId="3841284841" sldId="259"/>
            <ac:spMk id="28" creationId="{F6D566D4-5728-B63F-330B-04CF3F0DEEF8}"/>
          </ac:spMkLst>
        </pc:spChg>
        <pc:spChg chg="mod">
          <ac:chgData name="Sara Mastrorosa" userId="d159c406-3740-4568-9f4d-6092b2495d2a" providerId="ADAL" clId="{8B86413B-2A1A-4226-BE53-109F0A4E8237}" dt="2023-10-02T10:31:49.059" v="23370" actId="20577"/>
          <ac:spMkLst>
            <pc:docMk/>
            <pc:sldMk cId="3841284841" sldId="259"/>
            <ac:spMk id="29" creationId="{806BBFA7-B73B-88B0-84E9-BF9573CD6853}"/>
          </ac:spMkLst>
        </pc:spChg>
        <pc:spChg chg="del">
          <ac:chgData name="Sara Mastrorosa" userId="d159c406-3740-4568-9f4d-6092b2495d2a" providerId="ADAL" clId="{8B86413B-2A1A-4226-BE53-109F0A4E8237}" dt="2023-09-25T10:47:26.914" v="1215" actId="478"/>
          <ac:spMkLst>
            <pc:docMk/>
            <pc:sldMk cId="3841284841" sldId="259"/>
            <ac:spMk id="30" creationId="{218EE9D3-E816-1EBD-AAB2-7C59D5110888}"/>
          </ac:spMkLst>
        </pc:spChg>
        <pc:spChg chg="del">
          <ac:chgData name="Sara Mastrorosa" userId="d159c406-3740-4568-9f4d-6092b2495d2a" providerId="ADAL" clId="{8B86413B-2A1A-4226-BE53-109F0A4E8237}" dt="2023-09-25T10:47:26.914" v="1215" actId="478"/>
          <ac:spMkLst>
            <pc:docMk/>
            <pc:sldMk cId="3841284841" sldId="259"/>
            <ac:spMk id="31" creationId="{6D2D662F-3D4B-0639-1BCF-4071E255EE7F}"/>
          </ac:spMkLst>
        </pc:spChg>
        <pc:spChg chg="del">
          <ac:chgData name="Sara Mastrorosa" userId="d159c406-3740-4568-9f4d-6092b2495d2a" providerId="ADAL" clId="{8B86413B-2A1A-4226-BE53-109F0A4E8237}" dt="2023-09-25T10:47:26.914" v="1215" actId="478"/>
          <ac:spMkLst>
            <pc:docMk/>
            <pc:sldMk cId="3841284841" sldId="259"/>
            <ac:spMk id="32" creationId="{4F9777F5-705F-2148-74EB-49E065997FC3}"/>
          </ac:spMkLst>
        </pc:spChg>
        <pc:spChg chg="add mod">
          <ac:chgData name="Sara Mastrorosa" userId="d159c406-3740-4568-9f4d-6092b2495d2a" providerId="ADAL" clId="{8B86413B-2A1A-4226-BE53-109F0A4E8237}" dt="2023-09-28T08:57:44.282" v="20068" actId="404"/>
          <ac:spMkLst>
            <pc:docMk/>
            <pc:sldMk cId="3841284841" sldId="259"/>
            <ac:spMk id="40" creationId="{30F58BFE-AEB5-A374-EBD8-D2E43C251A0A}"/>
          </ac:spMkLst>
        </pc:spChg>
        <pc:spChg chg="add mod">
          <ac:chgData name="Sara Mastrorosa" userId="d159c406-3740-4568-9f4d-6092b2495d2a" providerId="ADAL" clId="{8B86413B-2A1A-4226-BE53-109F0A4E8237}" dt="2023-09-28T08:57:44.282" v="20068" actId="404"/>
          <ac:spMkLst>
            <pc:docMk/>
            <pc:sldMk cId="3841284841" sldId="259"/>
            <ac:spMk id="41" creationId="{2EDF945F-5745-C2B9-9C6F-1C521C79633E}"/>
          </ac:spMkLst>
        </pc:spChg>
        <pc:spChg chg="add mod">
          <ac:chgData name="Sara Mastrorosa" userId="d159c406-3740-4568-9f4d-6092b2495d2a" providerId="ADAL" clId="{8B86413B-2A1A-4226-BE53-109F0A4E8237}" dt="2023-09-28T09:03:28.840" v="20114" actId="1076"/>
          <ac:spMkLst>
            <pc:docMk/>
            <pc:sldMk cId="3841284841" sldId="259"/>
            <ac:spMk id="42" creationId="{F2F04CE0-56D3-4BA9-1B85-6CA1F24EF854}"/>
          </ac:spMkLst>
        </pc:spChg>
        <pc:spChg chg="add mod">
          <ac:chgData name="Sara Mastrorosa" userId="d159c406-3740-4568-9f4d-6092b2495d2a" providerId="ADAL" clId="{8B86413B-2A1A-4226-BE53-109F0A4E8237}" dt="2023-09-28T09:03:26.176" v="20113" actId="1076"/>
          <ac:spMkLst>
            <pc:docMk/>
            <pc:sldMk cId="3841284841" sldId="259"/>
            <ac:spMk id="43" creationId="{53F22E50-4D44-31F6-15B5-238DB5AA8586}"/>
          </ac:spMkLst>
        </pc:spChg>
        <pc:spChg chg="add mod">
          <ac:chgData name="Sara Mastrorosa" userId="d159c406-3740-4568-9f4d-6092b2495d2a" providerId="ADAL" clId="{8B86413B-2A1A-4226-BE53-109F0A4E8237}" dt="2023-09-28T08:57:44.282" v="20068" actId="404"/>
          <ac:spMkLst>
            <pc:docMk/>
            <pc:sldMk cId="3841284841" sldId="259"/>
            <ac:spMk id="49" creationId="{070946A4-585E-68F5-EBEF-E7D4BFDCE886}"/>
          </ac:spMkLst>
        </pc:spChg>
        <pc:spChg chg="add mod">
          <ac:chgData name="Sara Mastrorosa" userId="d159c406-3740-4568-9f4d-6092b2495d2a" providerId="ADAL" clId="{8B86413B-2A1A-4226-BE53-109F0A4E8237}" dt="2023-09-28T09:16:46.019" v="20328" actId="1036"/>
          <ac:spMkLst>
            <pc:docMk/>
            <pc:sldMk cId="3841284841" sldId="259"/>
            <ac:spMk id="51" creationId="{EC7B8729-BD53-2EA0-C92A-E7910735DD77}"/>
          </ac:spMkLst>
        </pc:spChg>
        <pc:spChg chg="add mod">
          <ac:chgData name="Sara Mastrorosa" userId="d159c406-3740-4568-9f4d-6092b2495d2a" providerId="ADAL" clId="{8B86413B-2A1A-4226-BE53-109F0A4E8237}" dt="2023-09-28T08:59:15.986" v="20088" actId="1035"/>
          <ac:spMkLst>
            <pc:docMk/>
            <pc:sldMk cId="3841284841" sldId="259"/>
            <ac:spMk id="64" creationId="{D6F36F33-2C1B-979D-D876-34D7E98229FF}"/>
          </ac:spMkLst>
        </pc:spChg>
        <pc:spChg chg="add mod">
          <ac:chgData name="Sara Mastrorosa" userId="d159c406-3740-4568-9f4d-6092b2495d2a" providerId="ADAL" clId="{8B86413B-2A1A-4226-BE53-109F0A4E8237}" dt="2023-09-28T08:59:17.809" v="20092" actId="1035"/>
          <ac:spMkLst>
            <pc:docMk/>
            <pc:sldMk cId="3841284841" sldId="259"/>
            <ac:spMk id="65" creationId="{F59E6535-81CA-1663-4C79-3A0A3E31EA04}"/>
          </ac:spMkLst>
        </pc:spChg>
        <pc:spChg chg="add mod">
          <ac:chgData name="Sara Mastrorosa" userId="d159c406-3740-4568-9f4d-6092b2495d2a" providerId="ADAL" clId="{8B86413B-2A1A-4226-BE53-109F0A4E8237}" dt="2023-09-28T08:59:19.571" v="20095" actId="1035"/>
          <ac:spMkLst>
            <pc:docMk/>
            <pc:sldMk cId="3841284841" sldId="259"/>
            <ac:spMk id="66" creationId="{CBD5F577-3540-C98A-9E38-386A377E9190}"/>
          </ac:spMkLst>
        </pc:spChg>
        <pc:spChg chg="add mod">
          <ac:chgData name="Sara Mastrorosa" userId="d159c406-3740-4568-9f4d-6092b2495d2a" providerId="ADAL" clId="{8B86413B-2A1A-4226-BE53-109F0A4E8237}" dt="2023-09-28T08:59:21.801" v="20099" actId="1035"/>
          <ac:spMkLst>
            <pc:docMk/>
            <pc:sldMk cId="3841284841" sldId="259"/>
            <ac:spMk id="67" creationId="{4FBA009E-E370-B053-67A5-4AFD4836DBA9}"/>
          </ac:spMkLst>
        </pc:spChg>
        <pc:spChg chg="add mod ord">
          <ac:chgData name="Sara Mastrorosa" userId="d159c406-3740-4568-9f4d-6092b2495d2a" providerId="ADAL" clId="{8B86413B-2A1A-4226-BE53-109F0A4E8237}" dt="2023-09-28T09:17:41.605" v="20330" actId="14100"/>
          <ac:spMkLst>
            <pc:docMk/>
            <pc:sldMk cId="3841284841" sldId="259"/>
            <ac:spMk id="75" creationId="{709994A3-9B97-8BB0-EF6C-4F994953AC53}"/>
          </ac:spMkLst>
        </pc:spChg>
        <pc:spChg chg="add mod ord">
          <ac:chgData name="Sara Mastrorosa" userId="d159c406-3740-4568-9f4d-6092b2495d2a" providerId="ADAL" clId="{8B86413B-2A1A-4226-BE53-109F0A4E8237}" dt="2023-09-28T09:17:46.687" v="20331" actId="14100"/>
          <ac:spMkLst>
            <pc:docMk/>
            <pc:sldMk cId="3841284841" sldId="259"/>
            <ac:spMk id="77" creationId="{6D80B591-96CB-6C24-BD6E-BEA7E770C324}"/>
          </ac:spMkLst>
        </pc:spChg>
        <pc:spChg chg="add mod ord">
          <ac:chgData name="Sara Mastrorosa" userId="d159c406-3740-4568-9f4d-6092b2495d2a" providerId="ADAL" clId="{8B86413B-2A1A-4226-BE53-109F0A4E8237}" dt="2023-09-28T09:03:51.953" v="20117" actId="14100"/>
          <ac:spMkLst>
            <pc:docMk/>
            <pc:sldMk cId="3841284841" sldId="259"/>
            <ac:spMk id="79" creationId="{E98047C3-903E-82AE-9967-53FAC9167A85}"/>
          </ac:spMkLst>
        </pc:spChg>
        <pc:grpChg chg="add mod">
          <ac:chgData name="Sara Mastrorosa" userId="d159c406-3740-4568-9f4d-6092b2495d2a" providerId="ADAL" clId="{8B86413B-2A1A-4226-BE53-109F0A4E8237}" dt="2023-09-28T08:56:44.158" v="20065" actId="164"/>
          <ac:grpSpMkLst>
            <pc:docMk/>
            <pc:sldMk cId="3841284841" sldId="259"/>
            <ac:grpSpMk id="11" creationId="{3EA20EA7-E97C-CECB-77A2-93A6E2556F56}"/>
          </ac:grpSpMkLst>
        </pc:grpChg>
        <pc:grpChg chg="add mod">
          <ac:chgData name="Sara Mastrorosa" userId="d159c406-3740-4568-9f4d-6092b2495d2a" providerId="ADAL" clId="{8B86413B-2A1A-4226-BE53-109F0A4E8237}" dt="2023-10-02T10:32:19.476" v="23400" actId="1036"/>
          <ac:grpSpMkLst>
            <pc:docMk/>
            <pc:sldMk cId="3841284841" sldId="259"/>
            <ac:grpSpMk id="13" creationId="{DD3F4195-5D6E-4817-B7E2-E9C7FAD70EC2}"/>
          </ac:grpSpMkLst>
        </pc:grpChg>
        <pc:graphicFrameChg chg="add mod modGraphic">
          <ac:chgData name="Sara Mastrorosa" userId="d159c406-3740-4568-9f4d-6092b2495d2a" providerId="ADAL" clId="{8B86413B-2A1A-4226-BE53-109F0A4E8237}" dt="2023-10-02T10:33:43.870" v="23482"/>
          <ac:graphicFrameMkLst>
            <pc:docMk/>
            <pc:sldMk cId="3841284841" sldId="259"/>
            <ac:graphicFrameMk id="4" creationId="{CF91A769-A72F-2945-D606-0AE5909BF4E4}"/>
          </ac:graphicFrameMkLst>
        </pc:graphicFrameChg>
        <pc:picChg chg="add mod">
          <ac:chgData name="Sara Mastrorosa" userId="d159c406-3740-4568-9f4d-6092b2495d2a" providerId="ADAL" clId="{8B86413B-2A1A-4226-BE53-109F0A4E8237}" dt="2023-09-27T12:06:36.059" v="16657"/>
          <ac:picMkLst>
            <pc:docMk/>
            <pc:sldMk cId="3841284841" sldId="259"/>
            <ac:picMk id="2" creationId="{C9079A39-95A3-A70A-AAFC-6C29D17ACE8E}"/>
          </ac:picMkLst>
        </pc:picChg>
        <pc:picChg chg="add mod">
          <ac:chgData name="Sara Mastrorosa" userId="d159c406-3740-4568-9f4d-6092b2495d2a" providerId="ADAL" clId="{8B86413B-2A1A-4226-BE53-109F0A4E8237}" dt="2023-09-28T14:02:08.859" v="21372" actId="1036"/>
          <ac:picMkLst>
            <pc:docMk/>
            <pc:sldMk cId="3841284841" sldId="259"/>
            <ac:picMk id="16" creationId="{0F39EFFF-5749-4BC9-8944-FD140B694635}"/>
          </ac:picMkLst>
        </pc:picChg>
        <pc:picChg chg="del">
          <ac:chgData name="Sara Mastrorosa" userId="d159c406-3740-4568-9f4d-6092b2495d2a" providerId="ADAL" clId="{8B86413B-2A1A-4226-BE53-109F0A4E8237}" dt="2023-09-25T10:47:26.914" v="1215" actId="478"/>
          <ac:picMkLst>
            <pc:docMk/>
            <pc:sldMk cId="3841284841" sldId="259"/>
            <ac:picMk id="18" creationId="{96C72BAD-394B-8409-6AA3-733B8742A678}"/>
          </ac:picMkLst>
        </pc:picChg>
        <pc:picChg chg="del">
          <ac:chgData name="Sara Mastrorosa" userId="d159c406-3740-4568-9f4d-6092b2495d2a" providerId="ADAL" clId="{8B86413B-2A1A-4226-BE53-109F0A4E8237}" dt="2023-09-25T10:47:26.914" v="1215" actId="478"/>
          <ac:picMkLst>
            <pc:docMk/>
            <pc:sldMk cId="3841284841" sldId="259"/>
            <ac:picMk id="24" creationId="{B2320A0C-ECD0-1E5B-D1C6-E62F0D7A5603}"/>
          </ac:picMkLst>
        </pc:picChg>
        <pc:picChg chg="del">
          <ac:chgData name="Sara Mastrorosa" userId="d159c406-3740-4568-9f4d-6092b2495d2a" providerId="ADAL" clId="{8B86413B-2A1A-4226-BE53-109F0A4E8237}" dt="2023-09-25T10:47:26.914" v="1215" actId="478"/>
          <ac:picMkLst>
            <pc:docMk/>
            <pc:sldMk cId="3841284841" sldId="259"/>
            <ac:picMk id="26" creationId="{F315E41D-9436-F02D-CB25-4229A1A8DEDD}"/>
          </ac:picMkLst>
        </pc:picChg>
        <pc:cxnChg chg="add mod">
          <ac:chgData name="Sara Mastrorosa" userId="d159c406-3740-4568-9f4d-6092b2495d2a" providerId="ADAL" clId="{8B86413B-2A1A-4226-BE53-109F0A4E8237}" dt="2023-09-28T08:56:58.393" v="20066" actId="164"/>
          <ac:cxnSpMkLst>
            <pc:docMk/>
            <pc:sldMk cId="3841284841" sldId="259"/>
            <ac:cxnSpMk id="23" creationId="{68B34A58-39CC-819E-3E1D-FF270B69F75D}"/>
          </ac:cxnSpMkLst>
        </pc:cxnChg>
        <pc:cxnChg chg="add mod">
          <ac:chgData name="Sara Mastrorosa" userId="d159c406-3740-4568-9f4d-6092b2495d2a" providerId="ADAL" clId="{8B86413B-2A1A-4226-BE53-109F0A4E8237}" dt="2023-09-28T08:56:58.393" v="20066" actId="164"/>
          <ac:cxnSpMkLst>
            <pc:docMk/>
            <pc:sldMk cId="3841284841" sldId="259"/>
            <ac:cxnSpMk id="25" creationId="{18AAD116-3101-5937-8BDB-AC511F7DA433}"/>
          </ac:cxnSpMkLst>
        </pc:cxnChg>
        <pc:cxnChg chg="add mod">
          <ac:chgData name="Sara Mastrorosa" userId="d159c406-3740-4568-9f4d-6092b2495d2a" providerId="ADAL" clId="{8B86413B-2A1A-4226-BE53-109F0A4E8237}" dt="2023-09-28T09:18:10.409" v="20332" actId="14100"/>
          <ac:cxnSpMkLst>
            <pc:docMk/>
            <pc:sldMk cId="3841284841" sldId="259"/>
            <ac:cxnSpMk id="33" creationId="{C3008102-AC26-D275-4041-F24C5A60D37F}"/>
          </ac:cxnSpMkLst>
        </pc:cxnChg>
        <pc:cxnChg chg="mod">
          <ac:chgData name="Sara Mastrorosa" userId="d159c406-3740-4568-9f4d-6092b2495d2a" providerId="ADAL" clId="{8B86413B-2A1A-4226-BE53-109F0A4E8237}" dt="2023-09-28T09:03:11.458" v="20111" actId="1036"/>
          <ac:cxnSpMkLst>
            <pc:docMk/>
            <pc:sldMk cId="3841284841" sldId="259"/>
            <ac:cxnSpMk id="35" creationId="{6DA4F8F9-EAFC-DA02-1EAC-A1777C1A0701}"/>
          </ac:cxnSpMkLst>
        </pc:cxnChg>
        <pc:cxnChg chg="add mod">
          <ac:chgData name="Sara Mastrorosa" userId="d159c406-3740-4568-9f4d-6092b2495d2a" providerId="ADAL" clId="{8B86413B-2A1A-4226-BE53-109F0A4E8237}" dt="2023-09-28T09:16:52.837" v="20329" actId="14100"/>
          <ac:cxnSpMkLst>
            <pc:docMk/>
            <pc:sldMk cId="3841284841" sldId="259"/>
            <ac:cxnSpMk id="36" creationId="{AEA5E12F-5818-2E6F-8D88-F495B65BFB45}"/>
          </ac:cxnSpMkLst>
        </pc:cxnChg>
        <pc:cxnChg chg="add del mod">
          <ac:chgData name="Sara Mastrorosa" userId="d159c406-3740-4568-9f4d-6092b2495d2a" providerId="ADAL" clId="{8B86413B-2A1A-4226-BE53-109F0A4E8237}" dt="2023-09-26T08:11:40.209" v="3781" actId="478"/>
          <ac:cxnSpMkLst>
            <pc:docMk/>
            <pc:sldMk cId="3841284841" sldId="259"/>
            <ac:cxnSpMk id="45" creationId="{77D35F63-856F-3B7B-1E01-AD72C30E3AC2}"/>
          </ac:cxnSpMkLst>
        </pc:cxnChg>
        <pc:cxnChg chg="add mod">
          <ac:chgData name="Sara Mastrorosa" userId="d159c406-3740-4568-9f4d-6092b2495d2a" providerId="ADAL" clId="{8B86413B-2A1A-4226-BE53-109F0A4E8237}" dt="2023-09-28T09:18:20.727" v="20334" actId="14100"/>
          <ac:cxnSpMkLst>
            <pc:docMk/>
            <pc:sldMk cId="3841284841" sldId="259"/>
            <ac:cxnSpMk id="52" creationId="{50B8B9F3-2164-70EB-BCA0-07C6861DE066}"/>
          </ac:cxnSpMkLst>
        </pc:cxnChg>
        <pc:cxnChg chg="add del mod">
          <ac:chgData name="Sara Mastrorosa" userId="d159c406-3740-4568-9f4d-6092b2495d2a" providerId="ADAL" clId="{8B86413B-2A1A-4226-BE53-109F0A4E8237}" dt="2023-09-26T08:25:18.596" v="4154"/>
          <ac:cxnSpMkLst>
            <pc:docMk/>
            <pc:sldMk cId="3841284841" sldId="259"/>
            <ac:cxnSpMk id="76" creationId="{693CEF6A-611B-83E0-3D83-8754097594E7}"/>
          </ac:cxnSpMkLst>
        </pc:cxnChg>
      </pc:sldChg>
      <pc:sldChg chg="modSp add del mod ord">
        <pc:chgData name="Sara Mastrorosa" userId="d159c406-3740-4568-9f4d-6092b2495d2a" providerId="ADAL" clId="{8B86413B-2A1A-4226-BE53-109F0A4E8237}" dt="2023-09-25T10:46:28.543" v="1213" actId="47"/>
        <pc:sldMkLst>
          <pc:docMk/>
          <pc:sldMk cId="2371661183" sldId="260"/>
        </pc:sldMkLst>
        <pc:spChg chg="mod">
          <ac:chgData name="Sara Mastrorosa" userId="d159c406-3740-4568-9f4d-6092b2495d2a" providerId="ADAL" clId="{8B86413B-2A1A-4226-BE53-109F0A4E8237}" dt="2023-09-25T10:45:54.760" v="1188"/>
          <ac:spMkLst>
            <pc:docMk/>
            <pc:sldMk cId="2371661183" sldId="260"/>
            <ac:spMk id="6" creationId="{CF67B571-CC23-4811-A84C-C09D513B1666}"/>
          </ac:spMkLst>
        </pc:spChg>
        <pc:picChg chg="mod">
          <ac:chgData name="Sara Mastrorosa" userId="d159c406-3740-4568-9f4d-6092b2495d2a" providerId="ADAL" clId="{8B86413B-2A1A-4226-BE53-109F0A4E8237}" dt="2023-09-25T10:45:54.760" v="1190"/>
          <ac:picMkLst>
            <pc:docMk/>
            <pc:sldMk cId="2371661183" sldId="260"/>
            <ac:picMk id="8" creationId="{31DB9015-CF5D-4364-B8E7-2F0A09BF3BBD}"/>
          </ac:picMkLst>
        </pc:picChg>
        <pc:picChg chg="mod modCrop">
          <ac:chgData name="Sara Mastrorosa" userId="d159c406-3740-4568-9f4d-6092b2495d2a" providerId="ADAL" clId="{8B86413B-2A1A-4226-BE53-109F0A4E8237}" dt="2023-09-25T10:45:54.760" v="1186"/>
          <ac:picMkLst>
            <pc:docMk/>
            <pc:sldMk cId="2371661183" sldId="260"/>
            <ac:picMk id="9" creationId="{70F89D6F-1686-426B-AD5A-782DC7FF6166}"/>
          </ac:picMkLst>
        </pc:picChg>
      </pc:sldChg>
      <pc:sldChg chg="delSp modSp add mod modTransition">
        <pc:chgData name="Sara Mastrorosa" userId="d159c406-3740-4568-9f4d-6092b2495d2a" providerId="ADAL" clId="{8B86413B-2A1A-4226-BE53-109F0A4E8237}" dt="2023-09-27T13:50:57.713" v="18171" actId="478"/>
        <pc:sldMkLst>
          <pc:docMk/>
          <pc:sldMk cId="3174778185" sldId="261"/>
        </pc:sldMkLst>
        <pc:spChg chg="del mod">
          <ac:chgData name="Sara Mastrorosa" userId="d159c406-3740-4568-9f4d-6092b2495d2a" providerId="ADAL" clId="{8B86413B-2A1A-4226-BE53-109F0A4E8237}" dt="2023-09-27T13:50:57.713" v="18171" actId="478"/>
          <ac:spMkLst>
            <pc:docMk/>
            <pc:sldMk cId="3174778185" sldId="261"/>
            <ac:spMk id="6" creationId="{2EC9046E-3002-4BFF-92E5-5C5154887269}"/>
          </ac:spMkLst>
        </pc:spChg>
        <pc:picChg chg="mod modCrop">
          <ac:chgData name="Sara Mastrorosa" userId="d159c406-3740-4568-9f4d-6092b2495d2a" providerId="ADAL" clId="{8B86413B-2A1A-4226-BE53-109F0A4E8237}" dt="2023-09-25T10:46:10.635" v="1198"/>
          <ac:picMkLst>
            <pc:docMk/>
            <pc:sldMk cId="3174778185" sldId="261"/>
            <ac:picMk id="3" creationId="{73ABEC93-F843-4D53-90B8-F6A02818D4F3}"/>
          </ac:picMkLst>
        </pc:picChg>
        <pc:picChg chg="mod">
          <ac:chgData name="Sara Mastrorosa" userId="d159c406-3740-4568-9f4d-6092b2495d2a" providerId="ADAL" clId="{8B86413B-2A1A-4226-BE53-109F0A4E8237}" dt="2023-09-25T10:46:10.635" v="1202"/>
          <ac:picMkLst>
            <pc:docMk/>
            <pc:sldMk cId="3174778185" sldId="261"/>
            <ac:picMk id="7" creationId="{C813BE5C-9A1E-42C4-9B52-8EC934D0CE9D}"/>
          </ac:picMkLst>
        </pc:picChg>
      </pc:sldChg>
      <pc:sldChg chg="addSp delSp modSp add del mod modTransition">
        <pc:chgData name="Sara Mastrorosa" userId="d159c406-3740-4568-9f4d-6092b2495d2a" providerId="ADAL" clId="{8B86413B-2A1A-4226-BE53-109F0A4E8237}" dt="2023-09-28T09:04:45.200" v="20127" actId="2696"/>
        <pc:sldMkLst>
          <pc:docMk/>
          <pc:sldMk cId="202159907" sldId="262"/>
        </pc:sldMkLst>
        <pc:spChg chg="del">
          <ac:chgData name="Sara Mastrorosa" userId="d159c406-3740-4568-9f4d-6092b2495d2a" providerId="ADAL" clId="{8B86413B-2A1A-4226-BE53-109F0A4E8237}" dt="2023-09-26T08:38:09.336" v="4470" actId="478"/>
          <ac:spMkLst>
            <pc:docMk/>
            <pc:sldMk cId="202159907" sldId="262"/>
            <ac:spMk id="2" creationId="{9EFEF520-5244-4819-DD31-76B665454865}"/>
          </ac:spMkLst>
        </pc:spChg>
        <pc:spChg chg="add mod">
          <ac:chgData name="Sara Mastrorosa" userId="d159c406-3740-4568-9f4d-6092b2495d2a" providerId="ADAL" clId="{8B86413B-2A1A-4226-BE53-109F0A4E8237}" dt="2023-09-28T09:04:16.818" v="20120" actId="1076"/>
          <ac:spMkLst>
            <pc:docMk/>
            <pc:sldMk cId="202159907" sldId="262"/>
            <ac:spMk id="3" creationId="{B455CD92-5FF7-D403-33C4-34B4D1689269}"/>
          </ac:spMkLst>
        </pc:spChg>
        <pc:spChg chg="add mod">
          <ac:chgData name="Sara Mastrorosa" userId="d159c406-3740-4568-9f4d-6092b2495d2a" providerId="ADAL" clId="{8B86413B-2A1A-4226-BE53-109F0A4E8237}" dt="2023-09-28T07:17:30.354" v="18513" actId="404"/>
          <ac:spMkLst>
            <pc:docMk/>
            <pc:sldMk cId="202159907" sldId="262"/>
            <ac:spMk id="4" creationId="{57024B99-24AB-0804-BDD9-F8E770331A20}"/>
          </ac:spMkLst>
        </pc:spChg>
        <pc:spChg chg="mod">
          <ac:chgData name="Sara Mastrorosa" userId="d159c406-3740-4568-9f4d-6092b2495d2a" providerId="ADAL" clId="{8B86413B-2A1A-4226-BE53-109F0A4E8237}" dt="2023-09-28T09:04:28.355" v="20123" actId="113"/>
          <ac:spMkLst>
            <pc:docMk/>
            <pc:sldMk cId="202159907" sldId="262"/>
            <ac:spMk id="5" creationId="{08F2B45B-2BC1-44B2-4465-F8FD2B97328F}"/>
          </ac:spMkLst>
        </pc:spChg>
        <pc:spChg chg="add del mod">
          <ac:chgData name="Sara Mastrorosa" userId="d159c406-3740-4568-9f4d-6092b2495d2a" providerId="ADAL" clId="{8B86413B-2A1A-4226-BE53-109F0A4E8237}" dt="2023-09-26T09:01:38.357" v="4758"/>
          <ac:spMkLst>
            <pc:docMk/>
            <pc:sldMk cId="202159907" sldId="262"/>
            <ac:spMk id="6" creationId="{71C03D80-F465-E89F-D32B-79905A2E015F}"/>
          </ac:spMkLst>
        </pc:spChg>
        <pc:spChg chg="add mod">
          <ac:chgData name="Sara Mastrorosa" userId="d159c406-3740-4568-9f4d-6092b2495d2a" providerId="ADAL" clId="{8B86413B-2A1A-4226-BE53-109F0A4E8237}" dt="2023-09-28T09:04:16.818" v="20120" actId="1076"/>
          <ac:spMkLst>
            <pc:docMk/>
            <pc:sldMk cId="202159907" sldId="262"/>
            <ac:spMk id="6" creationId="{DF3BD722-EDF1-BC0F-07A1-886589CE5B77}"/>
          </ac:spMkLst>
        </pc:spChg>
        <pc:spChg chg="del">
          <ac:chgData name="Sara Mastrorosa" userId="d159c406-3740-4568-9f4d-6092b2495d2a" providerId="ADAL" clId="{8B86413B-2A1A-4226-BE53-109F0A4E8237}" dt="2023-09-26T08:38:07.756" v="4469" actId="478"/>
          <ac:spMkLst>
            <pc:docMk/>
            <pc:sldMk cId="202159907" sldId="262"/>
            <ac:spMk id="7" creationId="{2FAEE8AC-8D75-56F5-1DC5-7ED0B27E6821}"/>
          </ac:spMkLst>
        </pc:spChg>
        <pc:spChg chg="del">
          <ac:chgData name="Sara Mastrorosa" userId="d159c406-3740-4568-9f4d-6092b2495d2a" providerId="ADAL" clId="{8B86413B-2A1A-4226-BE53-109F0A4E8237}" dt="2023-09-26T08:38:07.756" v="4469" actId="478"/>
          <ac:spMkLst>
            <pc:docMk/>
            <pc:sldMk cId="202159907" sldId="262"/>
            <ac:spMk id="8" creationId="{E2457DC9-3EAC-2BF7-3FBF-77C9553E2D83}"/>
          </ac:spMkLst>
        </pc:spChg>
        <pc:spChg chg="del">
          <ac:chgData name="Sara Mastrorosa" userId="d159c406-3740-4568-9f4d-6092b2495d2a" providerId="ADAL" clId="{8B86413B-2A1A-4226-BE53-109F0A4E8237}" dt="2023-09-26T08:38:07.756" v="4469" actId="478"/>
          <ac:spMkLst>
            <pc:docMk/>
            <pc:sldMk cId="202159907" sldId="262"/>
            <ac:spMk id="9" creationId="{C25695B7-F62D-3FF8-9DE2-349A49A7122E}"/>
          </ac:spMkLst>
        </pc:spChg>
        <pc:spChg chg="del">
          <ac:chgData name="Sara Mastrorosa" userId="d159c406-3740-4568-9f4d-6092b2495d2a" providerId="ADAL" clId="{8B86413B-2A1A-4226-BE53-109F0A4E8237}" dt="2023-09-26T08:38:07.756" v="4469" actId="478"/>
          <ac:spMkLst>
            <pc:docMk/>
            <pc:sldMk cId="202159907" sldId="262"/>
            <ac:spMk id="10" creationId="{367D835D-4A4F-B0DB-C4D5-11B2AAC09904}"/>
          </ac:spMkLst>
        </pc:spChg>
        <pc:spChg chg="del">
          <ac:chgData name="Sara Mastrorosa" userId="d159c406-3740-4568-9f4d-6092b2495d2a" providerId="ADAL" clId="{8B86413B-2A1A-4226-BE53-109F0A4E8237}" dt="2023-09-26T08:38:07.756" v="4469" actId="478"/>
          <ac:spMkLst>
            <pc:docMk/>
            <pc:sldMk cId="202159907" sldId="262"/>
            <ac:spMk id="11" creationId="{CA6604CE-E156-E357-5E98-960E26C3B7AE}"/>
          </ac:spMkLst>
        </pc:spChg>
        <pc:spChg chg="del">
          <ac:chgData name="Sara Mastrorosa" userId="d159c406-3740-4568-9f4d-6092b2495d2a" providerId="ADAL" clId="{8B86413B-2A1A-4226-BE53-109F0A4E8237}" dt="2023-09-26T08:38:07.756" v="4469" actId="478"/>
          <ac:spMkLst>
            <pc:docMk/>
            <pc:sldMk cId="202159907" sldId="262"/>
            <ac:spMk id="12" creationId="{56DAE976-D2BA-3824-9F50-77FE1557A7E9}"/>
          </ac:spMkLst>
        </pc:spChg>
        <pc:spChg chg="del">
          <ac:chgData name="Sara Mastrorosa" userId="d159c406-3740-4568-9f4d-6092b2495d2a" providerId="ADAL" clId="{8B86413B-2A1A-4226-BE53-109F0A4E8237}" dt="2023-09-26T08:38:07.756" v="4469" actId="478"/>
          <ac:spMkLst>
            <pc:docMk/>
            <pc:sldMk cId="202159907" sldId="262"/>
            <ac:spMk id="13" creationId="{5C1D8CDE-BD48-743E-5CF4-54670514E615}"/>
          </ac:spMkLst>
        </pc:spChg>
        <pc:spChg chg="del">
          <ac:chgData name="Sara Mastrorosa" userId="d159c406-3740-4568-9f4d-6092b2495d2a" providerId="ADAL" clId="{8B86413B-2A1A-4226-BE53-109F0A4E8237}" dt="2023-09-26T08:38:07.756" v="4469" actId="478"/>
          <ac:spMkLst>
            <pc:docMk/>
            <pc:sldMk cId="202159907" sldId="262"/>
            <ac:spMk id="14" creationId="{5D327C5D-FA31-5877-9895-D57159B89DAA}"/>
          </ac:spMkLst>
        </pc:spChg>
        <pc:spChg chg="del">
          <ac:chgData name="Sara Mastrorosa" userId="d159c406-3740-4568-9f4d-6092b2495d2a" providerId="ADAL" clId="{8B86413B-2A1A-4226-BE53-109F0A4E8237}" dt="2023-09-26T08:38:07.756" v="4469" actId="478"/>
          <ac:spMkLst>
            <pc:docMk/>
            <pc:sldMk cId="202159907" sldId="262"/>
            <ac:spMk id="15" creationId="{9546402D-F929-FED9-EAF7-2EC7BF9387E9}"/>
          </ac:spMkLst>
        </pc:spChg>
        <pc:spChg chg="del">
          <ac:chgData name="Sara Mastrorosa" userId="d159c406-3740-4568-9f4d-6092b2495d2a" providerId="ADAL" clId="{8B86413B-2A1A-4226-BE53-109F0A4E8237}" dt="2023-09-26T08:38:10.866" v="4471" actId="478"/>
          <ac:spMkLst>
            <pc:docMk/>
            <pc:sldMk cId="202159907" sldId="262"/>
            <ac:spMk id="16" creationId="{A76465BC-8D6C-CA49-874D-86578693B60F}"/>
          </ac:spMkLst>
        </pc:spChg>
        <pc:spChg chg="add del mod">
          <ac:chgData name="Sara Mastrorosa" userId="d159c406-3740-4568-9f4d-6092b2495d2a" providerId="ADAL" clId="{8B86413B-2A1A-4226-BE53-109F0A4E8237}" dt="2023-09-26T09:01:38.357" v="4758"/>
          <ac:spMkLst>
            <pc:docMk/>
            <pc:sldMk cId="202159907" sldId="262"/>
            <ac:spMk id="20" creationId="{0161EA9C-260C-EEE9-8C4B-B357CFD34E39}"/>
          </ac:spMkLst>
        </pc:spChg>
        <pc:spChg chg="del">
          <ac:chgData name="Sara Mastrorosa" userId="d159c406-3740-4568-9f4d-6092b2495d2a" providerId="ADAL" clId="{8B86413B-2A1A-4226-BE53-109F0A4E8237}" dt="2023-09-26T08:38:07.756" v="4469" actId="478"/>
          <ac:spMkLst>
            <pc:docMk/>
            <pc:sldMk cId="202159907" sldId="262"/>
            <ac:spMk id="27" creationId="{21AB6530-1AEC-948F-7EDC-227E08E9D6B7}"/>
          </ac:spMkLst>
        </pc:spChg>
        <pc:spChg chg="del">
          <ac:chgData name="Sara Mastrorosa" userId="d159c406-3740-4568-9f4d-6092b2495d2a" providerId="ADAL" clId="{8B86413B-2A1A-4226-BE53-109F0A4E8237}" dt="2023-09-26T08:38:14.635" v="4472" actId="478"/>
          <ac:spMkLst>
            <pc:docMk/>
            <pc:sldMk cId="202159907" sldId="262"/>
            <ac:spMk id="28" creationId="{F6D566D4-5728-B63F-330B-04CF3F0DEEF8}"/>
          </ac:spMkLst>
        </pc:spChg>
        <pc:spChg chg="del">
          <ac:chgData name="Sara Mastrorosa" userId="d159c406-3740-4568-9f4d-6092b2495d2a" providerId="ADAL" clId="{8B86413B-2A1A-4226-BE53-109F0A4E8237}" dt="2023-09-26T08:38:18.369" v="4473" actId="478"/>
          <ac:spMkLst>
            <pc:docMk/>
            <pc:sldMk cId="202159907" sldId="262"/>
            <ac:spMk id="29" creationId="{806BBFA7-B73B-88B0-84E9-BF9573CD6853}"/>
          </ac:spMkLst>
        </pc:spChg>
        <pc:spChg chg="del">
          <ac:chgData name="Sara Mastrorosa" userId="d159c406-3740-4568-9f4d-6092b2495d2a" providerId="ADAL" clId="{8B86413B-2A1A-4226-BE53-109F0A4E8237}" dt="2023-09-26T08:38:07.756" v="4469" actId="478"/>
          <ac:spMkLst>
            <pc:docMk/>
            <pc:sldMk cId="202159907" sldId="262"/>
            <ac:spMk id="30" creationId="{218EE9D3-E816-1EBD-AAB2-7C59D5110888}"/>
          </ac:spMkLst>
        </pc:spChg>
        <pc:spChg chg="del">
          <ac:chgData name="Sara Mastrorosa" userId="d159c406-3740-4568-9f4d-6092b2495d2a" providerId="ADAL" clId="{8B86413B-2A1A-4226-BE53-109F0A4E8237}" dt="2023-09-26T08:38:07.756" v="4469" actId="478"/>
          <ac:spMkLst>
            <pc:docMk/>
            <pc:sldMk cId="202159907" sldId="262"/>
            <ac:spMk id="31" creationId="{6D2D662F-3D4B-0639-1BCF-4071E255EE7F}"/>
          </ac:spMkLst>
        </pc:spChg>
        <pc:spChg chg="del">
          <ac:chgData name="Sara Mastrorosa" userId="d159c406-3740-4568-9f4d-6092b2495d2a" providerId="ADAL" clId="{8B86413B-2A1A-4226-BE53-109F0A4E8237}" dt="2023-09-26T08:38:07.756" v="4469" actId="478"/>
          <ac:spMkLst>
            <pc:docMk/>
            <pc:sldMk cId="202159907" sldId="262"/>
            <ac:spMk id="32" creationId="{4F9777F5-705F-2148-74EB-49E065997FC3}"/>
          </ac:spMkLst>
        </pc:spChg>
        <pc:spChg chg="add del mod">
          <ac:chgData name="Sara Mastrorosa" userId="d159c406-3740-4568-9f4d-6092b2495d2a" providerId="ADAL" clId="{8B86413B-2A1A-4226-BE53-109F0A4E8237}" dt="2023-09-26T09:01:38.357" v="4758"/>
          <ac:spMkLst>
            <pc:docMk/>
            <pc:sldMk cId="202159907" sldId="262"/>
            <ac:spMk id="33" creationId="{17674B1B-FAA5-A238-0862-2F1BA10409A3}"/>
          </ac:spMkLst>
        </pc:spChg>
        <pc:spChg chg="add del mod">
          <ac:chgData name="Sara Mastrorosa" userId="d159c406-3740-4568-9f4d-6092b2495d2a" providerId="ADAL" clId="{8B86413B-2A1A-4226-BE53-109F0A4E8237}" dt="2023-09-26T09:01:38.357" v="4758"/>
          <ac:spMkLst>
            <pc:docMk/>
            <pc:sldMk cId="202159907" sldId="262"/>
            <ac:spMk id="34" creationId="{9CB17B47-A62A-2A71-E0E8-D68B00EB8262}"/>
          </ac:spMkLst>
        </pc:spChg>
        <pc:spChg chg="add del mod">
          <ac:chgData name="Sara Mastrorosa" userId="d159c406-3740-4568-9f4d-6092b2495d2a" providerId="ADAL" clId="{8B86413B-2A1A-4226-BE53-109F0A4E8237}" dt="2023-09-26T09:01:38.357" v="4758"/>
          <ac:spMkLst>
            <pc:docMk/>
            <pc:sldMk cId="202159907" sldId="262"/>
            <ac:spMk id="36" creationId="{0434053A-191E-2ABA-865E-B61F9AE85682}"/>
          </ac:spMkLst>
        </pc:spChg>
        <pc:spChg chg="add del mod">
          <ac:chgData name="Sara Mastrorosa" userId="d159c406-3740-4568-9f4d-6092b2495d2a" providerId="ADAL" clId="{8B86413B-2A1A-4226-BE53-109F0A4E8237}" dt="2023-09-26T09:01:59.064" v="4783"/>
          <ac:spMkLst>
            <pc:docMk/>
            <pc:sldMk cId="202159907" sldId="262"/>
            <ac:spMk id="37" creationId="{B83A1514-D7FE-A5E9-84C9-DD36CCCD04AD}"/>
          </ac:spMkLst>
        </pc:spChg>
        <pc:spChg chg="add del mod">
          <ac:chgData name="Sara Mastrorosa" userId="d159c406-3740-4568-9f4d-6092b2495d2a" providerId="ADAL" clId="{8B86413B-2A1A-4226-BE53-109F0A4E8237}" dt="2023-09-26T09:01:59.064" v="4783"/>
          <ac:spMkLst>
            <pc:docMk/>
            <pc:sldMk cId="202159907" sldId="262"/>
            <ac:spMk id="40" creationId="{28939782-2851-8019-4660-683985A2F790}"/>
          </ac:spMkLst>
        </pc:spChg>
        <pc:spChg chg="add del mod">
          <ac:chgData name="Sara Mastrorosa" userId="d159c406-3740-4568-9f4d-6092b2495d2a" providerId="ADAL" clId="{8B86413B-2A1A-4226-BE53-109F0A4E8237}" dt="2023-09-26T09:01:59.064" v="4783"/>
          <ac:spMkLst>
            <pc:docMk/>
            <pc:sldMk cId="202159907" sldId="262"/>
            <ac:spMk id="45" creationId="{D693CD5A-8B5D-EBA6-D7B4-BDDB0B961D67}"/>
          </ac:spMkLst>
        </pc:spChg>
        <pc:spChg chg="add del mod">
          <ac:chgData name="Sara Mastrorosa" userId="d159c406-3740-4568-9f4d-6092b2495d2a" providerId="ADAL" clId="{8B86413B-2A1A-4226-BE53-109F0A4E8237}" dt="2023-09-26T09:01:59.064" v="4783"/>
          <ac:spMkLst>
            <pc:docMk/>
            <pc:sldMk cId="202159907" sldId="262"/>
            <ac:spMk id="46" creationId="{7489FA08-83BF-86E3-9482-ED8C2304AF39}"/>
          </ac:spMkLst>
        </pc:spChg>
        <pc:spChg chg="add del mod">
          <ac:chgData name="Sara Mastrorosa" userId="d159c406-3740-4568-9f4d-6092b2495d2a" providerId="ADAL" clId="{8B86413B-2A1A-4226-BE53-109F0A4E8237}" dt="2023-09-26T09:01:59.064" v="4783"/>
          <ac:spMkLst>
            <pc:docMk/>
            <pc:sldMk cId="202159907" sldId="262"/>
            <ac:spMk id="47" creationId="{62BEC59A-2247-13EF-5FF0-A088BD2ED853}"/>
          </ac:spMkLst>
        </pc:spChg>
        <pc:spChg chg="add del mod">
          <ac:chgData name="Sara Mastrorosa" userId="d159c406-3740-4568-9f4d-6092b2495d2a" providerId="ADAL" clId="{8B86413B-2A1A-4226-BE53-109F0A4E8237}" dt="2023-09-26T09:02:16.354" v="4787"/>
          <ac:spMkLst>
            <pc:docMk/>
            <pc:sldMk cId="202159907" sldId="262"/>
            <ac:spMk id="48" creationId="{B3E385FC-61EB-487F-FA46-518191B9E43B}"/>
          </ac:spMkLst>
        </pc:spChg>
        <pc:spChg chg="add del mod">
          <ac:chgData name="Sara Mastrorosa" userId="d159c406-3740-4568-9f4d-6092b2495d2a" providerId="ADAL" clId="{8B86413B-2A1A-4226-BE53-109F0A4E8237}" dt="2023-09-26T09:02:16.354" v="4787"/>
          <ac:spMkLst>
            <pc:docMk/>
            <pc:sldMk cId="202159907" sldId="262"/>
            <ac:spMk id="51" creationId="{60F55EDD-9207-9516-7C8E-7D508A7F4BF0}"/>
          </ac:spMkLst>
        </pc:spChg>
        <pc:spChg chg="add del mod">
          <ac:chgData name="Sara Mastrorosa" userId="d159c406-3740-4568-9f4d-6092b2495d2a" providerId="ADAL" clId="{8B86413B-2A1A-4226-BE53-109F0A4E8237}" dt="2023-09-26T09:02:16.354" v="4787"/>
          <ac:spMkLst>
            <pc:docMk/>
            <pc:sldMk cId="202159907" sldId="262"/>
            <ac:spMk id="56" creationId="{5CB70DA9-67AC-AE28-DCDA-0A51BE67EE48}"/>
          </ac:spMkLst>
        </pc:spChg>
        <pc:spChg chg="add del mod">
          <ac:chgData name="Sara Mastrorosa" userId="d159c406-3740-4568-9f4d-6092b2495d2a" providerId="ADAL" clId="{8B86413B-2A1A-4226-BE53-109F0A4E8237}" dt="2023-09-26T09:02:16.354" v="4787"/>
          <ac:spMkLst>
            <pc:docMk/>
            <pc:sldMk cId="202159907" sldId="262"/>
            <ac:spMk id="57" creationId="{06679181-E1A7-0CD6-EC3F-2B80B40B0DAF}"/>
          </ac:spMkLst>
        </pc:spChg>
        <pc:spChg chg="add del mod">
          <ac:chgData name="Sara Mastrorosa" userId="d159c406-3740-4568-9f4d-6092b2495d2a" providerId="ADAL" clId="{8B86413B-2A1A-4226-BE53-109F0A4E8237}" dt="2023-09-26T09:02:16.354" v="4787"/>
          <ac:spMkLst>
            <pc:docMk/>
            <pc:sldMk cId="202159907" sldId="262"/>
            <ac:spMk id="58" creationId="{1D5756DF-8EE9-B051-5772-DB469AA1CDC6}"/>
          </ac:spMkLst>
        </pc:spChg>
        <pc:spChg chg="add mod">
          <ac:chgData name="Sara Mastrorosa" userId="d159c406-3740-4568-9f4d-6092b2495d2a" providerId="ADAL" clId="{8B86413B-2A1A-4226-BE53-109F0A4E8237}" dt="2023-09-26T12:30:25.356" v="7502" actId="1037"/>
          <ac:spMkLst>
            <pc:docMk/>
            <pc:sldMk cId="202159907" sldId="262"/>
            <ac:spMk id="59" creationId="{42681C74-E842-B76D-681B-070473AB539A}"/>
          </ac:spMkLst>
        </pc:spChg>
        <pc:spChg chg="add mod">
          <ac:chgData name="Sara Mastrorosa" userId="d159c406-3740-4568-9f4d-6092b2495d2a" providerId="ADAL" clId="{8B86413B-2A1A-4226-BE53-109F0A4E8237}" dt="2023-09-26T12:30:25.356" v="7502" actId="1037"/>
          <ac:spMkLst>
            <pc:docMk/>
            <pc:sldMk cId="202159907" sldId="262"/>
            <ac:spMk id="62" creationId="{88FA2669-5834-9C4C-EDA4-023CBD202A3D}"/>
          </ac:spMkLst>
        </pc:spChg>
        <pc:spChg chg="add mod">
          <ac:chgData name="Sara Mastrorosa" userId="d159c406-3740-4568-9f4d-6092b2495d2a" providerId="ADAL" clId="{8B86413B-2A1A-4226-BE53-109F0A4E8237}" dt="2023-09-26T12:30:25.356" v="7502" actId="1037"/>
          <ac:spMkLst>
            <pc:docMk/>
            <pc:sldMk cId="202159907" sldId="262"/>
            <ac:spMk id="67" creationId="{7D921E7C-B92F-D321-54E7-51FF844E71E1}"/>
          </ac:spMkLst>
        </pc:spChg>
        <pc:spChg chg="add mod">
          <ac:chgData name="Sara Mastrorosa" userId="d159c406-3740-4568-9f4d-6092b2495d2a" providerId="ADAL" clId="{8B86413B-2A1A-4226-BE53-109F0A4E8237}" dt="2023-09-26T12:30:25.356" v="7502" actId="1037"/>
          <ac:spMkLst>
            <pc:docMk/>
            <pc:sldMk cId="202159907" sldId="262"/>
            <ac:spMk id="68" creationId="{4C8091F6-4B9A-A996-E700-3C644DBCA49A}"/>
          </ac:spMkLst>
        </pc:spChg>
        <pc:spChg chg="add mod">
          <ac:chgData name="Sara Mastrorosa" userId="d159c406-3740-4568-9f4d-6092b2495d2a" providerId="ADAL" clId="{8B86413B-2A1A-4226-BE53-109F0A4E8237}" dt="2023-09-26T12:30:25.356" v="7502" actId="1037"/>
          <ac:spMkLst>
            <pc:docMk/>
            <pc:sldMk cId="202159907" sldId="262"/>
            <ac:spMk id="69" creationId="{AD3297CC-DAA2-771A-CF6E-2D071ED39175}"/>
          </ac:spMkLst>
        </pc:spChg>
        <pc:graphicFrameChg chg="add del mod">
          <ac:chgData name="Sara Mastrorosa" userId="d159c406-3740-4568-9f4d-6092b2495d2a" providerId="ADAL" clId="{8B86413B-2A1A-4226-BE53-109F0A4E8237}" dt="2023-09-26T09:01:38.357" v="4758"/>
          <ac:graphicFrameMkLst>
            <pc:docMk/>
            <pc:sldMk cId="202159907" sldId="262"/>
            <ac:graphicFrameMk id="17" creationId="{1601FDC6-535A-0AE4-3559-B789387115B5}"/>
          </ac:graphicFrameMkLst>
        </pc:graphicFrameChg>
        <pc:graphicFrameChg chg="add del mod">
          <ac:chgData name="Sara Mastrorosa" userId="d159c406-3740-4568-9f4d-6092b2495d2a" providerId="ADAL" clId="{8B86413B-2A1A-4226-BE53-109F0A4E8237}" dt="2023-09-26T09:01:38.357" v="4758"/>
          <ac:graphicFrameMkLst>
            <pc:docMk/>
            <pc:sldMk cId="202159907" sldId="262"/>
            <ac:graphicFrameMk id="19" creationId="{4EEEB779-8100-3B4E-48D2-89EBCFA79B31}"/>
          </ac:graphicFrameMkLst>
        </pc:graphicFrameChg>
        <pc:graphicFrameChg chg="add del mod">
          <ac:chgData name="Sara Mastrorosa" userId="d159c406-3740-4568-9f4d-6092b2495d2a" providerId="ADAL" clId="{8B86413B-2A1A-4226-BE53-109F0A4E8237}" dt="2023-09-26T09:01:38.357" v="4758"/>
          <ac:graphicFrameMkLst>
            <pc:docMk/>
            <pc:sldMk cId="202159907" sldId="262"/>
            <ac:graphicFrameMk id="21" creationId="{58D1BC17-59D0-AB17-FD76-88FEE8FF67EE}"/>
          </ac:graphicFrameMkLst>
        </pc:graphicFrameChg>
        <pc:graphicFrameChg chg="add del mod">
          <ac:chgData name="Sara Mastrorosa" userId="d159c406-3740-4568-9f4d-6092b2495d2a" providerId="ADAL" clId="{8B86413B-2A1A-4226-BE53-109F0A4E8237}" dt="2023-09-26T09:01:38.357" v="4758"/>
          <ac:graphicFrameMkLst>
            <pc:docMk/>
            <pc:sldMk cId="202159907" sldId="262"/>
            <ac:graphicFrameMk id="22" creationId="{334691FF-51F0-9A81-BC5E-867559A49A28}"/>
          </ac:graphicFrameMkLst>
        </pc:graphicFrameChg>
        <pc:graphicFrameChg chg="add del mod">
          <ac:chgData name="Sara Mastrorosa" userId="d159c406-3740-4568-9f4d-6092b2495d2a" providerId="ADAL" clId="{8B86413B-2A1A-4226-BE53-109F0A4E8237}" dt="2023-09-26T09:01:38.357" v="4758"/>
          <ac:graphicFrameMkLst>
            <pc:docMk/>
            <pc:sldMk cId="202159907" sldId="262"/>
            <ac:graphicFrameMk id="23" creationId="{BA315491-4C61-3264-5083-EFF05E7F608D}"/>
          </ac:graphicFrameMkLst>
        </pc:graphicFrameChg>
        <pc:graphicFrameChg chg="add del mod">
          <ac:chgData name="Sara Mastrorosa" userId="d159c406-3740-4568-9f4d-6092b2495d2a" providerId="ADAL" clId="{8B86413B-2A1A-4226-BE53-109F0A4E8237}" dt="2023-09-26T09:01:38.357" v="4758"/>
          <ac:graphicFrameMkLst>
            <pc:docMk/>
            <pc:sldMk cId="202159907" sldId="262"/>
            <ac:graphicFrameMk id="25" creationId="{68763E53-B9A5-7B23-758D-F930A11F9A06}"/>
          </ac:graphicFrameMkLst>
        </pc:graphicFrameChg>
        <pc:graphicFrameChg chg="add del mod">
          <ac:chgData name="Sara Mastrorosa" userId="d159c406-3740-4568-9f4d-6092b2495d2a" providerId="ADAL" clId="{8B86413B-2A1A-4226-BE53-109F0A4E8237}" dt="2023-09-26T09:01:59.064" v="4783"/>
          <ac:graphicFrameMkLst>
            <pc:docMk/>
            <pc:sldMk cId="202159907" sldId="262"/>
            <ac:graphicFrameMk id="38" creationId="{76F95027-0DC0-9C4B-D0F7-5CB7D4C2361B}"/>
          </ac:graphicFrameMkLst>
        </pc:graphicFrameChg>
        <pc:graphicFrameChg chg="add del mod">
          <ac:chgData name="Sara Mastrorosa" userId="d159c406-3740-4568-9f4d-6092b2495d2a" providerId="ADAL" clId="{8B86413B-2A1A-4226-BE53-109F0A4E8237}" dt="2023-09-26T09:01:59.064" v="4783"/>
          <ac:graphicFrameMkLst>
            <pc:docMk/>
            <pc:sldMk cId="202159907" sldId="262"/>
            <ac:graphicFrameMk id="39" creationId="{CEF7C44A-CB1D-AE9E-2A85-43AAC66AD0DF}"/>
          </ac:graphicFrameMkLst>
        </pc:graphicFrameChg>
        <pc:graphicFrameChg chg="add del mod">
          <ac:chgData name="Sara Mastrorosa" userId="d159c406-3740-4568-9f4d-6092b2495d2a" providerId="ADAL" clId="{8B86413B-2A1A-4226-BE53-109F0A4E8237}" dt="2023-09-26T09:01:59.064" v="4783"/>
          <ac:graphicFrameMkLst>
            <pc:docMk/>
            <pc:sldMk cId="202159907" sldId="262"/>
            <ac:graphicFrameMk id="41" creationId="{E92BBBE8-7E96-F6DC-0C3E-59A3B6F68167}"/>
          </ac:graphicFrameMkLst>
        </pc:graphicFrameChg>
        <pc:graphicFrameChg chg="add del mod">
          <ac:chgData name="Sara Mastrorosa" userId="d159c406-3740-4568-9f4d-6092b2495d2a" providerId="ADAL" clId="{8B86413B-2A1A-4226-BE53-109F0A4E8237}" dt="2023-09-26T09:01:59.064" v="4783"/>
          <ac:graphicFrameMkLst>
            <pc:docMk/>
            <pc:sldMk cId="202159907" sldId="262"/>
            <ac:graphicFrameMk id="42" creationId="{C937DB87-85E2-4B70-F2E2-CE579E04E4FC}"/>
          </ac:graphicFrameMkLst>
        </pc:graphicFrameChg>
        <pc:graphicFrameChg chg="add del mod">
          <ac:chgData name="Sara Mastrorosa" userId="d159c406-3740-4568-9f4d-6092b2495d2a" providerId="ADAL" clId="{8B86413B-2A1A-4226-BE53-109F0A4E8237}" dt="2023-09-26T09:01:59.064" v="4783"/>
          <ac:graphicFrameMkLst>
            <pc:docMk/>
            <pc:sldMk cId="202159907" sldId="262"/>
            <ac:graphicFrameMk id="43" creationId="{473BB97C-A38F-53C8-28FE-DEC301167372}"/>
          </ac:graphicFrameMkLst>
        </pc:graphicFrameChg>
        <pc:graphicFrameChg chg="add del mod">
          <ac:chgData name="Sara Mastrorosa" userId="d159c406-3740-4568-9f4d-6092b2495d2a" providerId="ADAL" clId="{8B86413B-2A1A-4226-BE53-109F0A4E8237}" dt="2023-09-26T09:01:59.064" v="4783"/>
          <ac:graphicFrameMkLst>
            <pc:docMk/>
            <pc:sldMk cId="202159907" sldId="262"/>
            <ac:graphicFrameMk id="44" creationId="{2C422F1F-AE06-53E4-12D2-290BF2C493C3}"/>
          </ac:graphicFrameMkLst>
        </pc:graphicFrameChg>
        <pc:graphicFrameChg chg="add del mod">
          <ac:chgData name="Sara Mastrorosa" userId="d159c406-3740-4568-9f4d-6092b2495d2a" providerId="ADAL" clId="{8B86413B-2A1A-4226-BE53-109F0A4E8237}" dt="2023-09-26T09:02:16.354" v="4787"/>
          <ac:graphicFrameMkLst>
            <pc:docMk/>
            <pc:sldMk cId="202159907" sldId="262"/>
            <ac:graphicFrameMk id="49" creationId="{2E087010-0DFE-C62F-3346-F5AF278C04EE}"/>
          </ac:graphicFrameMkLst>
        </pc:graphicFrameChg>
        <pc:graphicFrameChg chg="add del mod">
          <ac:chgData name="Sara Mastrorosa" userId="d159c406-3740-4568-9f4d-6092b2495d2a" providerId="ADAL" clId="{8B86413B-2A1A-4226-BE53-109F0A4E8237}" dt="2023-09-26T09:02:16.354" v="4787"/>
          <ac:graphicFrameMkLst>
            <pc:docMk/>
            <pc:sldMk cId="202159907" sldId="262"/>
            <ac:graphicFrameMk id="50" creationId="{36DAE73C-6565-F1FA-A816-0F9F40F0143B}"/>
          </ac:graphicFrameMkLst>
        </pc:graphicFrameChg>
        <pc:graphicFrameChg chg="add del mod">
          <ac:chgData name="Sara Mastrorosa" userId="d159c406-3740-4568-9f4d-6092b2495d2a" providerId="ADAL" clId="{8B86413B-2A1A-4226-BE53-109F0A4E8237}" dt="2023-09-26T09:02:16.354" v="4787"/>
          <ac:graphicFrameMkLst>
            <pc:docMk/>
            <pc:sldMk cId="202159907" sldId="262"/>
            <ac:graphicFrameMk id="52" creationId="{FFED45FA-4E5C-C472-768E-7F40CDD9C5BE}"/>
          </ac:graphicFrameMkLst>
        </pc:graphicFrameChg>
        <pc:graphicFrameChg chg="add del mod">
          <ac:chgData name="Sara Mastrorosa" userId="d159c406-3740-4568-9f4d-6092b2495d2a" providerId="ADAL" clId="{8B86413B-2A1A-4226-BE53-109F0A4E8237}" dt="2023-09-26T09:02:16.354" v="4787"/>
          <ac:graphicFrameMkLst>
            <pc:docMk/>
            <pc:sldMk cId="202159907" sldId="262"/>
            <ac:graphicFrameMk id="53" creationId="{64AFE131-5CB8-B61D-CD90-0C3C620B8C1C}"/>
          </ac:graphicFrameMkLst>
        </pc:graphicFrameChg>
        <pc:graphicFrameChg chg="add del mod">
          <ac:chgData name="Sara Mastrorosa" userId="d159c406-3740-4568-9f4d-6092b2495d2a" providerId="ADAL" clId="{8B86413B-2A1A-4226-BE53-109F0A4E8237}" dt="2023-09-26T09:02:16.354" v="4787"/>
          <ac:graphicFrameMkLst>
            <pc:docMk/>
            <pc:sldMk cId="202159907" sldId="262"/>
            <ac:graphicFrameMk id="54" creationId="{AD6595B4-238D-222F-938E-56BBD95CB530}"/>
          </ac:graphicFrameMkLst>
        </pc:graphicFrameChg>
        <pc:graphicFrameChg chg="add del mod">
          <ac:chgData name="Sara Mastrorosa" userId="d159c406-3740-4568-9f4d-6092b2495d2a" providerId="ADAL" clId="{8B86413B-2A1A-4226-BE53-109F0A4E8237}" dt="2023-09-26T09:02:16.354" v="4787"/>
          <ac:graphicFrameMkLst>
            <pc:docMk/>
            <pc:sldMk cId="202159907" sldId="262"/>
            <ac:graphicFrameMk id="55" creationId="{A0266A6C-43EE-206C-AD36-0DB4D3709978}"/>
          </ac:graphicFrameMkLst>
        </pc:graphicFrameChg>
        <pc:graphicFrameChg chg="add mod modGraphic">
          <ac:chgData name="Sara Mastrorosa" userId="d159c406-3740-4568-9f4d-6092b2495d2a" providerId="ADAL" clId="{8B86413B-2A1A-4226-BE53-109F0A4E8237}" dt="2023-09-26T12:30:25.356" v="7502" actId="1037"/>
          <ac:graphicFrameMkLst>
            <pc:docMk/>
            <pc:sldMk cId="202159907" sldId="262"/>
            <ac:graphicFrameMk id="60" creationId="{345EF9AE-A396-C055-9E2D-D3DC99E628AD}"/>
          </ac:graphicFrameMkLst>
        </pc:graphicFrameChg>
        <pc:graphicFrameChg chg="add mod">
          <ac:chgData name="Sara Mastrorosa" userId="d159c406-3740-4568-9f4d-6092b2495d2a" providerId="ADAL" clId="{8B86413B-2A1A-4226-BE53-109F0A4E8237}" dt="2023-09-26T12:30:25.356" v="7502" actId="1037"/>
          <ac:graphicFrameMkLst>
            <pc:docMk/>
            <pc:sldMk cId="202159907" sldId="262"/>
            <ac:graphicFrameMk id="61" creationId="{1E858D49-9F40-3667-4010-A9812F13011C}"/>
          </ac:graphicFrameMkLst>
        </pc:graphicFrameChg>
        <pc:graphicFrameChg chg="add mod modGraphic">
          <ac:chgData name="Sara Mastrorosa" userId="d159c406-3740-4568-9f4d-6092b2495d2a" providerId="ADAL" clId="{8B86413B-2A1A-4226-BE53-109F0A4E8237}" dt="2023-09-26T13:14:48.557" v="8711" actId="14100"/>
          <ac:graphicFrameMkLst>
            <pc:docMk/>
            <pc:sldMk cId="202159907" sldId="262"/>
            <ac:graphicFrameMk id="63" creationId="{F83042FF-8F7A-1789-BDC3-57EA05B9A4F0}"/>
          </ac:graphicFrameMkLst>
        </pc:graphicFrameChg>
        <pc:graphicFrameChg chg="add mod modGraphic">
          <ac:chgData name="Sara Mastrorosa" userId="d159c406-3740-4568-9f4d-6092b2495d2a" providerId="ADAL" clId="{8B86413B-2A1A-4226-BE53-109F0A4E8237}" dt="2023-09-26T13:15:22.093" v="8719" actId="14100"/>
          <ac:graphicFrameMkLst>
            <pc:docMk/>
            <pc:sldMk cId="202159907" sldId="262"/>
            <ac:graphicFrameMk id="64" creationId="{B8CD51C3-0381-65FF-7CBC-B06A82295CA0}"/>
          </ac:graphicFrameMkLst>
        </pc:graphicFrameChg>
        <pc:graphicFrameChg chg="add mod modGraphic">
          <ac:chgData name="Sara Mastrorosa" userId="d159c406-3740-4568-9f4d-6092b2495d2a" providerId="ADAL" clId="{8B86413B-2A1A-4226-BE53-109F0A4E8237}" dt="2023-09-26T13:15:08.625" v="8718" actId="14100"/>
          <ac:graphicFrameMkLst>
            <pc:docMk/>
            <pc:sldMk cId="202159907" sldId="262"/>
            <ac:graphicFrameMk id="65" creationId="{993AD83E-7723-133D-CEB7-208272E69D00}"/>
          </ac:graphicFrameMkLst>
        </pc:graphicFrameChg>
        <pc:graphicFrameChg chg="add mod modGraphic">
          <ac:chgData name="Sara Mastrorosa" userId="d159c406-3740-4568-9f4d-6092b2495d2a" providerId="ADAL" clId="{8B86413B-2A1A-4226-BE53-109F0A4E8237}" dt="2023-09-26T13:14:44.802" v="8710" actId="14100"/>
          <ac:graphicFrameMkLst>
            <pc:docMk/>
            <pc:sldMk cId="202159907" sldId="262"/>
            <ac:graphicFrameMk id="66" creationId="{056BCEA4-225C-C625-C1F6-DFC4F5C1C537}"/>
          </ac:graphicFrameMkLst>
        </pc:graphicFrameChg>
        <pc:picChg chg="add mod">
          <ac:chgData name="Sara Mastrorosa" userId="d159c406-3740-4568-9f4d-6092b2495d2a" providerId="ADAL" clId="{8B86413B-2A1A-4226-BE53-109F0A4E8237}" dt="2023-09-27T12:06:37.878" v="16658"/>
          <ac:picMkLst>
            <pc:docMk/>
            <pc:sldMk cId="202159907" sldId="262"/>
            <ac:picMk id="2" creationId="{66D2501C-D6A4-20E1-C36A-7518BF168D74}"/>
          </ac:picMkLst>
        </pc:picChg>
        <pc:picChg chg="add del mod">
          <ac:chgData name="Sara Mastrorosa" userId="d159c406-3740-4568-9f4d-6092b2495d2a" providerId="ADAL" clId="{8B86413B-2A1A-4226-BE53-109F0A4E8237}" dt="2023-09-26T09:02:03.756" v="4784" actId="21"/>
          <ac:picMkLst>
            <pc:docMk/>
            <pc:sldMk cId="202159907" sldId="262"/>
            <ac:picMk id="3" creationId="{21DC48A0-D133-B2D7-A5A1-842785661143}"/>
          </ac:picMkLst>
        </pc:picChg>
        <pc:picChg chg="add mod">
          <ac:chgData name="Sara Mastrorosa" userId="d159c406-3740-4568-9f4d-6092b2495d2a" providerId="ADAL" clId="{8B86413B-2A1A-4226-BE53-109F0A4E8237}" dt="2023-09-28T09:04:16.818" v="20120" actId="1076"/>
          <ac:picMkLst>
            <pc:docMk/>
            <pc:sldMk cId="202159907" sldId="262"/>
            <ac:picMk id="7" creationId="{6BCE17D6-1F0E-BF21-9BE3-32AD5F7390FE}"/>
          </ac:picMkLst>
        </pc:picChg>
        <pc:picChg chg="del">
          <ac:chgData name="Sara Mastrorosa" userId="d159c406-3740-4568-9f4d-6092b2495d2a" providerId="ADAL" clId="{8B86413B-2A1A-4226-BE53-109F0A4E8237}" dt="2023-09-26T08:38:07.756" v="4469" actId="478"/>
          <ac:picMkLst>
            <pc:docMk/>
            <pc:sldMk cId="202159907" sldId="262"/>
            <ac:picMk id="18" creationId="{96C72BAD-394B-8409-6AA3-733B8742A678}"/>
          </ac:picMkLst>
        </pc:picChg>
        <pc:picChg chg="del">
          <ac:chgData name="Sara Mastrorosa" userId="d159c406-3740-4568-9f4d-6092b2495d2a" providerId="ADAL" clId="{8B86413B-2A1A-4226-BE53-109F0A4E8237}" dt="2023-09-26T08:38:07.756" v="4469" actId="478"/>
          <ac:picMkLst>
            <pc:docMk/>
            <pc:sldMk cId="202159907" sldId="262"/>
            <ac:picMk id="24" creationId="{B2320A0C-ECD0-1E5B-D1C6-E62F0D7A5603}"/>
          </ac:picMkLst>
        </pc:picChg>
        <pc:picChg chg="del">
          <ac:chgData name="Sara Mastrorosa" userId="d159c406-3740-4568-9f4d-6092b2495d2a" providerId="ADAL" clId="{8B86413B-2A1A-4226-BE53-109F0A4E8237}" dt="2023-09-26T08:38:07.756" v="4469" actId="478"/>
          <ac:picMkLst>
            <pc:docMk/>
            <pc:sldMk cId="202159907" sldId="262"/>
            <ac:picMk id="26" creationId="{F315E41D-9436-F02D-CB25-4229A1A8DEDD}"/>
          </ac:picMkLst>
        </pc:picChg>
        <pc:cxnChg chg="mod">
          <ac:chgData name="Sara Mastrorosa" userId="d159c406-3740-4568-9f4d-6092b2495d2a" providerId="ADAL" clId="{8B86413B-2A1A-4226-BE53-109F0A4E8237}" dt="2023-09-26T09:01:56.192" v="4779" actId="1036"/>
          <ac:cxnSpMkLst>
            <pc:docMk/>
            <pc:sldMk cId="202159907" sldId="262"/>
            <ac:cxnSpMk id="35" creationId="{6DA4F8F9-EAFC-DA02-1EAC-A1777C1A0701}"/>
          </ac:cxnSpMkLst>
        </pc:cxnChg>
      </pc:sldChg>
      <pc:sldChg chg="add del mod modShow">
        <pc:chgData name="Sara Mastrorosa" userId="d159c406-3740-4568-9f4d-6092b2495d2a" providerId="ADAL" clId="{8B86413B-2A1A-4226-BE53-109F0A4E8237}" dt="2023-10-02T07:54:06.232" v="22171" actId="2696"/>
        <pc:sldMkLst>
          <pc:docMk/>
          <pc:sldMk cId="2764122590" sldId="262"/>
        </pc:sldMkLst>
      </pc:sldChg>
      <pc:sldChg chg="modSp add del mod">
        <pc:chgData name="Sara Mastrorosa" userId="d159c406-3740-4568-9f4d-6092b2495d2a" providerId="ADAL" clId="{8B86413B-2A1A-4226-BE53-109F0A4E8237}" dt="2023-09-25T10:46:31.470" v="1214" actId="47"/>
        <pc:sldMkLst>
          <pc:docMk/>
          <pc:sldMk cId="4141328836" sldId="262"/>
        </pc:sldMkLst>
        <pc:spChg chg="mod">
          <ac:chgData name="Sara Mastrorosa" userId="d159c406-3740-4568-9f4d-6092b2495d2a" providerId="ADAL" clId="{8B86413B-2A1A-4226-BE53-109F0A4E8237}" dt="2023-09-25T10:46:13.842" v="1210"/>
          <ac:spMkLst>
            <pc:docMk/>
            <pc:sldMk cId="4141328836" sldId="262"/>
            <ac:spMk id="6" creationId="{53154914-7E41-459F-BF7F-A0D1D7D41220}"/>
          </ac:spMkLst>
        </pc:spChg>
        <pc:picChg chg="mod">
          <ac:chgData name="Sara Mastrorosa" userId="d159c406-3740-4568-9f4d-6092b2495d2a" providerId="ADAL" clId="{8B86413B-2A1A-4226-BE53-109F0A4E8237}" dt="2023-09-25T10:46:13.842" v="1212"/>
          <ac:picMkLst>
            <pc:docMk/>
            <pc:sldMk cId="4141328836" sldId="262"/>
            <ac:picMk id="8" creationId="{BAEFAD86-B077-48B8-A7DE-3AFC92A4214D}"/>
          </ac:picMkLst>
        </pc:picChg>
        <pc:picChg chg="mod modCrop">
          <ac:chgData name="Sara Mastrorosa" userId="d159c406-3740-4568-9f4d-6092b2495d2a" providerId="ADAL" clId="{8B86413B-2A1A-4226-BE53-109F0A4E8237}" dt="2023-09-25T10:46:13.842" v="1208"/>
          <ac:picMkLst>
            <pc:docMk/>
            <pc:sldMk cId="4141328836" sldId="262"/>
            <ac:picMk id="10" creationId="{3DBEB729-1203-44C5-AFA2-B745B6A191BC}"/>
          </ac:picMkLst>
        </pc:picChg>
      </pc:sldChg>
      <pc:sldChg chg="addSp delSp modSp add del mod modTransition">
        <pc:chgData name="Sara Mastrorosa" userId="d159c406-3740-4568-9f4d-6092b2495d2a" providerId="ADAL" clId="{8B86413B-2A1A-4226-BE53-109F0A4E8237}" dt="2023-09-27T10:19:19.609" v="16501" actId="47"/>
        <pc:sldMkLst>
          <pc:docMk/>
          <pc:sldMk cId="485367104" sldId="263"/>
        </pc:sldMkLst>
        <pc:spChg chg="add del mod">
          <ac:chgData name="Sara Mastrorosa" userId="d159c406-3740-4568-9f4d-6092b2495d2a" providerId="ADAL" clId="{8B86413B-2A1A-4226-BE53-109F0A4E8237}" dt="2023-09-27T06:48:07.831" v="9460"/>
          <ac:spMkLst>
            <pc:docMk/>
            <pc:sldMk cId="485367104" sldId="263"/>
            <ac:spMk id="2" creationId="{EB7BD049-A7ED-289D-7F2C-3A3DFEA567CD}"/>
          </ac:spMkLst>
        </pc:spChg>
        <pc:spChg chg="add mod">
          <ac:chgData name="Sara Mastrorosa" userId="d159c406-3740-4568-9f4d-6092b2495d2a" providerId="ADAL" clId="{8B86413B-2A1A-4226-BE53-109F0A4E8237}" dt="2023-09-27T06:47:24.111" v="9458" actId="1076"/>
          <ac:spMkLst>
            <pc:docMk/>
            <pc:sldMk cId="485367104" sldId="263"/>
            <ac:spMk id="3" creationId="{58BB20F9-0383-6B17-B25C-EBC97B50B312}"/>
          </ac:spMkLst>
        </pc:spChg>
        <pc:spChg chg="mod">
          <ac:chgData name="Sara Mastrorosa" userId="d159c406-3740-4568-9f4d-6092b2495d2a" providerId="ADAL" clId="{8B86413B-2A1A-4226-BE53-109F0A4E8237}" dt="2023-09-26T08:47:11.219" v="4506" actId="20577"/>
          <ac:spMkLst>
            <pc:docMk/>
            <pc:sldMk cId="485367104" sldId="263"/>
            <ac:spMk id="5" creationId="{08F2B45B-2BC1-44B2-4465-F8FD2B97328F}"/>
          </ac:spMkLst>
        </pc:spChg>
        <pc:spChg chg="add mod">
          <ac:chgData name="Sara Mastrorosa" userId="d159c406-3740-4568-9f4d-6092b2495d2a" providerId="ADAL" clId="{8B86413B-2A1A-4226-BE53-109F0A4E8237}" dt="2023-09-27T08:41:02.915" v="11028" actId="404"/>
          <ac:spMkLst>
            <pc:docMk/>
            <pc:sldMk cId="485367104" sldId="263"/>
            <ac:spMk id="10" creationId="{59D1A3EC-11BD-4ABB-D4BC-96DF2AB4B710}"/>
          </ac:spMkLst>
        </pc:spChg>
        <pc:spChg chg="add mod">
          <ac:chgData name="Sara Mastrorosa" userId="d159c406-3740-4568-9f4d-6092b2495d2a" providerId="ADAL" clId="{8B86413B-2A1A-4226-BE53-109F0A4E8237}" dt="2023-09-27T08:40:58.449" v="11026" actId="404"/>
          <ac:spMkLst>
            <pc:docMk/>
            <pc:sldMk cId="485367104" sldId="263"/>
            <ac:spMk id="12" creationId="{D3FB6169-323E-0B63-058A-B8F41DAF1BC0}"/>
          </ac:spMkLst>
        </pc:spChg>
        <pc:spChg chg="add mod">
          <ac:chgData name="Sara Mastrorosa" userId="d159c406-3740-4568-9f4d-6092b2495d2a" providerId="ADAL" clId="{8B86413B-2A1A-4226-BE53-109F0A4E8237}" dt="2023-09-26T14:23:40.969" v="8911" actId="1037"/>
          <ac:spMkLst>
            <pc:docMk/>
            <pc:sldMk cId="485367104" sldId="263"/>
            <ac:spMk id="13" creationId="{0D371EF8-BCA4-42E7-2F5C-509FFE803908}"/>
          </ac:spMkLst>
        </pc:spChg>
        <pc:picChg chg="add del mod">
          <ac:chgData name="Sara Mastrorosa" userId="d159c406-3740-4568-9f4d-6092b2495d2a" providerId="ADAL" clId="{8B86413B-2A1A-4226-BE53-109F0A4E8237}" dt="2023-09-26T09:01:57.678" v="4781"/>
          <ac:picMkLst>
            <pc:docMk/>
            <pc:sldMk cId="485367104" sldId="263"/>
            <ac:picMk id="2" creationId="{921CC971-BD57-4A6D-4C1F-0E438C910565}"/>
          </ac:picMkLst>
        </pc:picChg>
        <pc:picChg chg="add del mod">
          <ac:chgData name="Sara Mastrorosa" userId="d159c406-3740-4568-9f4d-6092b2495d2a" providerId="ADAL" clId="{8B86413B-2A1A-4226-BE53-109F0A4E8237}" dt="2023-09-26T09:56:18.454" v="6627" actId="478"/>
          <ac:picMkLst>
            <pc:docMk/>
            <pc:sldMk cId="485367104" sldId="263"/>
            <ac:picMk id="3" creationId="{12E06AF3-4984-7405-3244-D4C3BB12A6C0}"/>
          </ac:picMkLst>
        </pc:picChg>
        <pc:picChg chg="add mod modCrop">
          <ac:chgData name="Sara Mastrorosa" userId="d159c406-3740-4568-9f4d-6092b2495d2a" providerId="ADAL" clId="{8B86413B-2A1A-4226-BE53-109F0A4E8237}" dt="2023-09-26T14:23:38.412" v="8902" actId="1038"/>
          <ac:picMkLst>
            <pc:docMk/>
            <pc:sldMk cId="485367104" sldId="263"/>
            <ac:picMk id="6" creationId="{8BAEB3D7-B1E0-34FF-190F-F9CAEEA9AAB6}"/>
          </ac:picMkLst>
        </pc:picChg>
        <pc:picChg chg="add mod">
          <ac:chgData name="Sara Mastrorosa" userId="d159c406-3740-4568-9f4d-6092b2495d2a" providerId="ADAL" clId="{8B86413B-2A1A-4226-BE53-109F0A4E8237}" dt="2023-09-26T14:23:42.124" v="8914" actId="1037"/>
          <ac:picMkLst>
            <pc:docMk/>
            <pc:sldMk cId="485367104" sldId="263"/>
            <ac:picMk id="8" creationId="{34CF9E01-4EDC-E1E8-25AD-CF50B74CFDD5}"/>
          </ac:picMkLst>
        </pc:picChg>
      </pc:sldChg>
      <pc:sldChg chg="addSp delSp modSp add mod">
        <pc:chgData name="Sara Mastrorosa" userId="d159c406-3740-4568-9f4d-6092b2495d2a" providerId="ADAL" clId="{8B86413B-2A1A-4226-BE53-109F0A4E8237}" dt="2023-09-28T14:03:43.132" v="21373" actId="164"/>
        <pc:sldMkLst>
          <pc:docMk/>
          <pc:sldMk cId="1399112610" sldId="264"/>
        </pc:sldMkLst>
        <pc:spChg chg="add del mod">
          <ac:chgData name="Sara Mastrorosa" userId="d159c406-3740-4568-9f4d-6092b2495d2a" providerId="ADAL" clId="{8B86413B-2A1A-4226-BE53-109F0A4E8237}" dt="2023-09-26T12:46:29.587" v="7651"/>
          <ac:spMkLst>
            <pc:docMk/>
            <pc:sldMk cId="1399112610" sldId="264"/>
            <ac:spMk id="3" creationId="{04F7668F-05F3-8F17-469A-6236F11E3C3D}"/>
          </ac:spMkLst>
        </pc:spChg>
        <pc:spChg chg="add mod">
          <ac:chgData name="Sara Mastrorosa" userId="d159c406-3740-4568-9f4d-6092b2495d2a" providerId="ADAL" clId="{8B86413B-2A1A-4226-BE53-109F0A4E8237}" dt="2023-09-28T09:06:59.677" v="20148" actId="207"/>
          <ac:spMkLst>
            <pc:docMk/>
            <pc:sldMk cId="1399112610" sldId="264"/>
            <ac:spMk id="3" creationId="{CFE51D90-8EAB-F15E-6C41-968206900366}"/>
          </ac:spMkLst>
        </pc:spChg>
        <pc:spChg chg="mod">
          <ac:chgData name="Sara Mastrorosa" userId="d159c406-3740-4568-9f4d-6092b2495d2a" providerId="ADAL" clId="{8B86413B-2A1A-4226-BE53-109F0A4E8237}" dt="2023-09-28T07:17:41.670" v="18516" actId="14100"/>
          <ac:spMkLst>
            <pc:docMk/>
            <pc:sldMk cId="1399112610" sldId="264"/>
            <ac:spMk id="4" creationId="{57024B99-24AB-0804-BDD9-F8E770331A20}"/>
          </ac:spMkLst>
        </pc:spChg>
        <pc:spChg chg="mod">
          <ac:chgData name="Sara Mastrorosa" userId="d159c406-3740-4568-9f4d-6092b2495d2a" providerId="ADAL" clId="{8B86413B-2A1A-4226-BE53-109F0A4E8237}" dt="2023-09-28T09:05:10.306" v="20134" actId="1076"/>
          <ac:spMkLst>
            <pc:docMk/>
            <pc:sldMk cId="1399112610" sldId="264"/>
            <ac:spMk id="5" creationId="{08F2B45B-2BC1-44B2-4465-F8FD2B97328F}"/>
          </ac:spMkLst>
        </pc:spChg>
        <pc:spChg chg="add mod">
          <ac:chgData name="Sara Mastrorosa" userId="d159c406-3740-4568-9f4d-6092b2495d2a" providerId="ADAL" clId="{8B86413B-2A1A-4226-BE53-109F0A4E8237}" dt="2023-09-28T09:05:01.656" v="20130"/>
          <ac:spMkLst>
            <pc:docMk/>
            <pc:sldMk cId="1399112610" sldId="264"/>
            <ac:spMk id="6" creationId="{E2ACF8C8-4A15-DFB1-E9A1-E600571E5A3E}"/>
          </ac:spMkLst>
        </pc:spChg>
        <pc:spChg chg="add del mod">
          <ac:chgData name="Sara Mastrorosa" userId="d159c406-3740-4568-9f4d-6092b2495d2a" providerId="ADAL" clId="{8B86413B-2A1A-4226-BE53-109F0A4E8237}" dt="2023-09-26T12:46:29.587" v="7651"/>
          <ac:spMkLst>
            <pc:docMk/>
            <pc:sldMk cId="1399112610" sldId="264"/>
            <ac:spMk id="6" creationId="{E4BCEA5F-0537-DA93-FF68-6DE12A0399D0}"/>
          </ac:spMkLst>
        </pc:spChg>
        <pc:spChg chg="add del mod">
          <ac:chgData name="Sara Mastrorosa" userId="d159c406-3740-4568-9f4d-6092b2495d2a" providerId="ADAL" clId="{8B86413B-2A1A-4226-BE53-109F0A4E8237}" dt="2023-09-26T12:46:29.587" v="7651"/>
          <ac:spMkLst>
            <pc:docMk/>
            <pc:sldMk cId="1399112610" sldId="264"/>
            <ac:spMk id="7" creationId="{20FBD5AA-698F-2B56-1A72-75907BCC1AE5}"/>
          </ac:spMkLst>
        </pc:spChg>
        <pc:spChg chg="add del mod">
          <ac:chgData name="Sara Mastrorosa" userId="d159c406-3740-4568-9f4d-6092b2495d2a" providerId="ADAL" clId="{8B86413B-2A1A-4226-BE53-109F0A4E8237}" dt="2023-09-26T12:46:29.587" v="7651"/>
          <ac:spMkLst>
            <pc:docMk/>
            <pc:sldMk cId="1399112610" sldId="264"/>
            <ac:spMk id="8" creationId="{0F38438C-B40A-30CE-2C43-039D8A1780BA}"/>
          </ac:spMkLst>
        </pc:spChg>
        <pc:spChg chg="add del mod">
          <ac:chgData name="Sara Mastrorosa" userId="d159c406-3740-4568-9f4d-6092b2495d2a" providerId="ADAL" clId="{8B86413B-2A1A-4226-BE53-109F0A4E8237}" dt="2023-09-26T12:46:29.587" v="7651"/>
          <ac:spMkLst>
            <pc:docMk/>
            <pc:sldMk cId="1399112610" sldId="264"/>
            <ac:spMk id="9" creationId="{E9DF3BD8-4802-4395-0242-3AF146B50B99}"/>
          </ac:spMkLst>
        </pc:spChg>
        <pc:spChg chg="add del mod">
          <ac:chgData name="Sara Mastrorosa" userId="d159c406-3740-4568-9f4d-6092b2495d2a" providerId="ADAL" clId="{8B86413B-2A1A-4226-BE53-109F0A4E8237}" dt="2023-09-26T12:46:29.587" v="7651"/>
          <ac:spMkLst>
            <pc:docMk/>
            <pc:sldMk cId="1399112610" sldId="264"/>
            <ac:spMk id="10" creationId="{04D98657-7759-05FC-15C2-7748CC91C660}"/>
          </ac:spMkLst>
        </pc:spChg>
        <pc:spChg chg="add del mod">
          <ac:chgData name="Sara Mastrorosa" userId="d159c406-3740-4568-9f4d-6092b2495d2a" providerId="ADAL" clId="{8B86413B-2A1A-4226-BE53-109F0A4E8237}" dt="2023-09-26T12:46:29.587" v="7651"/>
          <ac:spMkLst>
            <pc:docMk/>
            <pc:sldMk cId="1399112610" sldId="264"/>
            <ac:spMk id="11" creationId="{85FF1E14-3B91-5E8B-0C62-D2C37ED5335D}"/>
          </ac:spMkLst>
        </pc:spChg>
        <pc:spChg chg="add del mod">
          <ac:chgData name="Sara Mastrorosa" userId="d159c406-3740-4568-9f4d-6092b2495d2a" providerId="ADAL" clId="{8B86413B-2A1A-4226-BE53-109F0A4E8237}" dt="2023-09-26T12:46:29.587" v="7651"/>
          <ac:spMkLst>
            <pc:docMk/>
            <pc:sldMk cId="1399112610" sldId="264"/>
            <ac:spMk id="12" creationId="{52DC6498-1445-A2C1-82D9-2255538067E4}"/>
          </ac:spMkLst>
        </pc:spChg>
        <pc:spChg chg="add del mod">
          <ac:chgData name="Sara Mastrorosa" userId="d159c406-3740-4568-9f4d-6092b2495d2a" providerId="ADAL" clId="{8B86413B-2A1A-4226-BE53-109F0A4E8237}" dt="2023-09-26T12:46:29.587" v="7651"/>
          <ac:spMkLst>
            <pc:docMk/>
            <pc:sldMk cId="1399112610" sldId="264"/>
            <ac:spMk id="21" creationId="{EE58DD8B-2C90-0909-1937-445787D59DCE}"/>
          </ac:spMkLst>
        </pc:spChg>
        <pc:spChg chg="add del mod">
          <ac:chgData name="Sara Mastrorosa" userId="d159c406-3740-4568-9f4d-6092b2495d2a" providerId="ADAL" clId="{8B86413B-2A1A-4226-BE53-109F0A4E8237}" dt="2023-09-26T12:46:29.587" v="7651"/>
          <ac:spMkLst>
            <pc:docMk/>
            <pc:sldMk cId="1399112610" sldId="264"/>
            <ac:spMk id="22" creationId="{5AEDF301-71A3-8F41-0F6A-67BDE791AB54}"/>
          </ac:spMkLst>
        </pc:spChg>
        <pc:spChg chg="add del mod">
          <ac:chgData name="Sara Mastrorosa" userId="d159c406-3740-4568-9f4d-6092b2495d2a" providerId="ADAL" clId="{8B86413B-2A1A-4226-BE53-109F0A4E8237}" dt="2023-09-26T12:46:29.587" v="7651"/>
          <ac:spMkLst>
            <pc:docMk/>
            <pc:sldMk cId="1399112610" sldId="264"/>
            <ac:spMk id="23" creationId="{D46D68EC-789E-E7D0-95D9-0DF0E1CAD1F5}"/>
          </ac:spMkLst>
        </pc:spChg>
        <pc:spChg chg="add del mod">
          <ac:chgData name="Sara Mastrorosa" userId="d159c406-3740-4568-9f4d-6092b2495d2a" providerId="ADAL" clId="{8B86413B-2A1A-4226-BE53-109F0A4E8237}" dt="2023-09-26T12:46:29.587" v="7651"/>
          <ac:spMkLst>
            <pc:docMk/>
            <pc:sldMk cId="1399112610" sldId="264"/>
            <ac:spMk id="24" creationId="{FF4DC693-6E70-B1FB-CD41-E105FFE9B55E}"/>
          </ac:spMkLst>
        </pc:spChg>
        <pc:spChg chg="add del mod">
          <ac:chgData name="Sara Mastrorosa" userId="d159c406-3740-4568-9f4d-6092b2495d2a" providerId="ADAL" clId="{8B86413B-2A1A-4226-BE53-109F0A4E8237}" dt="2023-09-26T12:46:29.587" v="7651"/>
          <ac:spMkLst>
            <pc:docMk/>
            <pc:sldMk cId="1399112610" sldId="264"/>
            <ac:spMk id="25" creationId="{535B861B-204D-4F5E-378E-C4B2A2A49CFF}"/>
          </ac:spMkLst>
        </pc:spChg>
        <pc:spChg chg="add del mod">
          <ac:chgData name="Sara Mastrorosa" userId="d159c406-3740-4568-9f4d-6092b2495d2a" providerId="ADAL" clId="{8B86413B-2A1A-4226-BE53-109F0A4E8237}" dt="2023-09-26T12:46:29.587" v="7651"/>
          <ac:spMkLst>
            <pc:docMk/>
            <pc:sldMk cId="1399112610" sldId="264"/>
            <ac:spMk id="27" creationId="{6268BA1B-E096-ADBA-5DDE-A875B8F96EEB}"/>
          </ac:spMkLst>
        </pc:spChg>
        <pc:spChg chg="add del mod">
          <ac:chgData name="Sara Mastrorosa" userId="d159c406-3740-4568-9f4d-6092b2495d2a" providerId="ADAL" clId="{8B86413B-2A1A-4226-BE53-109F0A4E8237}" dt="2023-09-26T12:46:29.587" v="7651"/>
          <ac:spMkLst>
            <pc:docMk/>
            <pc:sldMk cId="1399112610" sldId="264"/>
            <ac:spMk id="28" creationId="{30791669-B11D-C2A4-2275-BD27CDDB9FC9}"/>
          </ac:spMkLst>
        </pc:spChg>
        <pc:spChg chg="add del mod">
          <ac:chgData name="Sara Mastrorosa" userId="d159c406-3740-4568-9f4d-6092b2495d2a" providerId="ADAL" clId="{8B86413B-2A1A-4226-BE53-109F0A4E8237}" dt="2023-09-26T12:46:29.587" v="7651"/>
          <ac:spMkLst>
            <pc:docMk/>
            <pc:sldMk cId="1399112610" sldId="264"/>
            <ac:spMk id="29" creationId="{805BCCB3-0769-029D-2056-27A1017B2B4E}"/>
          </ac:spMkLst>
        </pc:spChg>
        <pc:spChg chg="add del mod">
          <ac:chgData name="Sara Mastrorosa" userId="d159c406-3740-4568-9f4d-6092b2495d2a" providerId="ADAL" clId="{8B86413B-2A1A-4226-BE53-109F0A4E8237}" dt="2023-09-26T12:46:29.587" v="7651"/>
          <ac:spMkLst>
            <pc:docMk/>
            <pc:sldMk cId="1399112610" sldId="264"/>
            <ac:spMk id="30" creationId="{2749AF28-8FCD-C235-63D8-FD618FA448FA}"/>
          </ac:spMkLst>
        </pc:spChg>
        <pc:spChg chg="add del mod">
          <ac:chgData name="Sara Mastrorosa" userId="d159c406-3740-4568-9f4d-6092b2495d2a" providerId="ADAL" clId="{8B86413B-2A1A-4226-BE53-109F0A4E8237}" dt="2023-09-26T12:46:29.587" v="7651"/>
          <ac:spMkLst>
            <pc:docMk/>
            <pc:sldMk cId="1399112610" sldId="264"/>
            <ac:spMk id="36" creationId="{56782341-755F-FF42-8646-56AA79777402}"/>
          </ac:spMkLst>
        </pc:spChg>
        <pc:spChg chg="add del mod">
          <ac:chgData name="Sara Mastrorosa" userId="d159c406-3740-4568-9f4d-6092b2495d2a" providerId="ADAL" clId="{8B86413B-2A1A-4226-BE53-109F0A4E8237}" dt="2023-09-26T12:46:29.587" v="7651"/>
          <ac:spMkLst>
            <pc:docMk/>
            <pc:sldMk cId="1399112610" sldId="264"/>
            <ac:spMk id="37" creationId="{6D2D7AA1-EFC7-2249-301A-B591BFF1BFBE}"/>
          </ac:spMkLst>
        </pc:spChg>
        <pc:spChg chg="add del mod">
          <ac:chgData name="Sara Mastrorosa" userId="d159c406-3740-4568-9f4d-6092b2495d2a" providerId="ADAL" clId="{8B86413B-2A1A-4226-BE53-109F0A4E8237}" dt="2023-09-26T12:46:29.587" v="7651"/>
          <ac:spMkLst>
            <pc:docMk/>
            <pc:sldMk cId="1399112610" sldId="264"/>
            <ac:spMk id="38" creationId="{4A5E33F0-95D3-4C0E-2E1A-47EEBE9FF581}"/>
          </ac:spMkLst>
        </pc:spChg>
        <pc:spChg chg="add del mod">
          <ac:chgData name="Sara Mastrorosa" userId="d159c406-3740-4568-9f4d-6092b2495d2a" providerId="ADAL" clId="{8B86413B-2A1A-4226-BE53-109F0A4E8237}" dt="2023-09-26T12:47:20.707" v="7659" actId="478"/>
          <ac:spMkLst>
            <pc:docMk/>
            <pc:sldMk cId="1399112610" sldId="264"/>
            <ac:spMk id="41" creationId="{269186D8-068B-9D31-D1BD-28F80EC32B30}"/>
          </ac:spMkLst>
        </pc:spChg>
        <pc:spChg chg="add del mod">
          <ac:chgData name="Sara Mastrorosa" userId="d159c406-3740-4568-9f4d-6092b2495d2a" providerId="ADAL" clId="{8B86413B-2A1A-4226-BE53-109F0A4E8237}" dt="2023-09-26T12:47:20.707" v="7659" actId="478"/>
          <ac:spMkLst>
            <pc:docMk/>
            <pc:sldMk cId="1399112610" sldId="264"/>
            <ac:spMk id="42" creationId="{48C114BC-41F8-757A-AF1A-2DA87EF0C9E4}"/>
          </ac:spMkLst>
        </pc:spChg>
        <pc:spChg chg="add del mod">
          <ac:chgData name="Sara Mastrorosa" userId="d159c406-3740-4568-9f4d-6092b2495d2a" providerId="ADAL" clId="{8B86413B-2A1A-4226-BE53-109F0A4E8237}" dt="2023-09-26T12:47:20.707" v="7659" actId="478"/>
          <ac:spMkLst>
            <pc:docMk/>
            <pc:sldMk cId="1399112610" sldId="264"/>
            <ac:spMk id="43" creationId="{EC4CF1BA-F41A-9C06-6D2E-8C5CFD847FDB}"/>
          </ac:spMkLst>
        </pc:spChg>
        <pc:spChg chg="add del mod">
          <ac:chgData name="Sara Mastrorosa" userId="d159c406-3740-4568-9f4d-6092b2495d2a" providerId="ADAL" clId="{8B86413B-2A1A-4226-BE53-109F0A4E8237}" dt="2023-09-26T12:47:20.707" v="7659" actId="478"/>
          <ac:spMkLst>
            <pc:docMk/>
            <pc:sldMk cId="1399112610" sldId="264"/>
            <ac:spMk id="44" creationId="{3517D8F0-9574-5AFA-B9A1-16770FC45599}"/>
          </ac:spMkLst>
        </pc:spChg>
        <pc:spChg chg="add del mod">
          <ac:chgData name="Sara Mastrorosa" userId="d159c406-3740-4568-9f4d-6092b2495d2a" providerId="ADAL" clId="{8B86413B-2A1A-4226-BE53-109F0A4E8237}" dt="2023-09-26T12:47:20.707" v="7659" actId="478"/>
          <ac:spMkLst>
            <pc:docMk/>
            <pc:sldMk cId="1399112610" sldId="264"/>
            <ac:spMk id="45" creationId="{B240C7FA-DBF6-68FF-60DE-8F65438465EC}"/>
          </ac:spMkLst>
        </pc:spChg>
        <pc:spChg chg="add del mod">
          <ac:chgData name="Sara Mastrorosa" userId="d159c406-3740-4568-9f4d-6092b2495d2a" providerId="ADAL" clId="{8B86413B-2A1A-4226-BE53-109F0A4E8237}" dt="2023-09-26T12:47:20.707" v="7659" actId="478"/>
          <ac:spMkLst>
            <pc:docMk/>
            <pc:sldMk cId="1399112610" sldId="264"/>
            <ac:spMk id="46" creationId="{6E885505-0870-B5C7-AF54-179DEDCCAC27}"/>
          </ac:spMkLst>
        </pc:spChg>
        <pc:spChg chg="add del mod">
          <ac:chgData name="Sara Mastrorosa" userId="d159c406-3740-4568-9f4d-6092b2495d2a" providerId="ADAL" clId="{8B86413B-2A1A-4226-BE53-109F0A4E8237}" dt="2023-09-26T12:47:20.707" v="7659" actId="478"/>
          <ac:spMkLst>
            <pc:docMk/>
            <pc:sldMk cId="1399112610" sldId="264"/>
            <ac:spMk id="47" creationId="{0A362C1D-F699-3672-1CBB-4B9B0EBEA05C}"/>
          </ac:spMkLst>
        </pc:spChg>
        <pc:spChg chg="add del mod">
          <ac:chgData name="Sara Mastrorosa" userId="d159c406-3740-4568-9f4d-6092b2495d2a" providerId="ADAL" clId="{8B86413B-2A1A-4226-BE53-109F0A4E8237}" dt="2023-09-26T12:47:20.707" v="7659" actId="478"/>
          <ac:spMkLst>
            <pc:docMk/>
            <pc:sldMk cId="1399112610" sldId="264"/>
            <ac:spMk id="48" creationId="{A9209C4C-5EEE-827F-5413-E2A4717594A9}"/>
          </ac:spMkLst>
        </pc:spChg>
        <pc:spChg chg="add del mod">
          <ac:chgData name="Sara Mastrorosa" userId="d159c406-3740-4568-9f4d-6092b2495d2a" providerId="ADAL" clId="{8B86413B-2A1A-4226-BE53-109F0A4E8237}" dt="2023-09-26T12:47:20.707" v="7659" actId="478"/>
          <ac:spMkLst>
            <pc:docMk/>
            <pc:sldMk cId="1399112610" sldId="264"/>
            <ac:spMk id="57" creationId="{9C969E7F-FA49-3593-3738-75E00B7DB7C2}"/>
          </ac:spMkLst>
        </pc:spChg>
        <pc:spChg chg="add del mod">
          <ac:chgData name="Sara Mastrorosa" userId="d159c406-3740-4568-9f4d-6092b2495d2a" providerId="ADAL" clId="{8B86413B-2A1A-4226-BE53-109F0A4E8237}" dt="2023-09-26T12:47:20.707" v="7659" actId="478"/>
          <ac:spMkLst>
            <pc:docMk/>
            <pc:sldMk cId="1399112610" sldId="264"/>
            <ac:spMk id="58" creationId="{052BE4EB-FE8E-6B8C-D118-950D4706F7FE}"/>
          </ac:spMkLst>
        </pc:spChg>
        <pc:spChg chg="del">
          <ac:chgData name="Sara Mastrorosa" userId="d159c406-3740-4568-9f4d-6092b2495d2a" providerId="ADAL" clId="{8B86413B-2A1A-4226-BE53-109F0A4E8237}" dt="2023-09-26T10:00:30.176" v="6770" actId="478"/>
          <ac:spMkLst>
            <pc:docMk/>
            <pc:sldMk cId="1399112610" sldId="264"/>
            <ac:spMk id="59" creationId="{42681C74-E842-B76D-681B-070473AB539A}"/>
          </ac:spMkLst>
        </pc:spChg>
        <pc:spChg chg="del">
          <ac:chgData name="Sara Mastrorosa" userId="d159c406-3740-4568-9f4d-6092b2495d2a" providerId="ADAL" clId="{8B86413B-2A1A-4226-BE53-109F0A4E8237}" dt="2023-09-26T10:00:30.176" v="6770" actId="478"/>
          <ac:spMkLst>
            <pc:docMk/>
            <pc:sldMk cId="1399112610" sldId="264"/>
            <ac:spMk id="62" creationId="{88FA2669-5834-9C4C-EDA4-023CBD202A3D}"/>
          </ac:spMkLst>
        </pc:spChg>
        <pc:spChg chg="del">
          <ac:chgData name="Sara Mastrorosa" userId="d159c406-3740-4568-9f4d-6092b2495d2a" providerId="ADAL" clId="{8B86413B-2A1A-4226-BE53-109F0A4E8237}" dt="2023-09-26T10:00:30.176" v="6770" actId="478"/>
          <ac:spMkLst>
            <pc:docMk/>
            <pc:sldMk cId="1399112610" sldId="264"/>
            <ac:spMk id="67" creationId="{7D921E7C-B92F-D321-54E7-51FF844E71E1}"/>
          </ac:spMkLst>
        </pc:spChg>
        <pc:spChg chg="del">
          <ac:chgData name="Sara Mastrorosa" userId="d159c406-3740-4568-9f4d-6092b2495d2a" providerId="ADAL" clId="{8B86413B-2A1A-4226-BE53-109F0A4E8237}" dt="2023-09-26T10:00:30.176" v="6770" actId="478"/>
          <ac:spMkLst>
            <pc:docMk/>
            <pc:sldMk cId="1399112610" sldId="264"/>
            <ac:spMk id="68" creationId="{4C8091F6-4B9A-A996-E700-3C644DBCA49A}"/>
          </ac:spMkLst>
        </pc:spChg>
        <pc:spChg chg="del">
          <ac:chgData name="Sara Mastrorosa" userId="d159c406-3740-4568-9f4d-6092b2495d2a" providerId="ADAL" clId="{8B86413B-2A1A-4226-BE53-109F0A4E8237}" dt="2023-09-26T10:00:30.176" v="6770" actId="478"/>
          <ac:spMkLst>
            <pc:docMk/>
            <pc:sldMk cId="1399112610" sldId="264"/>
            <ac:spMk id="69" creationId="{AD3297CC-DAA2-771A-CF6E-2D071ED39175}"/>
          </ac:spMkLst>
        </pc:spChg>
        <pc:spChg chg="add del mod">
          <ac:chgData name="Sara Mastrorosa" userId="d159c406-3740-4568-9f4d-6092b2495d2a" providerId="ADAL" clId="{8B86413B-2A1A-4226-BE53-109F0A4E8237}" dt="2023-09-26T12:47:20.707" v="7659" actId="478"/>
          <ac:spMkLst>
            <pc:docMk/>
            <pc:sldMk cId="1399112610" sldId="264"/>
            <ac:spMk id="70" creationId="{32E1F776-4A11-13C1-F9F2-D27099F8AE03}"/>
          </ac:spMkLst>
        </pc:spChg>
        <pc:spChg chg="add del mod">
          <ac:chgData name="Sara Mastrorosa" userId="d159c406-3740-4568-9f4d-6092b2495d2a" providerId="ADAL" clId="{8B86413B-2A1A-4226-BE53-109F0A4E8237}" dt="2023-09-26T12:47:20.707" v="7659" actId="478"/>
          <ac:spMkLst>
            <pc:docMk/>
            <pc:sldMk cId="1399112610" sldId="264"/>
            <ac:spMk id="71" creationId="{8D97E555-65E9-EE6B-726A-C82905666AE9}"/>
          </ac:spMkLst>
        </pc:spChg>
        <pc:spChg chg="add del mod">
          <ac:chgData name="Sara Mastrorosa" userId="d159c406-3740-4568-9f4d-6092b2495d2a" providerId="ADAL" clId="{8B86413B-2A1A-4226-BE53-109F0A4E8237}" dt="2023-09-26T12:47:20.707" v="7659" actId="478"/>
          <ac:spMkLst>
            <pc:docMk/>
            <pc:sldMk cId="1399112610" sldId="264"/>
            <ac:spMk id="72" creationId="{960D0E06-88BA-F1E0-C3AB-20DE02A39C99}"/>
          </ac:spMkLst>
        </pc:spChg>
        <pc:spChg chg="add del mod">
          <ac:chgData name="Sara Mastrorosa" userId="d159c406-3740-4568-9f4d-6092b2495d2a" providerId="ADAL" clId="{8B86413B-2A1A-4226-BE53-109F0A4E8237}" dt="2023-09-26T12:47:20.707" v="7659" actId="478"/>
          <ac:spMkLst>
            <pc:docMk/>
            <pc:sldMk cId="1399112610" sldId="264"/>
            <ac:spMk id="74" creationId="{29F216F6-8A73-03B2-09CB-99E6D033D739}"/>
          </ac:spMkLst>
        </pc:spChg>
        <pc:spChg chg="add del mod">
          <ac:chgData name="Sara Mastrorosa" userId="d159c406-3740-4568-9f4d-6092b2495d2a" providerId="ADAL" clId="{8B86413B-2A1A-4226-BE53-109F0A4E8237}" dt="2023-09-26T12:47:20.707" v="7659" actId="478"/>
          <ac:spMkLst>
            <pc:docMk/>
            <pc:sldMk cId="1399112610" sldId="264"/>
            <ac:spMk id="75" creationId="{F3B30298-317F-32FA-9134-E0CBBD17CC77}"/>
          </ac:spMkLst>
        </pc:spChg>
        <pc:spChg chg="add del mod">
          <ac:chgData name="Sara Mastrorosa" userId="d159c406-3740-4568-9f4d-6092b2495d2a" providerId="ADAL" clId="{8B86413B-2A1A-4226-BE53-109F0A4E8237}" dt="2023-09-26T12:47:20.707" v="7659" actId="478"/>
          <ac:spMkLst>
            <pc:docMk/>
            <pc:sldMk cId="1399112610" sldId="264"/>
            <ac:spMk id="76" creationId="{FDF209C1-85F2-1C17-6037-1979420BD608}"/>
          </ac:spMkLst>
        </pc:spChg>
        <pc:spChg chg="add del mod">
          <ac:chgData name="Sara Mastrorosa" userId="d159c406-3740-4568-9f4d-6092b2495d2a" providerId="ADAL" clId="{8B86413B-2A1A-4226-BE53-109F0A4E8237}" dt="2023-09-26T12:47:20.707" v="7659" actId="478"/>
          <ac:spMkLst>
            <pc:docMk/>
            <pc:sldMk cId="1399112610" sldId="264"/>
            <ac:spMk id="77" creationId="{E4978B44-2ADF-CEE2-C075-EC348154AEAA}"/>
          </ac:spMkLst>
        </pc:spChg>
        <pc:spChg chg="add del mod">
          <ac:chgData name="Sara Mastrorosa" userId="d159c406-3740-4568-9f4d-6092b2495d2a" providerId="ADAL" clId="{8B86413B-2A1A-4226-BE53-109F0A4E8237}" dt="2023-09-26T12:47:20.707" v="7659" actId="478"/>
          <ac:spMkLst>
            <pc:docMk/>
            <pc:sldMk cId="1399112610" sldId="264"/>
            <ac:spMk id="82" creationId="{04157FA7-2C62-705A-EA7B-2E9E00C2A774}"/>
          </ac:spMkLst>
        </pc:spChg>
        <pc:spChg chg="add del mod">
          <ac:chgData name="Sara Mastrorosa" userId="d159c406-3740-4568-9f4d-6092b2495d2a" providerId="ADAL" clId="{8B86413B-2A1A-4226-BE53-109F0A4E8237}" dt="2023-09-26T12:47:20.707" v="7659" actId="478"/>
          <ac:spMkLst>
            <pc:docMk/>
            <pc:sldMk cId="1399112610" sldId="264"/>
            <ac:spMk id="83" creationId="{767E2520-F836-BD3A-D160-B9ABAF99B2AB}"/>
          </ac:spMkLst>
        </pc:spChg>
        <pc:spChg chg="add del mod">
          <ac:chgData name="Sara Mastrorosa" userId="d159c406-3740-4568-9f4d-6092b2495d2a" providerId="ADAL" clId="{8B86413B-2A1A-4226-BE53-109F0A4E8237}" dt="2023-09-26T12:47:20.707" v="7659" actId="478"/>
          <ac:spMkLst>
            <pc:docMk/>
            <pc:sldMk cId="1399112610" sldId="264"/>
            <ac:spMk id="84" creationId="{D7FA1CEF-E75E-5755-1396-C7C87085E2FA}"/>
          </ac:spMkLst>
        </pc:spChg>
        <pc:spChg chg="add del mod">
          <ac:chgData name="Sara Mastrorosa" userId="d159c406-3740-4568-9f4d-6092b2495d2a" providerId="ADAL" clId="{8B86413B-2A1A-4226-BE53-109F0A4E8237}" dt="2023-09-26T12:47:25.272" v="7663"/>
          <ac:spMkLst>
            <pc:docMk/>
            <pc:sldMk cId="1399112610" sldId="264"/>
            <ac:spMk id="86" creationId="{B4C9FDE9-28C6-9D37-C437-9F2BA54DF5A1}"/>
          </ac:spMkLst>
        </pc:spChg>
        <pc:spChg chg="add del mod">
          <ac:chgData name="Sara Mastrorosa" userId="d159c406-3740-4568-9f4d-6092b2495d2a" providerId="ADAL" clId="{8B86413B-2A1A-4226-BE53-109F0A4E8237}" dt="2023-09-26T12:47:25.272" v="7663"/>
          <ac:spMkLst>
            <pc:docMk/>
            <pc:sldMk cId="1399112610" sldId="264"/>
            <ac:spMk id="87" creationId="{0575A84E-3122-2474-148F-BCA88CD0DBB6}"/>
          </ac:spMkLst>
        </pc:spChg>
        <pc:spChg chg="add del mod">
          <ac:chgData name="Sara Mastrorosa" userId="d159c406-3740-4568-9f4d-6092b2495d2a" providerId="ADAL" clId="{8B86413B-2A1A-4226-BE53-109F0A4E8237}" dt="2023-09-26T12:47:25.272" v="7663"/>
          <ac:spMkLst>
            <pc:docMk/>
            <pc:sldMk cId="1399112610" sldId="264"/>
            <ac:spMk id="88" creationId="{340F3E33-2AF1-FA84-6ACD-5C8B51985EC2}"/>
          </ac:spMkLst>
        </pc:spChg>
        <pc:spChg chg="add del mod">
          <ac:chgData name="Sara Mastrorosa" userId="d159c406-3740-4568-9f4d-6092b2495d2a" providerId="ADAL" clId="{8B86413B-2A1A-4226-BE53-109F0A4E8237}" dt="2023-09-26T12:47:25.272" v="7663"/>
          <ac:spMkLst>
            <pc:docMk/>
            <pc:sldMk cId="1399112610" sldId="264"/>
            <ac:spMk id="89" creationId="{2235A424-DC6A-580C-75BC-995053D2F787}"/>
          </ac:spMkLst>
        </pc:spChg>
        <pc:spChg chg="add del mod">
          <ac:chgData name="Sara Mastrorosa" userId="d159c406-3740-4568-9f4d-6092b2495d2a" providerId="ADAL" clId="{8B86413B-2A1A-4226-BE53-109F0A4E8237}" dt="2023-09-26T12:47:25.272" v="7663"/>
          <ac:spMkLst>
            <pc:docMk/>
            <pc:sldMk cId="1399112610" sldId="264"/>
            <ac:spMk id="90" creationId="{6FD21BCE-01FA-C15F-B086-2834E5216EF6}"/>
          </ac:spMkLst>
        </pc:spChg>
        <pc:spChg chg="add del mod">
          <ac:chgData name="Sara Mastrorosa" userId="d159c406-3740-4568-9f4d-6092b2495d2a" providerId="ADAL" clId="{8B86413B-2A1A-4226-BE53-109F0A4E8237}" dt="2023-09-26T12:47:25.272" v="7663"/>
          <ac:spMkLst>
            <pc:docMk/>
            <pc:sldMk cId="1399112610" sldId="264"/>
            <ac:spMk id="91" creationId="{89835874-A91D-2D1A-F28D-7D760B17463B}"/>
          </ac:spMkLst>
        </pc:spChg>
        <pc:spChg chg="add del mod">
          <ac:chgData name="Sara Mastrorosa" userId="d159c406-3740-4568-9f4d-6092b2495d2a" providerId="ADAL" clId="{8B86413B-2A1A-4226-BE53-109F0A4E8237}" dt="2023-09-26T12:47:25.272" v="7663"/>
          <ac:spMkLst>
            <pc:docMk/>
            <pc:sldMk cId="1399112610" sldId="264"/>
            <ac:spMk id="92" creationId="{D562FCE9-4FAD-2170-7033-A4974E003753}"/>
          </ac:spMkLst>
        </pc:spChg>
        <pc:spChg chg="add del mod">
          <ac:chgData name="Sara Mastrorosa" userId="d159c406-3740-4568-9f4d-6092b2495d2a" providerId="ADAL" clId="{8B86413B-2A1A-4226-BE53-109F0A4E8237}" dt="2023-09-26T12:47:25.272" v="7663"/>
          <ac:spMkLst>
            <pc:docMk/>
            <pc:sldMk cId="1399112610" sldId="264"/>
            <ac:spMk id="93" creationId="{07B5F578-D5F4-C6ED-7721-6AE5199F9362}"/>
          </ac:spMkLst>
        </pc:spChg>
        <pc:spChg chg="add del mod">
          <ac:chgData name="Sara Mastrorosa" userId="d159c406-3740-4568-9f4d-6092b2495d2a" providerId="ADAL" clId="{8B86413B-2A1A-4226-BE53-109F0A4E8237}" dt="2023-09-26T12:47:25.272" v="7663"/>
          <ac:spMkLst>
            <pc:docMk/>
            <pc:sldMk cId="1399112610" sldId="264"/>
            <ac:spMk id="102" creationId="{14DE1958-529C-9FB5-C25E-5E9D3DE9DB97}"/>
          </ac:spMkLst>
        </pc:spChg>
        <pc:spChg chg="add del mod">
          <ac:chgData name="Sara Mastrorosa" userId="d159c406-3740-4568-9f4d-6092b2495d2a" providerId="ADAL" clId="{8B86413B-2A1A-4226-BE53-109F0A4E8237}" dt="2023-09-26T12:47:25.272" v="7663"/>
          <ac:spMkLst>
            <pc:docMk/>
            <pc:sldMk cId="1399112610" sldId="264"/>
            <ac:spMk id="103" creationId="{FF189FD8-4603-50A8-6595-48889BA5F959}"/>
          </ac:spMkLst>
        </pc:spChg>
        <pc:spChg chg="add del mod">
          <ac:chgData name="Sara Mastrorosa" userId="d159c406-3740-4568-9f4d-6092b2495d2a" providerId="ADAL" clId="{8B86413B-2A1A-4226-BE53-109F0A4E8237}" dt="2023-09-26T12:47:25.272" v="7663"/>
          <ac:spMkLst>
            <pc:docMk/>
            <pc:sldMk cId="1399112610" sldId="264"/>
            <ac:spMk id="104" creationId="{4206ADCA-CAC3-6CC6-5B59-DD631A396DF9}"/>
          </ac:spMkLst>
        </pc:spChg>
        <pc:spChg chg="add del mod">
          <ac:chgData name="Sara Mastrorosa" userId="d159c406-3740-4568-9f4d-6092b2495d2a" providerId="ADAL" clId="{8B86413B-2A1A-4226-BE53-109F0A4E8237}" dt="2023-09-26T12:47:25.272" v="7663"/>
          <ac:spMkLst>
            <pc:docMk/>
            <pc:sldMk cId="1399112610" sldId="264"/>
            <ac:spMk id="105" creationId="{27CCE0DD-559C-0D14-A211-BE882623EE72}"/>
          </ac:spMkLst>
        </pc:spChg>
        <pc:spChg chg="add del mod">
          <ac:chgData name="Sara Mastrorosa" userId="d159c406-3740-4568-9f4d-6092b2495d2a" providerId="ADAL" clId="{8B86413B-2A1A-4226-BE53-109F0A4E8237}" dt="2023-09-26T12:47:25.272" v="7663"/>
          <ac:spMkLst>
            <pc:docMk/>
            <pc:sldMk cId="1399112610" sldId="264"/>
            <ac:spMk id="106" creationId="{45F31524-2377-8988-73D4-939AF5BBA493}"/>
          </ac:spMkLst>
        </pc:spChg>
        <pc:spChg chg="add del mod">
          <ac:chgData name="Sara Mastrorosa" userId="d159c406-3740-4568-9f4d-6092b2495d2a" providerId="ADAL" clId="{8B86413B-2A1A-4226-BE53-109F0A4E8237}" dt="2023-09-26T12:47:25.272" v="7663"/>
          <ac:spMkLst>
            <pc:docMk/>
            <pc:sldMk cId="1399112610" sldId="264"/>
            <ac:spMk id="108" creationId="{B28DB6F2-0F8D-6980-E5F7-2EFDEB8CCC4E}"/>
          </ac:spMkLst>
        </pc:spChg>
        <pc:spChg chg="add del mod">
          <ac:chgData name="Sara Mastrorosa" userId="d159c406-3740-4568-9f4d-6092b2495d2a" providerId="ADAL" clId="{8B86413B-2A1A-4226-BE53-109F0A4E8237}" dt="2023-09-26T12:47:25.272" v="7663"/>
          <ac:spMkLst>
            <pc:docMk/>
            <pc:sldMk cId="1399112610" sldId="264"/>
            <ac:spMk id="109" creationId="{51848234-169D-E8DD-4232-CDE152D2AA7A}"/>
          </ac:spMkLst>
        </pc:spChg>
        <pc:spChg chg="add del mod">
          <ac:chgData name="Sara Mastrorosa" userId="d159c406-3740-4568-9f4d-6092b2495d2a" providerId="ADAL" clId="{8B86413B-2A1A-4226-BE53-109F0A4E8237}" dt="2023-09-26T12:47:25.272" v="7663"/>
          <ac:spMkLst>
            <pc:docMk/>
            <pc:sldMk cId="1399112610" sldId="264"/>
            <ac:spMk id="110" creationId="{FBC4C0D4-9796-2F1B-B9DE-84E5A1328468}"/>
          </ac:spMkLst>
        </pc:spChg>
        <pc:spChg chg="add del mod">
          <ac:chgData name="Sara Mastrorosa" userId="d159c406-3740-4568-9f4d-6092b2495d2a" providerId="ADAL" clId="{8B86413B-2A1A-4226-BE53-109F0A4E8237}" dt="2023-09-26T12:47:25.272" v="7663"/>
          <ac:spMkLst>
            <pc:docMk/>
            <pc:sldMk cId="1399112610" sldId="264"/>
            <ac:spMk id="111" creationId="{C9EFB3E0-FFCE-A459-B4F3-046409F0A650}"/>
          </ac:spMkLst>
        </pc:spChg>
        <pc:spChg chg="add del mod">
          <ac:chgData name="Sara Mastrorosa" userId="d159c406-3740-4568-9f4d-6092b2495d2a" providerId="ADAL" clId="{8B86413B-2A1A-4226-BE53-109F0A4E8237}" dt="2023-09-26T12:47:25.272" v="7663"/>
          <ac:spMkLst>
            <pc:docMk/>
            <pc:sldMk cId="1399112610" sldId="264"/>
            <ac:spMk id="116" creationId="{B16C0702-36A1-A9D4-2122-FD63DF8A7170}"/>
          </ac:spMkLst>
        </pc:spChg>
        <pc:spChg chg="add del mod">
          <ac:chgData name="Sara Mastrorosa" userId="d159c406-3740-4568-9f4d-6092b2495d2a" providerId="ADAL" clId="{8B86413B-2A1A-4226-BE53-109F0A4E8237}" dt="2023-09-26T12:47:25.272" v="7663"/>
          <ac:spMkLst>
            <pc:docMk/>
            <pc:sldMk cId="1399112610" sldId="264"/>
            <ac:spMk id="117" creationId="{8EEFE017-38AF-94A4-5968-9B50129D2C17}"/>
          </ac:spMkLst>
        </pc:spChg>
        <pc:spChg chg="add del mod">
          <ac:chgData name="Sara Mastrorosa" userId="d159c406-3740-4568-9f4d-6092b2495d2a" providerId="ADAL" clId="{8B86413B-2A1A-4226-BE53-109F0A4E8237}" dt="2023-09-26T12:47:25.272" v="7663"/>
          <ac:spMkLst>
            <pc:docMk/>
            <pc:sldMk cId="1399112610" sldId="264"/>
            <ac:spMk id="118" creationId="{FA3AF835-87D8-D3AA-7D8D-A2135B844165}"/>
          </ac:spMkLst>
        </pc:spChg>
        <pc:spChg chg="add mod">
          <ac:chgData name="Sara Mastrorosa" userId="d159c406-3740-4568-9f4d-6092b2495d2a" providerId="ADAL" clId="{8B86413B-2A1A-4226-BE53-109F0A4E8237}" dt="2023-09-28T14:03:43.132" v="21373" actId="164"/>
          <ac:spMkLst>
            <pc:docMk/>
            <pc:sldMk cId="1399112610" sldId="264"/>
            <ac:spMk id="120" creationId="{3D083F40-7EE6-3FD4-C9FF-9B8B3763CB73}"/>
          </ac:spMkLst>
        </pc:spChg>
        <pc:spChg chg="add mod">
          <ac:chgData name="Sara Mastrorosa" userId="d159c406-3740-4568-9f4d-6092b2495d2a" providerId="ADAL" clId="{8B86413B-2A1A-4226-BE53-109F0A4E8237}" dt="2023-09-28T14:03:43.132" v="21373" actId="164"/>
          <ac:spMkLst>
            <pc:docMk/>
            <pc:sldMk cId="1399112610" sldId="264"/>
            <ac:spMk id="121" creationId="{B6674765-0F41-12CF-6B14-C302280C8ECB}"/>
          </ac:spMkLst>
        </pc:spChg>
        <pc:spChg chg="add mod">
          <ac:chgData name="Sara Mastrorosa" userId="d159c406-3740-4568-9f4d-6092b2495d2a" providerId="ADAL" clId="{8B86413B-2A1A-4226-BE53-109F0A4E8237}" dt="2023-09-28T14:03:43.132" v="21373" actId="164"/>
          <ac:spMkLst>
            <pc:docMk/>
            <pc:sldMk cId="1399112610" sldId="264"/>
            <ac:spMk id="122" creationId="{BE744345-ACF3-A704-367B-09F9F7DF08D3}"/>
          </ac:spMkLst>
        </pc:spChg>
        <pc:spChg chg="add mod">
          <ac:chgData name="Sara Mastrorosa" userId="d159c406-3740-4568-9f4d-6092b2495d2a" providerId="ADAL" clId="{8B86413B-2A1A-4226-BE53-109F0A4E8237}" dt="2023-09-28T14:03:43.132" v="21373" actId="164"/>
          <ac:spMkLst>
            <pc:docMk/>
            <pc:sldMk cId="1399112610" sldId="264"/>
            <ac:spMk id="123" creationId="{B3285F39-8783-919A-18FF-17AECEA5F0DF}"/>
          </ac:spMkLst>
        </pc:spChg>
        <pc:spChg chg="add mod">
          <ac:chgData name="Sara Mastrorosa" userId="d159c406-3740-4568-9f4d-6092b2495d2a" providerId="ADAL" clId="{8B86413B-2A1A-4226-BE53-109F0A4E8237}" dt="2023-09-28T14:03:43.132" v="21373" actId="164"/>
          <ac:spMkLst>
            <pc:docMk/>
            <pc:sldMk cId="1399112610" sldId="264"/>
            <ac:spMk id="124" creationId="{9F95BB9D-5332-DE69-CD6F-6D85F9C24360}"/>
          </ac:spMkLst>
        </pc:spChg>
        <pc:spChg chg="add mod">
          <ac:chgData name="Sara Mastrorosa" userId="d159c406-3740-4568-9f4d-6092b2495d2a" providerId="ADAL" clId="{8B86413B-2A1A-4226-BE53-109F0A4E8237}" dt="2023-09-28T14:03:43.132" v="21373" actId="164"/>
          <ac:spMkLst>
            <pc:docMk/>
            <pc:sldMk cId="1399112610" sldId="264"/>
            <ac:spMk id="125" creationId="{F17834DC-E0DF-BEB7-CB49-C5A484E18FBD}"/>
          </ac:spMkLst>
        </pc:spChg>
        <pc:spChg chg="add mod">
          <ac:chgData name="Sara Mastrorosa" userId="d159c406-3740-4568-9f4d-6092b2495d2a" providerId="ADAL" clId="{8B86413B-2A1A-4226-BE53-109F0A4E8237}" dt="2023-09-28T14:03:43.132" v="21373" actId="164"/>
          <ac:spMkLst>
            <pc:docMk/>
            <pc:sldMk cId="1399112610" sldId="264"/>
            <ac:spMk id="126" creationId="{BC81ADB7-A2F2-4DE7-F824-16A42F63A145}"/>
          </ac:spMkLst>
        </pc:spChg>
        <pc:spChg chg="add mod">
          <ac:chgData name="Sara Mastrorosa" userId="d159c406-3740-4568-9f4d-6092b2495d2a" providerId="ADAL" clId="{8B86413B-2A1A-4226-BE53-109F0A4E8237}" dt="2023-09-28T14:03:43.132" v="21373" actId="164"/>
          <ac:spMkLst>
            <pc:docMk/>
            <pc:sldMk cId="1399112610" sldId="264"/>
            <ac:spMk id="127" creationId="{04DBE0E7-D372-9D57-9AF8-B747A70B46E2}"/>
          </ac:spMkLst>
        </pc:spChg>
        <pc:spChg chg="add mod">
          <ac:chgData name="Sara Mastrorosa" userId="d159c406-3740-4568-9f4d-6092b2495d2a" providerId="ADAL" clId="{8B86413B-2A1A-4226-BE53-109F0A4E8237}" dt="2023-09-28T14:03:43.132" v="21373" actId="164"/>
          <ac:spMkLst>
            <pc:docMk/>
            <pc:sldMk cId="1399112610" sldId="264"/>
            <ac:spMk id="136" creationId="{253BDB1B-F892-EECA-1555-2C4ACEDD1A1C}"/>
          </ac:spMkLst>
        </pc:spChg>
        <pc:spChg chg="add mod">
          <ac:chgData name="Sara Mastrorosa" userId="d159c406-3740-4568-9f4d-6092b2495d2a" providerId="ADAL" clId="{8B86413B-2A1A-4226-BE53-109F0A4E8237}" dt="2023-09-28T14:03:43.132" v="21373" actId="164"/>
          <ac:spMkLst>
            <pc:docMk/>
            <pc:sldMk cId="1399112610" sldId="264"/>
            <ac:spMk id="137" creationId="{54B953B1-708E-4961-E14A-F9393808F20F}"/>
          </ac:spMkLst>
        </pc:spChg>
        <pc:spChg chg="add mod">
          <ac:chgData name="Sara Mastrorosa" userId="d159c406-3740-4568-9f4d-6092b2495d2a" providerId="ADAL" clId="{8B86413B-2A1A-4226-BE53-109F0A4E8237}" dt="2023-09-28T14:03:43.132" v="21373" actId="164"/>
          <ac:spMkLst>
            <pc:docMk/>
            <pc:sldMk cId="1399112610" sldId="264"/>
            <ac:spMk id="138" creationId="{64E41DDF-17B9-C036-8512-558C5EBDB799}"/>
          </ac:spMkLst>
        </pc:spChg>
        <pc:spChg chg="add mod">
          <ac:chgData name="Sara Mastrorosa" userId="d159c406-3740-4568-9f4d-6092b2495d2a" providerId="ADAL" clId="{8B86413B-2A1A-4226-BE53-109F0A4E8237}" dt="2023-09-28T14:03:43.132" v="21373" actId="164"/>
          <ac:spMkLst>
            <pc:docMk/>
            <pc:sldMk cId="1399112610" sldId="264"/>
            <ac:spMk id="139" creationId="{3882DA0B-D6CD-208C-2E11-FD02781347A4}"/>
          </ac:spMkLst>
        </pc:spChg>
        <pc:spChg chg="add mod">
          <ac:chgData name="Sara Mastrorosa" userId="d159c406-3740-4568-9f4d-6092b2495d2a" providerId="ADAL" clId="{8B86413B-2A1A-4226-BE53-109F0A4E8237}" dt="2023-09-28T14:03:43.132" v="21373" actId="164"/>
          <ac:spMkLst>
            <pc:docMk/>
            <pc:sldMk cId="1399112610" sldId="264"/>
            <ac:spMk id="140" creationId="{6E435C94-E2E2-C4DA-8834-13C12D1D3054}"/>
          </ac:spMkLst>
        </pc:spChg>
        <pc:spChg chg="add mod">
          <ac:chgData name="Sara Mastrorosa" userId="d159c406-3740-4568-9f4d-6092b2495d2a" providerId="ADAL" clId="{8B86413B-2A1A-4226-BE53-109F0A4E8237}" dt="2023-09-28T14:03:43.132" v="21373" actId="164"/>
          <ac:spMkLst>
            <pc:docMk/>
            <pc:sldMk cId="1399112610" sldId="264"/>
            <ac:spMk id="142" creationId="{57553E92-C22A-9532-DC16-60E602E143E7}"/>
          </ac:spMkLst>
        </pc:spChg>
        <pc:spChg chg="add mod">
          <ac:chgData name="Sara Mastrorosa" userId="d159c406-3740-4568-9f4d-6092b2495d2a" providerId="ADAL" clId="{8B86413B-2A1A-4226-BE53-109F0A4E8237}" dt="2023-09-28T14:03:43.132" v="21373" actId="164"/>
          <ac:spMkLst>
            <pc:docMk/>
            <pc:sldMk cId="1399112610" sldId="264"/>
            <ac:spMk id="143" creationId="{0D2CA968-442B-DBB4-140F-14F399312EAF}"/>
          </ac:spMkLst>
        </pc:spChg>
        <pc:spChg chg="add mod">
          <ac:chgData name="Sara Mastrorosa" userId="d159c406-3740-4568-9f4d-6092b2495d2a" providerId="ADAL" clId="{8B86413B-2A1A-4226-BE53-109F0A4E8237}" dt="2023-09-28T14:03:43.132" v="21373" actId="164"/>
          <ac:spMkLst>
            <pc:docMk/>
            <pc:sldMk cId="1399112610" sldId="264"/>
            <ac:spMk id="144" creationId="{17133373-5BD7-6169-6C34-FD7E360E1D97}"/>
          </ac:spMkLst>
        </pc:spChg>
        <pc:spChg chg="add mod">
          <ac:chgData name="Sara Mastrorosa" userId="d159c406-3740-4568-9f4d-6092b2495d2a" providerId="ADAL" clId="{8B86413B-2A1A-4226-BE53-109F0A4E8237}" dt="2023-09-28T14:03:43.132" v="21373" actId="164"/>
          <ac:spMkLst>
            <pc:docMk/>
            <pc:sldMk cId="1399112610" sldId="264"/>
            <ac:spMk id="145" creationId="{C382127E-5E02-EE13-9280-F43E752F5F5A}"/>
          </ac:spMkLst>
        </pc:spChg>
        <pc:spChg chg="add mod">
          <ac:chgData name="Sara Mastrorosa" userId="d159c406-3740-4568-9f4d-6092b2495d2a" providerId="ADAL" clId="{8B86413B-2A1A-4226-BE53-109F0A4E8237}" dt="2023-09-28T14:03:43.132" v="21373" actId="164"/>
          <ac:spMkLst>
            <pc:docMk/>
            <pc:sldMk cId="1399112610" sldId="264"/>
            <ac:spMk id="150" creationId="{4C16708E-110E-8915-9741-391CDE806FE3}"/>
          </ac:spMkLst>
        </pc:spChg>
        <pc:spChg chg="add mod">
          <ac:chgData name="Sara Mastrorosa" userId="d159c406-3740-4568-9f4d-6092b2495d2a" providerId="ADAL" clId="{8B86413B-2A1A-4226-BE53-109F0A4E8237}" dt="2023-09-28T14:03:43.132" v="21373" actId="164"/>
          <ac:spMkLst>
            <pc:docMk/>
            <pc:sldMk cId="1399112610" sldId="264"/>
            <ac:spMk id="151" creationId="{41752121-0347-661B-4562-F52EB591689A}"/>
          </ac:spMkLst>
        </pc:spChg>
        <pc:spChg chg="add mod">
          <ac:chgData name="Sara Mastrorosa" userId="d159c406-3740-4568-9f4d-6092b2495d2a" providerId="ADAL" clId="{8B86413B-2A1A-4226-BE53-109F0A4E8237}" dt="2023-09-28T14:03:43.132" v="21373" actId="164"/>
          <ac:spMkLst>
            <pc:docMk/>
            <pc:sldMk cId="1399112610" sldId="264"/>
            <ac:spMk id="152" creationId="{CA844E4E-C575-5C70-74E3-E00D2CB760EB}"/>
          </ac:spMkLst>
        </pc:spChg>
        <pc:grpChg chg="add mod">
          <ac:chgData name="Sara Mastrorosa" userId="d159c406-3740-4568-9f4d-6092b2495d2a" providerId="ADAL" clId="{8B86413B-2A1A-4226-BE53-109F0A4E8237}" dt="2023-09-28T14:03:43.132" v="21373" actId="164"/>
          <ac:grpSpMkLst>
            <pc:docMk/>
            <pc:sldMk cId="1399112610" sldId="264"/>
            <ac:grpSpMk id="8" creationId="{057198B4-CD15-2FEE-352A-8B2949C8BDCF}"/>
          </ac:grpSpMkLst>
        </pc:grpChg>
        <pc:graphicFrameChg chg="add del mod">
          <ac:chgData name="Sara Mastrorosa" userId="d159c406-3740-4568-9f4d-6092b2495d2a" providerId="ADAL" clId="{8B86413B-2A1A-4226-BE53-109F0A4E8237}" dt="2023-09-26T12:46:29.587" v="7651"/>
          <ac:graphicFrameMkLst>
            <pc:docMk/>
            <pc:sldMk cId="1399112610" sldId="264"/>
            <ac:graphicFrameMk id="2" creationId="{AEB99758-E030-69E3-BE8E-1EC1FD564ED7}"/>
          </ac:graphicFrameMkLst>
        </pc:graphicFrameChg>
        <pc:graphicFrameChg chg="add del mod">
          <ac:chgData name="Sara Mastrorosa" userId="d159c406-3740-4568-9f4d-6092b2495d2a" providerId="ADAL" clId="{8B86413B-2A1A-4226-BE53-109F0A4E8237}" dt="2023-09-26T12:47:20.707" v="7659" actId="478"/>
          <ac:graphicFrameMkLst>
            <pc:docMk/>
            <pc:sldMk cId="1399112610" sldId="264"/>
            <ac:graphicFrameMk id="40" creationId="{567A4FA7-EE99-701E-BA64-D2BCC50A173E}"/>
          </ac:graphicFrameMkLst>
        </pc:graphicFrameChg>
        <pc:graphicFrameChg chg="del">
          <ac:chgData name="Sara Mastrorosa" userId="d159c406-3740-4568-9f4d-6092b2495d2a" providerId="ADAL" clId="{8B86413B-2A1A-4226-BE53-109F0A4E8237}" dt="2023-09-26T10:00:30.176" v="6770" actId="478"/>
          <ac:graphicFrameMkLst>
            <pc:docMk/>
            <pc:sldMk cId="1399112610" sldId="264"/>
            <ac:graphicFrameMk id="60" creationId="{345EF9AE-A396-C055-9E2D-D3DC99E628AD}"/>
          </ac:graphicFrameMkLst>
        </pc:graphicFrameChg>
        <pc:graphicFrameChg chg="del">
          <ac:chgData name="Sara Mastrorosa" userId="d159c406-3740-4568-9f4d-6092b2495d2a" providerId="ADAL" clId="{8B86413B-2A1A-4226-BE53-109F0A4E8237}" dt="2023-09-26T10:00:30.176" v="6770" actId="478"/>
          <ac:graphicFrameMkLst>
            <pc:docMk/>
            <pc:sldMk cId="1399112610" sldId="264"/>
            <ac:graphicFrameMk id="61" creationId="{1E858D49-9F40-3667-4010-A9812F13011C}"/>
          </ac:graphicFrameMkLst>
        </pc:graphicFrameChg>
        <pc:graphicFrameChg chg="del">
          <ac:chgData name="Sara Mastrorosa" userId="d159c406-3740-4568-9f4d-6092b2495d2a" providerId="ADAL" clId="{8B86413B-2A1A-4226-BE53-109F0A4E8237}" dt="2023-09-26T10:00:30.176" v="6770" actId="478"/>
          <ac:graphicFrameMkLst>
            <pc:docMk/>
            <pc:sldMk cId="1399112610" sldId="264"/>
            <ac:graphicFrameMk id="63" creationId="{F83042FF-8F7A-1789-BDC3-57EA05B9A4F0}"/>
          </ac:graphicFrameMkLst>
        </pc:graphicFrameChg>
        <pc:graphicFrameChg chg="del">
          <ac:chgData name="Sara Mastrorosa" userId="d159c406-3740-4568-9f4d-6092b2495d2a" providerId="ADAL" clId="{8B86413B-2A1A-4226-BE53-109F0A4E8237}" dt="2023-09-26T10:00:30.176" v="6770" actId="478"/>
          <ac:graphicFrameMkLst>
            <pc:docMk/>
            <pc:sldMk cId="1399112610" sldId="264"/>
            <ac:graphicFrameMk id="64" creationId="{B8CD51C3-0381-65FF-7CBC-B06A82295CA0}"/>
          </ac:graphicFrameMkLst>
        </pc:graphicFrameChg>
        <pc:graphicFrameChg chg="del">
          <ac:chgData name="Sara Mastrorosa" userId="d159c406-3740-4568-9f4d-6092b2495d2a" providerId="ADAL" clId="{8B86413B-2A1A-4226-BE53-109F0A4E8237}" dt="2023-09-26T10:00:30.176" v="6770" actId="478"/>
          <ac:graphicFrameMkLst>
            <pc:docMk/>
            <pc:sldMk cId="1399112610" sldId="264"/>
            <ac:graphicFrameMk id="65" creationId="{993AD83E-7723-133D-CEB7-208272E69D00}"/>
          </ac:graphicFrameMkLst>
        </pc:graphicFrameChg>
        <pc:graphicFrameChg chg="del">
          <ac:chgData name="Sara Mastrorosa" userId="d159c406-3740-4568-9f4d-6092b2495d2a" providerId="ADAL" clId="{8B86413B-2A1A-4226-BE53-109F0A4E8237}" dt="2023-09-26T10:00:30.176" v="6770" actId="478"/>
          <ac:graphicFrameMkLst>
            <pc:docMk/>
            <pc:sldMk cId="1399112610" sldId="264"/>
            <ac:graphicFrameMk id="66" creationId="{056BCEA4-225C-C625-C1F6-DFC4F5C1C537}"/>
          </ac:graphicFrameMkLst>
        </pc:graphicFrameChg>
        <pc:graphicFrameChg chg="add del mod">
          <ac:chgData name="Sara Mastrorosa" userId="d159c406-3740-4568-9f4d-6092b2495d2a" providerId="ADAL" clId="{8B86413B-2A1A-4226-BE53-109F0A4E8237}" dt="2023-09-26T12:47:25.272" v="7663"/>
          <ac:graphicFrameMkLst>
            <pc:docMk/>
            <pc:sldMk cId="1399112610" sldId="264"/>
            <ac:graphicFrameMk id="85" creationId="{26541F5C-8596-429F-5CED-485527C07A1B}"/>
          </ac:graphicFrameMkLst>
        </pc:graphicFrameChg>
        <pc:graphicFrameChg chg="add mod modGraphic">
          <ac:chgData name="Sara Mastrorosa" userId="d159c406-3740-4568-9f4d-6092b2495d2a" providerId="ADAL" clId="{8B86413B-2A1A-4226-BE53-109F0A4E8237}" dt="2023-09-26T13:11:46.946" v="8636" actId="20577"/>
          <ac:graphicFrameMkLst>
            <pc:docMk/>
            <pc:sldMk cId="1399112610" sldId="264"/>
            <ac:graphicFrameMk id="119" creationId="{F68FFC43-0060-D8DE-F346-25AD5534D325}"/>
          </ac:graphicFrameMkLst>
        </pc:graphicFrameChg>
        <pc:picChg chg="add mod">
          <ac:chgData name="Sara Mastrorosa" userId="d159c406-3740-4568-9f4d-6092b2495d2a" providerId="ADAL" clId="{8B86413B-2A1A-4226-BE53-109F0A4E8237}" dt="2023-09-27T12:06:46.008" v="16671"/>
          <ac:picMkLst>
            <pc:docMk/>
            <pc:sldMk cId="1399112610" sldId="264"/>
            <ac:picMk id="2" creationId="{D0A76946-C076-EA77-37DA-169DE3A2F104}"/>
          </ac:picMkLst>
        </pc:picChg>
        <pc:picChg chg="add mod">
          <ac:chgData name="Sara Mastrorosa" userId="d159c406-3740-4568-9f4d-6092b2495d2a" providerId="ADAL" clId="{8B86413B-2A1A-4226-BE53-109F0A4E8237}" dt="2023-09-28T09:07:02.604" v="20149" actId="207"/>
          <ac:picMkLst>
            <pc:docMk/>
            <pc:sldMk cId="1399112610" sldId="264"/>
            <ac:picMk id="7" creationId="{307DBB54-1278-8706-C8D0-6F1D1FA6827D}"/>
          </ac:picMkLst>
        </pc:picChg>
        <pc:picChg chg="add del">
          <ac:chgData name="Sara Mastrorosa" userId="d159c406-3740-4568-9f4d-6092b2495d2a" providerId="ADAL" clId="{8B86413B-2A1A-4226-BE53-109F0A4E8237}" dt="2023-09-26T12:46:31.623" v="7653"/>
          <ac:picMkLst>
            <pc:docMk/>
            <pc:sldMk cId="1399112610" sldId="264"/>
            <ac:picMk id="39" creationId="{73D49007-B65E-6BD0-9499-DE2E5A62AEA9}"/>
          </ac:picMkLst>
        </pc:picChg>
        <pc:cxnChg chg="add del mod">
          <ac:chgData name="Sara Mastrorosa" userId="d159c406-3740-4568-9f4d-6092b2495d2a" providerId="ADAL" clId="{8B86413B-2A1A-4226-BE53-109F0A4E8237}" dt="2023-09-26T12:46:29.587" v="7651"/>
          <ac:cxnSpMkLst>
            <pc:docMk/>
            <pc:sldMk cId="1399112610" sldId="264"/>
            <ac:cxnSpMk id="13" creationId="{16D8606D-4337-3885-6B47-39CD6C4F4727}"/>
          </ac:cxnSpMkLst>
        </pc:cxnChg>
        <pc:cxnChg chg="add del mod">
          <ac:chgData name="Sara Mastrorosa" userId="d159c406-3740-4568-9f4d-6092b2495d2a" providerId="ADAL" clId="{8B86413B-2A1A-4226-BE53-109F0A4E8237}" dt="2023-09-26T12:46:29.587" v="7651"/>
          <ac:cxnSpMkLst>
            <pc:docMk/>
            <pc:sldMk cId="1399112610" sldId="264"/>
            <ac:cxnSpMk id="14" creationId="{58A4A7D4-1E8D-516D-D88C-90C97E337148}"/>
          </ac:cxnSpMkLst>
        </pc:cxnChg>
        <pc:cxnChg chg="add del mod">
          <ac:chgData name="Sara Mastrorosa" userId="d159c406-3740-4568-9f4d-6092b2495d2a" providerId="ADAL" clId="{8B86413B-2A1A-4226-BE53-109F0A4E8237}" dt="2023-09-26T12:46:29.587" v="7651"/>
          <ac:cxnSpMkLst>
            <pc:docMk/>
            <pc:sldMk cId="1399112610" sldId="264"/>
            <ac:cxnSpMk id="15" creationId="{CCB294DC-9A26-6238-BBA2-5DB983B82F23}"/>
          </ac:cxnSpMkLst>
        </pc:cxnChg>
        <pc:cxnChg chg="add del mod">
          <ac:chgData name="Sara Mastrorosa" userId="d159c406-3740-4568-9f4d-6092b2495d2a" providerId="ADAL" clId="{8B86413B-2A1A-4226-BE53-109F0A4E8237}" dt="2023-09-26T12:46:29.587" v="7651"/>
          <ac:cxnSpMkLst>
            <pc:docMk/>
            <pc:sldMk cId="1399112610" sldId="264"/>
            <ac:cxnSpMk id="16" creationId="{7AD89B52-8A4A-B464-9FEF-6E2C6025C8C9}"/>
          </ac:cxnSpMkLst>
        </pc:cxnChg>
        <pc:cxnChg chg="add del mod">
          <ac:chgData name="Sara Mastrorosa" userId="d159c406-3740-4568-9f4d-6092b2495d2a" providerId="ADAL" clId="{8B86413B-2A1A-4226-BE53-109F0A4E8237}" dt="2023-09-26T12:46:29.587" v="7651"/>
          <ac:cxnSpMkLst>
            <pc:docMk/>
            <pc:sldMk cId="1399112610" sldId="264"/>
            <ac:cxnSpMk id="17" creationId="{6495D1F4-82D6-A7FA-B26A-59A77D1646D1}"/>
          </ac:cxnSpMkLst>
        </pc:cxnChg>
        <pc:cxnChg chg="add del mod">
          <ac:chgData name="Sara Mastrorosa" userId="d159c406-3740-4568-9f4d-6092b2495d2a" providerId="ADAL" clId="{8B86413B-2A1A-4226-BE53-109F0A4E8237}" dt="2023-09-26T12:46:29.587" v="7651"/>
          <ac:cxnSpMkLst>
            <pc:docMk/>
            <pc:sldMk cId="1399112610" sldId="264"/>
            <ac:cxnSpMk id="18" creationId="{EA4295AE-4856-C4EB-DD18-456FB52EC0D9}"/>
          </ac:cxnSpMkLst>
        </pc:cxnChg>
        <pc:cxnChg chg="add del mod">
          <ac:chgData name="Sara Mastrorosa" userId="d159c406-3740-4568-9f4d-6092b2495d2a" providerId="ADAL" clId="{8B86413B-2A1A-4226-BE53-109F0A4E8237}" dt="2023-09-26T12:46:29.587" v="7651"/>
          <ac:cxnSpMkLst>
            <pc:docMk/>
            <pc:sldMk cId="1399112610" sldId="264"/>
            <ac:cxnSpMk id="19" creationId="{67F09C76-2BE4-A2A0-BB81-3D4831847039}"/>
          </ac:cxnSpMkLst>
        </pc:cxnChg>
        <pc:cxnChg chg="add del mod">
          <ac:chgData name="Sara Mastrorosa" userId="d159c406-3740-4568-9f4d-6092b2495d2a" providerId="ADAL" clId="{8B86413B-2A1A-4226-BE53-109F0A4E8237}" dt="2023-09-26T12:46:29.587" v="7651"/>
          <ac:cxnSpMkLst>
            <pc:docMk/>
            <pc:sldMk cId="1399112610" sldId="264"/>
            <ac:cxnSpMk id="20" creationId="{3EC0402A-850D-4331-48C8-F07D53CE1EC8}"/>
          </ac:cxnSpMkLst>
        </pc:cxnChg>
        <pc:cxnChg chg="add del mod">
          <ac:chgData name="Sara Mastrorosa" userId="d159c406-3740-4568-9f4d-6092b2495d2a" providerId="ADAL" clId="{8B86413B-2A1A-4226-BE53-109F0A4E8237}" dt="2023-09-26T12:46:29.587" v="7651"/>
          <ac:cxnSpMkLst>
            <pc:docMk/>
            <pc:sldMk cId="1399112610" sldId="264"/>
            <ac:cxnSpMk id="26" creationId="{5A13D9F2-C804-2759-2C16-A86753648A2E}"/>
          </ac:cxnSpMkLst>
        </pc:cxnChg>
        <pc:cxnChg chg="add del mod">
          <ac:chgData name="Sara Mastrorosa" userId="d159c406-3740-4568-9f4d-6092b2495d2a" providerId="ADAL" clId="{8B86413B-2A1A-4226-BE53-109F0A4E8237}" dt="2023-09-26T12:46:29.587" v="7651"/>
          <ac:cxnSpMkLst>
            <pc:docMk/>
            <pc:sldMk cId="1399112610" sldId="264"/>
            <ac:cxnSpMk id="31" creationId="{A202DC00-E1B9-3B9B-66E2-AF56FE9FB9D1}"/>
          </ac:cxnSpMkLst>
        </pc:cxnChg>
        <pc:cxnChg chg="add del mod">
          <ac:chgData name="Sara Mastrorosa" userId="d159c406-3740-4568-9f4d-6092b2495d2a" providerId="ADAL" clId="{8B86413B-2A1A-4226-BE53-109F0A4E8237}" dt="2023-09-26T12:46:29.587" v="7651"/>
          <ac:cxnSpMkLst>
            <pc:docMk/>
            <pc:sldMk cId="1399112610" sldId="264"/>
            <ac:cxnSpMk id="32" creationId="{8B986B60-CB18-2CC8-FE3A-E13A563C2AA3}"/>
          </ac:cxnSpMkLst>
        </pc:cxnChg>
        <pc:cxnChg chg="add del mod">
          <ac:chgData name="Sara Mastrorosa" userId="d159c406-3740-4568-9f4d-6092b2495d2a" providerId="ADAL" clId="{8B86413B-2A1A-4226-BE53-109F0A4E8237}" dt="2023-09-26T12:46:29.587" v="7651"/>
          <ac:cxnSpMkLst>
            <pc:docMk/>
            <pc:sldMk cId="1399112610" sldId="264"/>
            <ac:cxnSpMk id="33" creationId="{AA91244C-B1A4-765E-F8E0-B2E65EF43A0C}"/>
          </ac:cxnSpMkLst>
        </pc:cxnChg>
        <pc:cxnChg chg="add del mod">
          <ac:chgData name="Sara Mastrorosa" userId="d159c406-3740-4568-9f4d-6092b2495d2a" providerId="ADAL" clId="{8B86413B-2A1A-4226-BE53-109F0A4E8237}" dt="2023-09-26T12:46:29.587" v="7651"/>
          <ac:cxnSpMkLst>
            <pc:docMk/>
            <pc:sldMk cId="1399112610" sldId="264"/>
            <ac:cxnSpMk id="34" creationId="{74E2F57E-02C8-1C7C-8062-897A20CD35F1}"/>
          </ac:cxnSpMkLst>
        </pc:cxnChg>
        <pc:cxnChg chg="add del mod">
          <ac:chgData name="Sara Mastrorosa" userId="d159c406-3740-4568-9f4d-6092b2495d2a" providerId="ADAL" clId="{8B86413B-2A1A-4226-BE53-109F0A4E8237}" dt="2023-09-26T12:47:20.707" v="7659" actId="478"/>
          <ac:cxnSpMkLst>
            <pc:docMk/>
            <pc:sldMk cId="1399112610" sldId="264"/>
            <ac:cxnSpMk id="49" creationId="{355D8053-4308-A5B0-FC69-DE92B2CEBCB0}"/>
          </ac:cxnSpMkLst>
        </pc:cxnChg>
        <pc:cxnChg chg="add del mod">
          <ac:chgData name="Sara Mastrorosa" userId="d159c406-3740-4568-9f4d-6092b2495d2a" providerId="ADAL" clId="{8B86413B-2A1A-4226-BE53-109F0A4E8237}" dt="2023-09-26T12:47:20.707" v="7659" actId="478"/>
          <ac:cxnSpMkLst>
            <pc:docMk/>
            <pc:sldMk cId="1399112610" sldId="264"/>
            <ac:cxnSpMk id="50" creationId="{1A96D4C9-B60A-D90D-610B-75089C264BE2}"/>
          </ac:cxnSpMkLst>
        </pc:cxnChg>
        <pc:cxnChg chg="add del mod">
          <ac:chgData name="Sara Mastrorosa" userId="d159c406-3740-4568-9f4d-6092b2495d2a" providerId="ADAL" clId="{8B86413B-2A1A-4226-BE53-109F0A4E8237}" dt="2023-09-26T12:47:20.707" v="7659" actId="478"/>
          <ac:cxnSpMkLst>
            <pc:docMk/>
            <pc:sldMk cId="1399112610" sldId="264"/>
            <ac:cxnSpMk id="51" creationId="{FDAE2D5F-8962-64FB-BDDB-30A3C040F32A}"/>
          </ac:cxnSpMkLst>
        </pc:cxnChg>
        <pc:cxnChg chg="add del mod">
          <ac:chgData name="Sara Mastrorosa" userId="d159c406-3740-4568-9f4d-6092b2495d2a" providerId="ADAL" clId="{8B86413B-2A1A-4226-BE53-109F0A4E8237}" dt="2023-09-26T12:47:20.707" v="7659" actId="478"/>
          <ac:cxnSpMkLst>
            <pc:docMk/>
            <pc:sldMk cId="1399112610" sldId="264"/>
            <ac:cxnSpMk id="52" creationId="{588AFD67-85D3-DD97-2CE6-1E09EC2AEDF7}"/>
          </ac:cxnSpMkLst>
        </pc:cxnChg>
        <pc:cxnChg chg="add del mod">
          <ac:chgData name="Sara Mastrorosa" userId="d159c406-3740-4568-9f4d-6092b2495d2a" providerId="ADAL" clId="{8B86413B-2A1A-4226-BE53-109F0A4E8237}" dt="2023-09-26T12:47:20.707" v="7659" actId="478"/>
          <ac:cxnSpMkLst>
            <pc:docMk/>
            <pc:sldMk cId="1399112610" sldId="264"/>
            <ac:cxnSpMk id="53" creationId="{AD106D10-3569-91F7-E6EF-1C0695BCA3D8}"/>
          </ac:cxnSpMkLst>
        </pc:cxnChg>
        <pc:cxnChg chg="add del mod">
          <ac:chgData name="Sara Mastrorosa" userId="d159c406-3740-4568-9f4d-6092b2495d2a" providerId="ADAL" clId="{8B86413B-2A1A-4226-BE53-109F0A4E8237}" dt="2023-09-26T12:47:20.707" v="7659" actId="478"/>
          <ac:cxnSpMkLst>
            <pc:docMk/>
            <pc:sldMk cId="1399112610" sldId="264"/>
            <ac:cxnSpMk id="54" creationId="{059CD2EE-309E-F37D-AB2E-8264A62F9353}"/>
          </ac:cxnSpMkLst>
        </pc:cxnChg>
        <pc:cxnChg chg="add del mod">
          <ac:chgData name="Sara Mastrorosa" userId="d159c406-3740-4568-9f4d-6092b2495d2a" providerId="ADAL" clId="{8B86413B-2A1A-4226-BE53-109F0A4E8237}" dt="2023-09-26T12:47:20.707" v="7659" actId="478"/>
          <ac:cxnSpMkLst>
            <pc:docMk/>
            <pc:sldMk cId="1399112610" sldId="264"/>
            <ac:cxnSpMk id="55" creationId="{7E3A1FA5-9F66-9D80-8F4E-8BBBF00B9DF5}"/>
          </ac:cxnSpMkLst>
        </pc:cxnChg>
        <pc:cxnChg chg="add del mod">
          <ac:chgData name="Sara Mastrorosa" userId="d159c406-3740-4568-9f4d-6092b2495d2a" providerId="ADAL" clId="{8B86413B-2A1A-4226-BE53-109F0A4E8237}" dt="2023-09-26T12:47:20.707" v="7659" actId="478"/>
          <ac:cxnSpMkLst>
            <pc:docMk/>
            <pc:sldMk cId="1399112610" sldId="264"/>
            <ac:cxnSpMk id="56" creationId="{1DA6681C-AAEB-B9DA-15DE-619AE2A39F0F}"/>
          </ac:cxnSpMkLst>
        </pc:cxnChg>
        <pc:cxnChg chg="add del mod">
          <ac:chgData name="Sara Mastrorosa" userId="d159c406-3740-4568-9f4d-6092b2495d2a" providerId="ADAL" clId="{8B86413B-2A1A-4226-BE53-109F0A4E8237}" dt="2023-09-26T12:47:20.707" v="7659" actId="478"/>
          <ac:cxnSpMkLst>
            <pc:docMk/>
            <pc:sldMk cId="1399112610" sldId="264"/>
            <ac:cxnSpMk id="73" creationId="{B38292D2-3FF9-DEDF-9F66-250949F6E540}"/>
          </ac:cxnSpMkLst>
        </pc:cxnChg>
        <pc:cxnChg chg="add del mod">
          <ac:chgData name="Sara Mastrorosa" userId="d159c406-3740-4568-9f4d-6092b2495d2a" providerId="ADAL" clId="{8B86413B-2A1A-4226-BE53-109F0A4E8237}" dt="2023-09-26T12:47:20.707" v="7659" actId="478"/>
          <ac:cxnSpMkLst>
            <pc:docMk/>
            <pc:sldMk cId="1399112610" sldId="264"/>
            <ac:cxnSpMk id="78" creationId="{615A8850-6B78-AA9D-6B21-9F5DD0F62805}"/>
          </ac:cxnSpMkLst>
        </pc:cxnChg>
        <pc:cxnChg chg="add del mod">
          <ac:chgData name="Sara Mastrorosa" userId="d159c406-3740-4568-9f4d-6092b2495d2a" providerId="ADAL" clId="{8B86413B-2A1A-4226-BE53-109F0A4E8237}" dt="2023-09-26T12:47:20.707" v="7659" actId="478"/>
          <ac:cxnSpMkLst>
            <pc:docMk/>
            <pc:sldMk cId="1399112610" sldId="264"/>
            <ac:cxnSpMk id="79" creationId="{2F5F77F0-36CC-D0FC-0FE6-62C13B2FF61B}"/>
          </ac:cxnSpMkLst>
        </pc:cxnChg>
        <pc:cxnChg chg="add del mod">
          <ac:chgData name="Sara Mastrorosa" userId="d159c406-3740-4568-9f4d-6092b2495d2a" providerId="ADAL" clId="{8B86413B-2A1A-4226-BE53-109F0A4E8237}" dt="2023-09-26T12:47:20.707" v="7659" actId="478"/>
          <ac:cxnSpMkLst>
            <pc:docMk/>
            <pc:sldMk cId="1399112610" sldId="264"/>
            <ac:cxnSpMk id="80" creationId="{ACCD3E4C-D5B7-08BC-39FF-9CC900BE8CC4}"/>
          </ac:cxnSpMkLst>
        </pc:cxnChg>
        <pc:cxnChg chg="add del mod">
          <ac:chgData name="Sara Mastrorosa" userId="d159c406-3740-4568-9f4d-6092b2495d2a" providerId="ADAL" clId="{8B86413B-2A1A-4226-BE53-109F0A4E8237}" dt="2023-09-26T12:47:20.707" v="7659" actId="478"/>
          <ac:cxnSpMkLst>
            <pc:docMk/>
            <pc:sldMk cId="1399112610" sldId="264"/>
            <ac:cxnSpMk id="81" creationId="{221FCDBF-DFAA-24B8-4552-587089979EC4}"/>
          </ac:cxnSpMkLst>
        </pc:cxnChg>
        <pc:cxnChg chg="add del mod">
          <ac:chgData name="Sara Mastrorosa" userId="d159c406-3740-4568-9f4d-6092b2495d2a" providerId="ADAL" clId="{8B86413B-2A1A-4226-BE53-109F0A4E8237}" dt="2023-09-26T12:47:25.272" v="7663"/>
          <ac:cxnSpMkLst>
            <pc:docMk/>
            <pc:sldMk cId="1399112610" sldId="264"/>
            <ac:cxnSpMk id="94" creationId="{575A2EA3-9FE3-5DA7-EA5A-BC1EF4CAC1F4}"/>
          </ac:cxnSpMkLst>
        </pc:cxnChg>
        <pc:cxnChg chg="add del mod">
          <ac:chgData name="Sara Mastrorosa" userId="d159c406-3740-4568-9f4d-6092b2495d2a" providerId="ADAL" clId="{8B86413B-2A1A-4226-BE53-109F0A4E8237}" dt="2023-09-26T12:47:25.272" v="7663"/>
          <ac:cxnSpMkLst>
            <pc:docMk/>
            <pc:sldMk cId="1399112610" sldId="264"/>
            <ac:cxnSpMk id="95" creationId="{C6E75A4F-A975-466E-13F8-BDF6C92D23BD}"/>
          </ac:cxnSpMkLst>
        </pc:cxnChg>
        <pc:cxnChg chg="add del mod">
          <ac:chgData name="Sara Mastrorosa" userId="d159c406-3740-4568-9f4d-6092b2495d2a" providerId="ADAL" clId="{8B86413B-2A1A-4226-BE53-109F0A4E8237}" dt="2023-09-26T12:47:25.272" v="7663"/>
          <ac:cxnSpMkLst>
            <pc:docMk/>
            <pc:sldMk cId="1399112610" sldId="264"/>
            <ac:cxnSpMk id="96" creationId="{C415055C-BCF1-A1CF-3675-C00C2E95BD26}"/>
          </ac:cxnSpMkLst>
        </pc:cxnChg>
        <pc:cxnChg chg="add del mod">
          <ac:chgData name="Sara Mastrorosa" userId="d159c406-3740-4568-9f4d-6092b2495d2a" providerId="ADAL" clId="{8B86413B-2A1A-4226-BE53-109F0A4E8237}" dt="2023-09-26T12:47:25.272" v="7663"/>
          <ac:cxnSpMkLst>
            <pc:docMk/>
            <pc:sldMk cId="1399112610" sldId="264"/>
            <ac:cxnSpMk id="97" creationId="{FE5B6EC3-BACA-249E-B1BF-5FB3B323E287}"/>
          </ac:cxnSpMkLst>
        </pc:cxnChg>
        <pc:cxnChg chg="add del mod">
          <ac:chgData name="Sara Mastrorosa" userId="d159c406-3740-4568-9f4d-6092b2495d2a" providerId="ADAL" clId="{8B86413B-2A1A-4226-BE53-109F0A4E8237}" dt="2023-09-26T12:47:25.272" v="7663"/>
          <ac:cxnSpMkLst>
            <pc:docMk/>
            <pc:sldMk cId="1399112610" sldId="264"/>
            <ac:cxnSpMk id="98" creationId="{61864FDD-60B2-9582-E5B6-DD19C4C1D78E}"/>
          </ac:cxnSpMkLst>
        </pc:cxnChg>
        <pc:cxnChg chg="add del mod">
          <ac:chgData name="Sara Mastrorosa" userId="d159c406-3740-4568-9f4d-6092b2495d2a" providerId="ADAL" clId="{8B86413B-2A1A-4226-BE53-109F0A4E8237}" dt="2023-09-26T12:47:25.272" v="7663"/>
          <ac:cxnSpMkLst>
            <pc:docMk/>
            <pc:sldMk cId="1399112610" sldId="264"/>
            <ac:cxnSpMk id="99" creationId="{4C610BDC-5627-B905-8EF1-8465A9F34CEB}"/>
          </ac:cxnSpMkLst>
        </pc:cxnChg>
        <pc:cxnChg chg="add del mod">
          <ac:chgData name="Sara Mastrorosa" userId="d159c406-3740-4568-9f4d-6092b2495d2a" providerId="ADAL" clId="{8B86413B-2A1A-4226-BE53-109F0A4E8237}" dt="2023-09-26T12:47:25.272" v="7663"/>
          <ac:cxnSpMkLst>
            <pc:docMk/>
            <pc:sldMk cId="1399112610" sldId="264"/>
            <ac:cxnSpMk id="100" creationId="{241010E3-0E9E-D35A-8079-8054D898883A}"/>
          </ac:cxnSpMkLst>
        </pc:cxnChg>
        <pc:cxnChg chg="add del mod">
          <ac:chgData name="Sara Mastrorosa" userId="d159c406-3740-4568-9f4d-6092b2495d2a" providerId="ADAL" clId="{8B86413B-2A1A-4226-BE53-109F0A4E8237}" dt="2023-09-26T12:47:25.272" v="7663"/>
          <ac:cxnSpMkLst>
            <pc:docMk/>
            <pc:sldMk cId="1399112610" sldId="264"/>
            <ac:cxnSpMk id="101" creationId="{F89A1E01-907F-2990-B443-35E5E202B1E5}"/>
          </ac:cxnSpMkLst>
        </pc:cxnChg>
        <pc:cxnChg chg="add del mod">
          <ac:chgData name="Sara Mastrorosa" userId="d159c406-3740-4568-9f4d-6092b2495d2a" providerId="ADAL" clId="{8B86413B-2A1A-4226-BE53-109F0A4E8237}" dt="2023-09-26T12:47:25.272" v="7663"/>
          <ac:cxnSpMkLst>
            <pc:docMk/>
            <pc:sldMk cId="1399112610" sldId="264"/>
            <ac:cxnSpMk id="107" creationId="{C09DEF61-062B-8B37-DEAA-56D7B25EE5AF}"/>
          </ac:cxnSpMkLst>
        </pc:cxnChg>
        <pc:cxnChg chg="add del mod">
          <ac:chgData name="Sara Mastrorosa" userId="d159c406-3740-4568-9f4d-6092b2495d2a" providerId="ADAL" clId="{8B86413B-2A1A-4226-BE53-109F0A4E8237}" dt="2023-09-26T12:47:25.272" v="7663"/>
          <ac:cxnSpMkLst>
            <pc:docMk/>
            <pc:sldMk cId="1399112610" sldId="264"/>
            <ac:cxnSpMk id="112" creationId="{59936780-8F68-9343-CE51-5694C59CFF18}"/>
          </ac:cxnSpMkLst>
        </pc:cxnChg>
        <pc:cxnChg chg="add del mod">
          <ac:chgData name="Sara Mastrorosa" userId="d159c406-3740-4568-9f4d-6092b2495d2a" providerId="ADAL" clId="{8B86413B-2A1A-4226-BE53-109F0A4E8237}" dt="2023-09-26T12:47:25.272" v="7663"/>
          <ac:cxnSpMkLst>
            <pc:docMk/>
            <pc:sldMk cId="1399112610" sldId="264"/>
            <ac:cxnSpMk id="113" creationId="{8D5FEDA8-C98B-D74D-C70F-F4C84CB6F03C}"/>
          </ac:cxnSpMkLst>
        </pc:cxnChg>
        <pc:cxnChg chg="add del mod">
          <ac:chgData name="Sara Mastrorosa" userId="d159c406-3740-4568-9f4d-6092b2495d2a" providerId="ADAL" clId="{8B86413B-2A1A-4226-BE53-109F0A4E8237}" dt="2023-09-26T12:47:25.272" v="7663"/>
          <ac:cxnSpMkLst>
            <pc:docMk/>
            <pc:sldMk cId="1399112610" sldId="264"/>
            <ac:cxnSpMk id="114" creationId="{FE0863A9-CDBD-08DA-3755-F3B86DAE1704}"/>
          </ac:cxnSpMkLst>
        </pc:cxnChg>
        <pc:cxnChg chg="add del mod">
          <ac:chgData name="Sara Mastrorosa" userId="d159c406-3740-4568-9f4d-6092b2495d2a" providerId="ADAL" clId="{8B86413B-2A1A-4226-BE53-109F0A4E8237}" dt="2023-09-26T12:47:25.272" v="7663"/>
          <ac:cxnSpMkLst>
            <pc:docMk/>
            <pc:sldMk cId="1399112610" sldId="264"/>
            <ac:cxnSpMk id="115" creationId="{6C98374C-9BC1-3006-3039-F9987774D682}"/>
          </ac:cxnSpMkLst>
        </pc:cxnChg>
        <pc:cxnChg chg="add mod">
          <ac:chgData name="Sara Mastrorosa" userId="d159c406-3740-4568-9f4d-6092b2495d2a" providerId="ADAL" clId="{8B86413B-2A1A-4226-BE53-109F0A4E8237}" dt="2023-09-28T14:03:43.132" v="21373" actId="164"/>
          <ac:cxnSpMkLst>
            <pc:docMk/>
            <pc:sldMk cId="1399112610" sldId="264"/>
            <ac:cxnSpMk id="128" creationId="{612E2742-943B-8392-109C-D65DF2C90B05}"/>
          </ac:cxnSpMkLst>
        </pc:cxnChg>
        <pc:cxnChg chg="add mod">
          <ac:chgData name="Sara Mastrorosa" userId="d159c406-3740-4568-9f4d-6092b2495d2a" providerId="ADAL" clId="{8B86413B-2A1A-4226-BE53-109F0A4E8237}" dt="2023-09-28T14:03:43.132" v="21373" actId="164"/>
          <ac:cxnSpMkLst>
            <pc:docMk/>
            <pc:sldMk cId="1399112610" sldId="264"/>
            <ac:cxnSpMk id="129" creationId="{73C1B8C0-20C2-7FAB-9B0E-A2D21A1AC34C}"/>
          </ac:cxnSpMkLst>
        </pc:cxnChg>
        <pc:cxnChg chg="add mod">
          <ac:chgData name="Sara Mastrorosa" userId="d159c406-3740-4568-9f4d-6092b2495d2a" providerId="ADAL" clId="{8B86413B-2A1A-4226-BE53-109F0A4E8237}" dt="2023-09-28T14:03:43.132" v="21373" actId="164"/>
          <ac:cxnSpMkLst>
            <pc:docMk/>
            <pc:sldMk cId="1399112610" sldId="264"/>
            <ac:cxnSpMk id="130" creationId="{60F71B01-6F89-4089-411C-6B7B76290915}"/>
          </ac:cxnSpMkLst>
        </pc:cxnChg>
        <pc:cxnChg chg="add mod">
          <ac:chgData name="Sara Mastrorosa" userId="d159c406-3740-4568-9f4d-6092b2495d2a" providerId="ADAL" clId="{8B86413B-2A1A-4226-BE53-109F0A4E8237}" dt="2023-09-28T14:03:43.132" v="21373" actId="164"/>
          <ac:cxnSpMkLst>
            <pc:docMk/>
            <pc:sldMk cId="1399112610" sldId="264"/>
            <ac:cxnSpMk id="131" creationId="{275EC85E-F6FE-DB4B-67B0-06FD25AA0114}"/>
          </ac:cxnSpMkLst>
        </pc:cxnChg>
        <pc:cxnChg chg="add mod">
          <ac:chgData name="Sara Mastrorosa" userId="d159c406-3740-4568-9f4d-6092b2495d2a" providerId="ADAL" clId="{8B86413B-2A1A-4226-BE53-109F0A4E8237}" dt="2023-09-28T14:03:43.132" v="21373" actId="164"/>
          <ac:cxnSpMkLst>
            <pc:docMk/>
            <pc:sldMk cId="1399112610" sldId="264"/>
            <ac:cxnSpMk id="132" creationId="{F7E94F2E-B19B-53E9-ADFF-804D76B0AB1A}"/>
          </ac:cxnSpMkLst>
        </pc:cxnChg>
        <pc:cxnChg chg="add mod">
          <ac:chgData name="Sara Mastrorosa" userId="d159c406-3740-4568-9f4d-6092b2495d2a" providerId="ADAL" clId="{8B86413B-2A1A-4226-BE53-109F0A4E8237}" dt="2023-09-28T14:03:43.132" v="21373" actId="164"/>
          <ac:cxnSpMkLst>
            <pc:docMk/>
            <pc:sldMk cId="1399112610" sldId="264"/>
            <ac:cxnSpMk id="133" creationId="{8E4B3FE6-6D44-A42E-8793-8843C3791356}"/>
          </ac:cxnSpMkLst>
        </pc:cxnChg>
        <pc:cxnChg chg="add mod">
          <ac:chgData name="Sara Mastrorosa" userId="d159c406-3740-4568-9f4d-6092b2495d2a" providerId="ADAL" clId="{8B86413B-2A1A-4226-BE53-109F0A4E8237}" dt="2023-09-28T14:03:43.132" v="21373" actId="164"/>
          <ac:cxnSpMkLst>
            <pc:docMk/>
            <pc:sldMk cId="1399112610" sldId="264"/>
            <ac:cxnSpMk id="134" creationId="{743806A7-3BB4-B401-76B6-1F5874BE3944}"/>
          </ac:cxnSpMkLst>
        </pc:cxnChg>
        <pc:cxnChg chg="add mod">
          <ac:chgData name="Sara Mastrorosa" userId="d159c406-3740-4568-9f4d-6092b2495d2a" providerId="ADAL" clId="{8B86413B-2A1A-4226-BE53-109F0A4E8237}" dt="2023-09-28T14:03:43.132" v="21373" actId="164"/>
          <ac:cxnSpMkLst>
            <pc:docMk/>
            <pc:sldMk cId="1399112610" sldId="264"/>
            <ac:cxnSpMk id="135" creationId="{F1AB5D8C-04C1-8CEC-77B1-76ECAFA52AA2}"/>
          </ac:cxnSpMkLst>
        </pc:cxnChg>
        <pc:cxnChg chg="add mod">
          <ac:chgData name="Sara Mastrorosa" userId="d159c406-3740-4568-9f4d-6092b2495d2a" providerId="ADAL" clId="{8B86413B-2A1A-4226-BE53-109F0A4E8237}" dt="2023-09-28T14:03:43.132" v="21373" actId="164"/>
          <ac:cxnSpMkLst>
            <pc:docMk/>
            <pc:sldMk cId="1399112610" sldId="264"/>
            <ac:cxnSpMk id="141" creationId="{74A03D58-F67B-1F69-3C50-B91CA9AE4E9F}"/>
          </ac:cxnSpMkLst>
        </pc:cxnChg>
        <pc:cxnChg chg="add mod">
          <ac:chgData name="Sara Mastrorosa" userId="d159c406-3740-4568-9f4d-6092b2495d2a" providerId="ADAL" clId="{8B86413B-2A1A-4226-BE53-109F0A4E8237}" dt="2023-09-28T14:03:43.132" v="21373" actId="164"/>
          <ac:cxnSpMkLst>
            <pc:docMk/>
            <pc:sldMk cId="1399112610" sldId="264"/>
            <ac:cxnSpMk id="146" creationId="{459BD3C2-F2FA-4A7C-DBB2-1DE5B6FEE68D}"/>
          </ac:cxnSpMkLst>
        </pc:cxnChg>
        <pc:cxnChg chg="add mod">
          <ac:chgData name="Sara Mastrorosa" userId="d159c406-3740-4568-9f4d-6092b2495d2a" providerId="ADAL" clId="{8B86413B-2A1A-4226-BE53-109F0A4E8237}" dt="2023-09-28T14:03:43.132" v="21373" actId="164"/>
          <ac:cxnSpMkLst>
            <pc:docMk/>
            <pc:sldMk cId="1399112610" sldId="264"/>
            <ac:cxnSpMk id="147" creationId="{0FF57845-4FAF-A11D-F96F-3E3BCE4DBB1C}"/>
          </ac:cxnSpMkLst>
        </pc:cxnChg>
        <pc:cxnChg chg="add mod">
          <ac:chgData name="Sara Mastrorosa" userId="d159c406-3740-4568-9f4d-6092b2495d2a" providerId="ADAL" clId="{8B86413B-2A1A-4226-BE53-109F0A4E8237}" dt="2023-09-28T14:03:43.132" v="21373" actId="164"/>
          <ac:cxnSpMkLst>
            <pc:docMk/>
            <pc:sldMk cId="1399112610" sldId="264"/>
            <ac:cxnSpMk id="148" creationId="{9D55EF04-9583-7DD7-6914-8969FB5B4566}"/>
          </ac:cxnSpMkLst>
        </pc:cxnChg>
        <pc:cxnChg chg="add mod">
          <ac:chgData name="Sara Mastrorosa" userId="d159c406-3740-4568-9f4d-6092b2495d2a" providerId="ADAL" clId="{8B86413B-2A1A-4226-BE53-109F0A4E8237}" dt="2023-09-28T14:03:43.132" v="21373" actId="164"/>
          <ac:cxnSpMkLst>
            <pc:docMk/>
            <pc:sldMk cId="1399112610" sldId="264"/>
            <ac:cxnSpMk id="149" creationId="{3A35D86B-7DAD-CE14-3136-B80A1339CCA6}"/>
          </ac:cxnSpMkLst>
        </pc:cxnChg>
      </pc:sldChg>
      <pc:sldChg chg="addSp delSp modSp add del mod ord modShow">
        <pc:chgData name="Sara Mastrorosa" userId="d159c406-3740-4568-9f4d-6092b2495d2a" providerId="ADAL" clId="{8B86413B-2A1A-4226-BE53-109F0A4E8237}" dt="2023-09-27T10:20:02.787" v="16502" actId="47"/>
        <pc:sldMkLst>
          <pc:docMk/>
          <pc:sldMk cId="1844150287" sldId="265"/>
        </pc:sldMkLst>
        <pc:spChg chg="add del mod">
          <ac:chgData name="Sara Mastrorosa" userId="d159c406-3740-4568-9f4d-6092b2495d2a" providerId="ADAL" clId="{8B86413B-2A1A-4226-BE53-109F0A4E8237}" dt="2023-09-26T12:09:46.377" v="7207" actId="478"/>
          <ac:spMkLst>
            <pc:docMk/>
            <pc:sldMk cId="1844150287" sldId="265"/>
            <ac:spMk id="2" creationId="{A6B750AE-EF37-73E2-7760-FC1F484DBD05}"/>
          </ac:spMkLst>
        </pc:spChg>
        <pc:spChg chg="del mod">
          <ac:chgData name="Sara Mastrorosa" userId="d159c406-3740-4568-9f4d-6092b2495d2a" providerId="ADAL" clId="{8B86413B-2A1A-4226-BE53-109F0A4E8237}" dt="2023-09-26T10:19:16.733" v="6854"/>
          <ac:spMkLst>
            <pc:docMk/>
            <pc:sldMk cId="1844150287" sldId="265"/>
            <ac:spMk id="4" creationId="{57024B99-24AB-0804-BDD9-F8E770331A20}"/>
          </ac:spMkLst>
        </pc:spChg>
        <pc:spChg chg="mod">
          <ac:chgData name="Sara Mastrorosa" userId="d159c406-3740-4568-9f4d-6092b2495d2a" providerId="ADAL" clId="{8B86413B-2A1A-4226-BE53-109F0A4E8237}" dt="2023-09-26T10:19:27.538" v="6857" actId="1076"/>
          <ac:spMkLst>
            <pc:docMk/>
            <pc:sldMk cId="1844150287" sldId="265"/>
            <ac:spMk id="5" creationId="{08F2B45B-2BC1-44B2-4465-F8FD2B97328F}"/>
          </ac:spMkLst>
        </pc:spChg>
        <pc:spChg chg="add del mod">
          <ac:chgData name="Sara Mastrorosa" userId="d159c406-3740-4568-9f4d-6092b2495d2a" providerId="ADAL" clId="{8B86413B-2A1A-4226-BE53-109F0A4E8237}" dt="2023-09-26T12:08:22.314" v="7188" actId="478"/>
          <ac:spMkLst>
            <pc:docMk/>
            <pc:sldMk cId="1844150287" sldId="265"/>
            <ac:spMk id="6" creationId="{AEA4F1A5-0168-E296-3380-6EFA6E4D1A76}"/>
          </ac:spMkLst>
        </pc:spChg>
        <pc:spChg chg="add mod">
          <ac:chgData name="Sara Mastrorosa" userId="d159c406-3740-4568-9f4d-6092b2495d2a" providerId="ADAL" clId="{8B86413B-2A1A-4226-BE53-109F0A4E8237}" dt="2023-09-26T12:10:28.621" v="7248" actId="2085"/>
          <ac:spMkLst>
            <pc:docMk/>
            <pc:sldMk cId="1844150287" sldId="265"/>
            <ac:spMk id="7" creationId="{D0019B0B-4D01-E4D7-A915-FB2E9A5BD029}"/>
          </ac:spMkLst>
        </pc:spChg>
        <pc:spChg chg="add mod">
          <ac:chgData name="Sara Mastrorosa" userId="d159c406-3740-4568-9f4d-6092b2495d2a" providerId="ADAL" clId="{8B86413B-2A1A-4226-BE53-109F0A4E8237}" dt="2023-09-26T12:11:21.844" v="7265" actId="14100"/>
          <ac:spMkLst>
            <pc:docMk/>
            <pc:sldMk cId="1844150287" sldId="265"/>
            <ac:spMk id="8" creationId="{3A47E224-28D4-F7E8-BCF6-F6C06D90B823}"/>
          </ac:spMkLst>
        </pc:spChg>
        <pc:spChg chg="add mod">
          <ac:chgData name="Sara Mastrorosa" userId="d159c406-3740-4568-9f4d-6092b2495d2a" providerId="ADAL" clId="{8B86413B-2A1A-4226-BE53-109F0A4E8237}" dt="2023-09-26T12:15:43.663" v="7391" actId="2085"/>
          <ac:spMkLst>
            <pc:docMk/>
            <pc:sldMk cId="1844150287" sldId="265"/>
            <ac:spMk id="9" creationId="{C13E3CF0-46B0-123E-435A-C4FC7011BC60}"/>
          </ac:spMkLst>
        </pc:spChg>
        <pc:spChg chg="add mod">
          <ac:chgData name="Sara Mastrorosa" userId="d159c406-3740-4568-9f4d-6092b2495d2a" providerId="ADAL" clId="{8B86413B-2A1A-4226-BE53-109F0A4E8237}" dt="2023-09-26T12:15:55.938" v="7393" actId="2085"/>
          <ac:spMkLst>
            <pc:docMk/>
            <pc:sldMk cId="1844150287" sldId="265"/>
            <ac:spMk id="10" creationId="{E800367A-EFBB-A291-54EE-DD3EB7928081}"/>
          </ac:spMkLst>
        </pc:spChg>
        <pc:spChg chg="add mod">
          <ac:chgData name="Sara Mastrorosa" userId="d159c406-3740-4568-9f4d-6092b2495d2a" providerId="ADAL" clId="{8B86413B-2A1A-4226-BE53-109F0A4E8237}" dt="2023-09-26T12:18:58.933" v="7399" actId="2085"/>
          <ac:spMkLst>
            <pc:docMk/>
            <pc:sldMk cId="1844150287" sldId="265"/>
            <ac:spMk id="11" creationId="{1F28A671-F84F-9FF1-3F9F-A9E0B2BD28D8}"/>
          </ac:spMkLst>
        </pc:spChg>
        <pc:spChg chg="add del mod">
          <ac:chgData name="Sara Mastrorosa" userId="d159c406-3740-4568-9f4d-6092b2495d2a" providerId="ADAL" clId="{8B86413B-2A1A-4226-BE53-109F0A4E8237}" dt="2023-09-26T12:12:11.271" v="7302" actId="478"/>
          <ac:spMkLst>
            <pc:docMk/>
            <pc:sldMk cId="1844150287" sldId="265"/>
            <ac:spMk id="12" creationId="{A6CE4AB2-424A-1786-2CDB-CDED8DE0E1FF}"/>
          </ac:spMkLst>
        </pc:spChg>
        <pc:spChg chg="add mod">
          <ac:chgData name="Sara Mastrorosa" userId="d159c406-3740-4568-9f4d-6092b2495d2a" providerId="ADAL" clId="{8B86413B-2A1A-4226-BE53-109F0A4E8237}" dt="2023-09-26T12:16:02.724" v="7395" actId="113"/>
          <ac:spMkLst>
            <pc:docMk/>
            <pc:sldMk cId="1844150287" sldId="265"/>
            <ac:spMk id="13" creationId="{824EBDB6-6306-2C20-EE43-37F190EBCA56}"/>
          </ac:spMkLst>
        </pc:spChg>
        <pc:spChg chg="add mod">
          <ac:chgData name="Sara Mastrorosa" userId="d159c406-3740-4568-9f4d-6092b2495d2a" providerId="ADAL" clId="{8B86413B-2A1A-4226-BE53-109F0A4E8237}" dt="2023-09-26T12:16:06.068" v="7396" actId="113"/>
          <ac:spMkLst>
            <pc:docMk/>
            <pc:sldMk cId="1844150287" sldId="265"/>
            <ac:spMk id="14" creationId="{248567C1-D965-11C0-70B3-14C5A33C2543}"/>
          </ac:spMkLst>
        </pc:spChg>
        <pc:spChg chg="add mod">
          <ac:chgData name="Sara Mastrorosa" userId="d159c406-3740-4568-9f4d-6092b2495d2a" providerId="ADAL" clId="{8B86413B-2A1A-4226-BE53-109F0A4E8237}" dt="2023-09-26T12:15:59.828" v="7394" actId="113"/>
          <ac:spMkLst>
            <pc:docMk/>
            <pc:sldMk cId="1844150287" sldId="265"/>
            <ac:spMk id="15" creationId="{5C724F4E-2935-4905-E058-7672C1E1A2CD}"/>
          </ac:spMkLst>
        </pc:spChg>
        <pc:spChg chg="add mod">
          <ac:chgData name="Sara Mastrorosa" userId="d159c406-3740-4568-9f4d-6092b2495d2a" providerId="ADAL" clId="{8B86413B-2A1A-4226-BE53-109F0A4E8237}" dt="2023-09-26T12:19:35.893" v="7402" actId="2085"/>
          <ac:spMkLst>
            <pc:docMk/>
            <pc:sldMk cId="1844150287" sldId="265"/>
            <ac:spMk id="16" creationId="{C23D6BC0-1D5A-DDFE-2881-554C99F57F4C}"/>
          </ac:spMkLst>
        </pc:spChg>
        <pc:spChg chg="add mod">
          <ac:chgData name="Sara Mastrorosa" userId="d159c406-3740-4568-9f4d-6092b2495d2a" providerId="ADAL" clId="{8B86413B-2A1A-4226-BE53-109F0A4E8237}" dt="2023-09-26T12:25:15.716" v="7416" actId="20577"/>
          <ac:spMkLst>
            <pc:docMk/>
            <pc:sldMk cId="1844150287" sldId="265"/>
            <ac:spMk id="17" creationId="{92221452-8598-4289-50E3-48E0E40A4322}"/>
          </ac:spMkLst>
        </pc:spChg>
        <pc:graphicFrameChg chg="add del mod modGraphic">
          <ac:chgData name="Sara Mastrorosa" userId="d159c406-3740-4568-9f4d-6092b2495d2a" providerId="ADAL" clId="{8B86413B-2A1A-4226-BE53-109F0A4E8237}" dt="2023-09-26T12:09:03.870" v="7198" actId="478"/>
          <ac:graphicFrameMkLst>
            <pc:docMk/>
            <pc:sldMk cId="1844150287" sldId="265"/>
            <ac:graphicFrameMk id="3" creationId="{3B98502A-D860-85DB-4B5A-D6C6FC3817C6}"/>
          </ac:graphicFrameMkLst>
        </pc:graphicFrameChg>
      </pc:sldChg>
      <pc:sldChg chg="delSp modSp add del mod">
        <pc:chgData name="Sara Mastrorosa" userId="d159c406-3740-4568-9f4d-6092b2495d2a" providerId="ADAL" clId="{8B86413B-2A1A-4226-BE53-109F0A4E8237}" dt="2023-09-26T12:25:39.594" v="7418" actId="47"/>
        <pc:sldMkLst>
          <pc:docMk/>
          <pc:sldMk cId="1396011963" sldId="266"/>
        </pc:sldMkLst>
        <pc:spChg chg="del">
          <ac:chgData name="Sara Mastrorosa" userId="d159c406-3740-4568-9f4d-6092b2495d2a" providerId="ADAL" clId="{8B86413B-2A1A-4226-BE53-109F0A4E8237}" dt="2023-09-26T12:25:36.495" v="7417" actId="478"/>
          <ac:spMkLst>
            <pc:docMk/>
            <pc:sldMk cId="1396011963" sldId="266"/>
            <ac:spMk id="2" creationId="{A6B750AE-EF37-73E2-7760-FC1F484DBD05}"/>
          </ac:spMkLst>
        </pc:spChg>
        <pc:graphicFrameChg chg="del mod">
          <ac:chgData name="Sara Mastrorosa" userId="d159c406-3740-4568-9f4d-6092b2495d2a" providerId="ADAL" clId="{8B86413B-2A1A-4226-BE53-109F0A4E8237}" dt="2023-09-26T12:07:50.877" v="7184" actId="478"/>
          <ac:graphicFrameMkLst>
            <pc:docMk/>
            <pc:sldMk cId="1396011963" sldId="266"/>
            <ac:graphicFrameMk id="3" creationId="{3B98502A-D860-85DB-4B5A-D6C6FC3817C6}"/>
          </ac:graphicFrameMkLst>
        </pc:graphicFrameChg>
      </pc:sldChg>
      <pc:sldChg chg="modSp add del mod">
        <pc:chgData name="Sara Mastrorosa" userId="d159c406-3740-4568-9f4d-6092b2495d2a" providerId="ADAL" clId="{8B86413B-2A1A-4226-BE53-109F0A4E8237}" dt="2023-09-26T13:58:39.537" v="8752" actId="47"/>
        <pc:sldMkLst>
          <pc:docMk/>
          <pc:sldMk cId="1857714909" sldId="266"/>
        </pc:sldMkLst>
        <pc:spChg chg="mod">
          <ac:chgData name="Sara Mastrorosa" userId="d159c406-3740-4568-9f4d-6092b2495d2a" providerId="ADAL" clId="{8B86413B-2A1A-4226-BE53-109F0A4E8237}" dt="2023-09-26T13:57:45.239" v="8751" actId="1076"/>
          <ac:spMkLst>
            <pc:docMk/>
            <pc:sldMk cId="1857714909" sldId="266"/>
            <ac:spMk id="4" creationId="{57024B99-24AB-0804-BDD9-F8E770331A20}"/>
          </ac:spMkLst>
        </pc:spChg>
      </pc:sldChg>
      <pc:sldChg chg="addSp delSp modSp add mod ord modShow">
        <pc:chgData name="Sara Mastrorosa" userId="d159c406-3740-4568-9f4d-6092b2495d2a" providerId="ADAL" clId="{8B86413B-2A1A-4226-BE53-109F0A4E8237}" dt="2023-09-29T09:48:49.374" v="21788" actId="20577"/>
        <pc:sldMkLst>
          <pc:docMk/>
          <pc:sldMk cId="3274860537" sldId="266"/>
        </pc:sldMkLst>
        <pc:spChg chg="add mod">
          <ac:chgData name="Sara Mastrorosa" userId="d159c406-3740-4568-9f4d-6092b2495d2a" providerId="ADAL" clId="{8B86413B-2A1A-4226-BE53-109F0A4E8237}" dt="2023-09-28T09:07:19.703" v="20153"/>
          <ac:spMkLst>
            <pc:docMk/>
            <pc:sldMk cId="3274860537" sldId="266"/>
            <ac:spMk id="2" creationId="{046A91D6-3B16-D469-D825-8C34D02B5B01}"/>
          </ac:spMkLst>
        </pc:spChg>
        <pc:spChg chg="mod">
          <ac:chgData name="Sara Mastrorosa" userId="d159c406-3740-4568-9f4d-6092b2495d2a" providerId="ADAL" clId="{8B86413B-2A1A-4226-BE53-109F0A4E8237}" dt="2023-09-27T07:53:09.009" v="10960" actId="113"/>
          <ac:spMkLst>
            <pc:docMk/>
            <pc:sldMk cId="3274860537" sldId="266"/>
            <ac:spMk id="3" creationId="{58BB20F9-0383-6B17-B25C-EBC97B50B312}"/>
          </ac:spMkLst>
        </pc:spChg>
        <pc:spChg chg="add mod">
          <ac:chgData name="Sara Mastrorosa" userId="d159c406-3740-4568-9f4d-6092b2495d2a" providerId="ADAL" clId="{8B86413B-2A1A-4226-BE53-109F0A4E8237}" dt="2023-09-28T09:07:19.703" v="20153"/>
          <ac:spMkLst>
            <pc:docMk/>
            <pc:sldMk cId="3274860537" sldId="266"/>
            <ac:spMk id="4" creationId="{6F70CB75-6527-F56D-A6C2-B7654AD9F185}"/>
          </ac:spMkLst>
        </pc:spChg>
        <pc:spChg chg="add del">
          <ac:chgData name="Sara Mastrorosa" userId="d159c406-3740-4568-9f4d-6092b2495d2a" providerId="ADAL" clId="{8B86413B-2A1A-4226-BE53-109F0A4E8237}" dt="2023-09-27T06:49:54.232" v="9489" actId="478"/>
          <ac:spMkLst>
            <pc:docMk/>
            <pc:sldMk cId="3274860537" sldId="266"/>
            <ac:spMk id="4" creationId="{8B346B58-F62E-21BD-8C37-68152D40459C}"/>
          </ac:spMkLst>
        </pc:spChg>
        <pc:spChg chg="mod">
          <ac:chgData name="Sara Mastrorosa" userId="d159c406-3740-4568-9f4d-6092b2495d2a" providerId="ADAL" clId="{8B86413B-2A1A-4226-BE53-109F0A4E8237}" dt="2023-09-28T09:07:30.307" v="20157" actId="1076"/>
          <ac:spMkLst>
            <pc:docMk/>
            <pc:sldMk cId="3274860537" sldId="266"/>
            <ac:spMk id="5" creationId="{08F2B45B-2BC1-44B2-4465-F8FD2B97328F}"/>
          </ac:spMkLst>
        </pc:spChg>
        <pc:spChg chg="add del mod">
          <ac:chgData name="Sara Mastrorosa" userId="d159c406-3740-4568-9f4d-6092b2495d2a" providerId="ADAL" clId="{8B86413B-2A1A-4226-BE53-109F0A4E8237}" dt="2023-09-27T06:54:50.232" v="9607" actId="478"/>
          <ac:spMkLst>
            <pc:docMk/>
            <pc:sldMk cId="3274860537" sldId="266"/>
            <ac:spMk id="7" creationId="{2003FA66-0F92-BEF6-8AAD-410E64C06BE4}"/>
          </ac:spMkLst>
        </pc:spChg>
        <pc:spChg chg="del">
          <ac:chgData name="Sara Mastrorosa" userId="d159c406-3740-4568-9f4d-6092b2495d2a" providerId="ADAL" clId="{8B86413B-2A1A-4226-BE53-109F0A4E8237}" dt="2023-09-27T06:48:18.624" v="9467" actId="478"/>
          <ac:spMkLst>
            <pc:docMk/>
            <pc:sldMk cId="3274860537" sldId="266"/>
            <ac:spMk id="10" creationId="{59D1A3EC-11BD-4ABB-D4BC-96DF2AB4B710}"/>
          </ac:spMkLst>
        </pc:spChg>
        <pc:spChg chg="add del mod">
          <ac:chgData name="Sara Mastrorosa" userId="d159c406-3740-4568-9f4d-6092b2495d2a" providerId="ADAL" clId="{8B86413B-2A1A-4226-BE53-109F0A4E8237}" dt="2023-09-27T07:31:57.201" v="10524" actId="478"/>
          <ac:spMkLst>
            <pc:docMk/>
            <pc:sldMk cId="3274860537" sldId="266"/>
            <ac:spMk id="11" creationId="{46FF6597-9AC5-2014-F3E8-B3C88E756B39}"/>
          </ac:spMkLst>
        </pc:spChg>
        <pc:spChg chg="del mod">
          <ac:chgData name="Sara Mastrorosa" userId="d159c406-3740-4568-9f4d-6092b2495d2a" providerId="ADAL" clId="{8B86413B-2A1A-4226-BE53-109F0A4E8237}" dt="2023-09-27T06:48:17.206" v="9466" actId="478"/>
          <ac:spMkLst>
            <pc:docMk/>
            <pc:sldMk cId="3274860537" sldId="266"/>
            <ac:spMk id="12" creationId="{D3FB6169-323E-0B63-058A-B8F41DAF1BC0}"/>
          </ac:spMkLst>
        </pc:spChg>
        <pc:spChg chg="del">
          <ac:chgData name="Sara Mastrorosa" userId="d159c406-3740-4568-9f4d-6092b2495d2a" providerId="ADAL" clId="{8B86413B-2A1A-4226-BE53-109F0A4E8237}" dt="2023-09-27T06:48:16.004" v="9464" actId="478"/>
          <ac:spMkLst>
            <pc:docMk/>
            <pc:sldMk cId="3274860537" sldId="266"/>
            <ac:spMk id="13" creationId="{0D371EF8-BCA4-42E7-2F5C-509FFE803908}"/>
          </ac:spMkLst>
        </pc:spChg>
        <pc:spChg chg="add del mod">
          <ac:chgData name="Sara Mastrorosa" userId="d159c406-3740-4568-9f4d-6092b2495d2a" providerId="ADAL" clId="{8B86413B-2A1A-4226-BE53-109F0A4E8237}" dt="2023-09-27T07:33:17.032" v="10541" actId="478"/>
          <ac:spMkLst>
            <pc:docMk/>
            <pc:sldMk cId="3274860537" sldId="266"/>
            <ac:spMk id="14" creationId="{7DC48E9E-2B47-94F5-6C3B-700AE2C2CF9A}"/>
          </ac:spMkLst>
        </pc:spChg>
        <pc:spChg chg="add del mod">
          <ac:chgData name="Sara Mastrorosa" userId="d159c406-3740-4568-9f4d-6092b2495d2a" providerId="ADAL" clId="{8B86413B-2A1A-4226-BE53-109F0A4E8237}" dt="2023-09-27T07:18:34.897" v="10257"/>
          <ac:spMkLst>
            <pc:docMk/>
            <pc:sldMk cId="3274860537" sldId="266"/>
            <ac:spMk id="15" creationId="{DAD12E0E-5336-508F-6A89-1B9DF45CEAE7}"/>
          </ac:spMkLst>
        </pc:spChg>
        <pc:spChg chg="add del mod">
          <ac:chgData name="Sara Mastrorosa" userId="d159c406-3740-4568-9f4d-6092b2495d2a" providerId="ADAL" clId="{8B86413B-2A1A-4226-BE53-109F0A4E8237}" dt="2023-09-27T07:18:34.897" v="10257"/>
          <ac:spMkLst>
            <pc:docMk/>
            <pc:sldMk cId="3274860537" sldId="266"/>
            <ac:spMk id="16" creationId="{4FB642E3-83E6-C59A-1016-1E8416CA07F1}"/>
          </ac:spMkLst>
        </pc:spChg>
        <pc:spChg chg="add del mod">
          <ac:chgData name="Sara Mastrorosa" userId="d159c406-3740-4568-9f4d-6092b2495d2a" providerId="ADAL" clId="{8B86413B-2A1A-4226-BE53-109F0A4E8237}" dt="2023-09-27T07:18:38.968" v="10259"/>
          <ac:spMkLst>
            <pc:docMk/>
            <pc:sldMk cId="3274860537" sldId="266"/>
            <ac:spMk id="17" creationId="{9F556194-CBB9-FAE2-9A11-C81E4832E67C}"/>
          </ac:spMkLst>
        </pc:spChg>
        <pc:spChg chg="add del mod">
          <ac:chgData name="Sara Mastrorosa" userId="d159c406-3740-4568-9f4d-6092b2495d2a" providerId="ADAL" clId="{8B86413B-2A1A-4226-BE53-109F0A4E8237}" dt="2023-09-27T07:18:38.968" v="10259"/>
          <ac:spMkLst>
            <pc:docMk/>
            <pc:sldMk cId="3274860537" sldId="266"/>
            <ac:spMk id="18" creationId="{9241D082-7A41-F366-833D-BA4903389366}"/>
          </ac:spMkLst>
        </pc:spChg>
        <pc:spChg chg="add mod">
          <ac:chgData name="Sara Mastrorosa" userId="d159c406-3740-4568-9f4d-6092b2495d2a" providerId="ADAL" clId="{8B86413B-2A1A-4226-BE53-109F0A4E8237}" dt="2023-09-27T08:28:32.541" v="10968" actId="403"/>
          <ac:spMkLst>
            <pc:docMk/>
            <pc:sldMk cId="3274860537" sldId="266"/>
            <ac:spMk id="21" creationId="{6EFEDFE3-DF2E-2E0E-D919-091246345CB0}"/>
          </ac:spMkLst>
        </pc:spChg>
        <pc:spChg chg="add mod">
          <ac:chgData name="Sara Mastrorosa" userId="d159c406-3740-4568-9f4d-6092b2495d2a" providerId="ADAL" clId="{8B86413B-2A1A-4226-BE53-109F0A4E8237}" dt="2023-09-27T08:28:32.541" v="10968" actId="403"/>
          <ac:spMkLst>
            <pc:docMk/>
            <pc:sldMk cId="3274860537" sldId="266"/>
            <ac:spMk id="30" creationId="{85641AEE-6A58-06B8-BB94-132F8A31053F}"/>
          </ac:spMkLst>
        </pc:spChg>
        <pc:spChg chg="add mod">
          <ac:chgData name="Sara Mastrorosa" userId="d159c406-3740-4568-9f4d-6092b2495d2a" providerId="ADAL" clId="{8B86413B-2A1A-4226-BE53-109F0A4E8237}" dt="2023-09-27T08:28:32.541" v="10968" actId="403"/>
          <ac:spMkLst>
            <pc:docMk/>
            <pc:sldMk cId="3274860537" sldId="266"/>
            <ac:spMk id="32" creationId="{CD608849-205E-DBAE-DA21-E9F1AFB07CB4}"/>
          </ac:spMkLst>
        </pc:spChg>
        <pc:spChg chg="add mod">
          <ac:chgData name="Sara Mastrorosa" userId="d159c406-3740-4568-9f4d-6092b2495d2a" providerId="ADAL" clId="{8B86413B-2A1A-4226-BE53-109F0A4E8237}" dt="2023-09-27T08:28:32.541" v="10968" actId="403"/>
          <ac:spMkLst>
            <pc:docMk/>
            <pc:sldMk cId="3274860537" sldId="266"/>
            <ac:spMk id="34" creationId="{650251E9-787D-AB46-8F6E-CB6CE2D68A1A}"/>
          </ac:spMkLst>
        </pc:spChg>
        <pc:spChg chg="add mod">
          <ac:chgData name="Sara Mastrorosa" userId="d159c406-3740-4568-9f4d-6092b2495d2a" providerId="ADAL" clId="{8B86413B-2A1A-4226-BE53-109F0A4E8237}" dt="2023-09-27T08:28:32.541" v="10968" actId="403"/>
          <ac:spMkLst>
            <pc:docMk/>
            <pc:sldMk cId="3274860537" sldId="266"/>
            <ac:spMk id="37" creationId="{92AF1B3A-F548-1EFB-CBE9-F76F73314ED9}"/>
          </ac:spMkLst>
        </pc:spChg>
        <pc:spChg chg="add mod">
          <ac:chgData name="Sara Mastrorosa" userId="d159c406-3740-4568-9f4d-6092b2495d2a" providerId="ADAL" clId="{8B86413B-2A1A-4226-BE53-109F0A4E8237}" dt="2023-09-27T08:28:32.541" v="10968" actId="403"/>
          <ac:spMkLst>
            <pc:docMk/>
            <pc:sldMk cId="3274860537" sldId="266"/>
            <ac:spMk id="39" creationId="{3D939B87-4F10-05AB-1CBF-820A9757DC5F}"/>
          </ac:spMkLst>
        </pc:spChg>
        <pc:spChg chg="add mod">
          <ac:chgData name="Sara Mastrorosa" userId="d159c406-3740-4568-9f4d-6092b2495d2a" providerId="ADAL" clId="{8B86413B-2A1A-4226-BE53-109F0A4E8237}" dt="2023-09-27T07:32:45.778" v="10533" actId="571"/>
          <ac:spMkLst>
            <pc:docMk/>
            <pc:sldMk cId="3274860537" sldId="266"/>
            <ac:spMk id="41" creationId="{AAF9750C-874E-4534-0A2F-0186EAEC2875}"/>
          </ac:spMkLst>
        </pc:spChg>
        <pc:spChg chg="add mod">
          <ac:chgData name="Sara Mastrorosa" userId="d159c406-3740-4568-9f4d-6092b2495d2a" providerId="ADAL" clId="{8B86413B-2A1A-4226-BE53-109F0A4E8237}" dt="2023-09-29T09:48:49.374" v="21788" actId="20577"/>
          <ac:spMkLst>
            <pc:docMk/>
            <pc:sldMk cId="3274860537" sldId="266"/>
            <ac:spMk id="43" creationId="{6EAA44C3-9D4D-E7F1-A2B2-871DB2F4D4FB}"/>
          </ac:spMkLst>
        </pc:spChg>
        <pc:spChg chg="add mod">
          <ac:chgData name="Sara Mastrorosa" userId="d159c406-3740-4568-9f4d-6092b2495d2a" providerId="ADAL" clId="{8B86413B-2A1A-4226-BE53-109F0A4E8237}" dt="2023-09-27T08:28:32.541" v="10968" actId="403"/>
          <ac:spMkLst>
            <pc:docMk/>
            <pc:sldMk cId="3274860537" sldId="266"/>
            <ac:spMk id="61" creationId="{A233D6C3-50D4-F8C4-57AF-3086D34B2CDC}"/>
          </ac:spMkLst>
        </pc:spChg>
        <pc:spChg chg="add mod">
          <ac:chgData name="Sara Mastrorosa" userId="d159c406-3740-4568-9f4d-6092b2495d2a" providerId="ADAL" clId="{8B86413B-2A1A-4226-BE53-109F0A4E8237}" dt="2023-09-27T08:28:32.541" v="10968" actId="403"/>
          <ac:spMkLst>
            <pc:docMk/>
            <pc:sldMk cId="3274860537" sldId="266"/>
            <ac:spMk id="63" creationId="{188F1A6A-B23A-FEA9-7C35-06784806CCE6}"/>
          </ac:spMkLst>
        </pc:spChg>
        <pc:spChg chg="add mod">
          <ac:chgData name="Sara Mastrorosa" userId="d159c406-3740-4568-9f4d-6092b2495d2a" providerId="ADAL" clId="{8B86413B-2A1A-4226-BE53-109F0A4E8237}" dt="2023-09-27T09:04:32.294" v="12071" actId="1037"/>
          <ac:spMkLst>
            <pc:docMk/>
            <pc:sldMk cId="3274860537" sldId="266"/>
            <ac:spMk id="67" creationId="{3AC85D36-813A-DBDA-DA5E-B93A015A93F6}"/>
          </ac:spMkLst>
        </pc:spChg>
        <pc:spChg chg="add mod">
          <ac:chgData name="Sara Mastrorosa" userId="d159c406-3740-4568-9f4d-6092b2495d2a" providerId="ADAL" clId="{8B86413B-2A1A-4226-BE53-109F0A4E8237}" dt="2023-09-27T09:03:06.090" v="11599" actId="1037"/>
          <ac:spMkLst>
            <pc:docMk/>
            <pc:sldMk cId="3274860537" sldId="266"/>
            <ac:spMk id="68" creationId="{7F8B3D2D-EA25-438F-3F58-E04026328238}"/>
          </ac:spMkLst>
        </pc:spChg>
        <pc:spChg chg="add mod">
          <ac:chgData name="Sara Mastrorosa" userId="d159c406-3740-4568-9f4d-6092b2495d2a" providerId="ADAL" clId="{8B86413B-2A1A-4226-BE53-109F0A4E8237}" dt="2023-09-27T09:03:33.210" v="11711" actId="2085"/>
          <ac:spMkLst>
            <pc:docMk/>
            <pc:sldMk cId="3274860537" sldId="266"/>
            <ac:spMk id="72" creationId="{EA75F67D-7510-58C9-44BF-2681B662F109}"/>
          </ac:spMkLst>
        </pc:spChg>
        <pc:spChg chg="add mod">
          <ac:chgData name="Sara Mastrorosa" userId="d159c406-3740-4568-9f4d-6092b2495d2a" providerId="ADAL" clId="{8B86413B-2A1A-4226-BE53-109F0A4E8237}" dt="2023-09-27T09:04:40.022" v="12076" actId="1037"/>
          <ac:spMkLst>
            <pc:docMk/>
            <pc:sldMk cId="3274860537" sldId="266"/>
            <ac:spMk id="73" creationId="{A78AD328-BE40-7A97-85EB-69AD4C269099}"/>
          </ac:spMkLst>
        </pc:spChg>
        <pc:spChg chg="add mod">
          <ac:chgData name="Sara Mastrorosa" userId="d159c406-3740-4568-9f4d-6092b2495d2a" providerId="ADAL" clId="{8B86413B-2A1A-4226-BE53-109F0A4E8237}" dt="2023-09-28T07:29:19.354" v="18682" actId="207"/>
          <ac:spMkLst>
            <pc:docMk/>
            <pc:sldMk cId="3274860537" sldId="266"/>
            <ac:spMk id="74" creationId="{68A49F05-3707-6FF4-DCA1-C79662971EF7}"/>
          </ac:spMkLst>
        </pc:spChg>
        <pc:spChg chg="add mod">
          <ac:chgData name="Sara Mastrorosa" userId="d159c406-3740-4568-9f4d-6092b2495d2a" providerId="ADAL" clId="{8B86413B-2A1A-4226-BE53-109F0A4E8237}" dt="2023-09-28T07:29:22.407" v="18683" actId="207"/>
          <ac:spMkLst>
            <pc:docMk/>
            <pc:sldMk cId="3274860537" sldId="266"/>
            <ac:spMk id="75" creationId="{E4B38CF2-C961-EE9A-C8CA-BADFE53AD672}"/>
          </ac:spMkLst>
        </pc:spChg>
        <pc:graphicFrameChg chg="add mod modGraphic">
          <ac:chgData name="Sara Mastrorosa" userId="d159c406-3740-4568-9f4d-6092b2495d2a" providerId="ADAL" clId="{8B86413B-2A1A-4226-BE53-109F0A4E8237}" dt="2023-09-28T07:29:08.495" v="18678" actId="208"/>
          <ac:graphicFrameMkLst>
            <pc:docMk/>
            <pc:sldMk cId="3274860537" sldId="266"/>
            <ac:graphicFrameMk id="9" creationId="{2493807A-72CB-5439-02CD-DED0F0C01E52}"/>
          </ac:graphicFrameMkLst>
        </pc:graphicFrameChg>
        <pc:picChg chg="add mod">
          <ac:chgData name="Sara Mastrorosa" userId="d159c406-3740-4568-9f4d-6092b2495d2a" providerId="ADAL" clId="{8B86413B-2A1A-4226-BE53-109F0A4E8237}" dt="2023-09-28T09:07:19.703" v="20153"/>
          <ac:picMkLst>
            <pc:docMk/>
            <pc:sldMk cId="3274860537" sldId="266"/>
            <ac:picMk id="6" creationId="{84AB62EB-AA74-2BA2-7C49-21C9E20E477A}"/>
          </ac:picMkLst>
        </pc:picChg>
        <pc:picChg chg="del">
          <ac:chgData name="Sara Mastrorosa" userId="d159c406-3740-4568-9f4d-6092b2495d2a" providerId="ADAL" clId="{8B86413B-2A1A-4226-BE53-109F0A4E8237}" dt="2023-09-27T06:48:14.754" v="9462" actId="478"/>
          <ac:picMkLst>
            <pc:docMk/>
            <pc:sldMk cId="3274860537" sldId="266"/>
            <ac:picMk id="6" creationId="{8BAEB3D7-B1E0-34FF-190F-F9CAEEA9AAB6}"/>
          </ac:picMkLst>
        </pc:picChg>
        <pc:picChg chg="del">
          <ac:chgData name="Sara Mastrorosa" userId="d159c406-3740-4568-9f4d-6092b2495d2a" providerId="ADAL" clId="{8B86413B-2A1A-4226-BE53-109F0A4E8237}" dt="2023-09-27T06:48:15.271" v="9463" actId="478"/>
          <ac:picMkLst>
            <pc:docMk/>
            <pc:sldMk cId="3274860537" sldId="266"/>
            <ac:picMk id="8" creationId="{34CF9E01-4EDC-E1E8-25AD-CF50B74CFDD5}"/>
          </ac:picMkLst>
        </pc:picChg>
        <pc:picChg chg="add mod">
          <ac:chgData name="Sara Mastrorosa" userId="d159c406-3740-4568-9f4d-6092b2495d2a" providerId="ADAL" clId="{8B86413B-2A1A-4226-BE53-109F0A4E8237}" dt="2023-09-27T07:51:54.147" v="10953" actId="207"/>
          <ac:picMkLst>
            <pc:docMk/>
            <pc:sldMk cId="3274860537" sldId="266"/>
            <ac:picMk id="20" creationId="{18EF38F9-2845-AE7E-E12A-ED23D15C4CA9}"/>
          </ac:picMkLst>
        </pc:picChg>
        <pc:picChg chg="add mod">
          <ac:chgData name="Sara Mastrorosa" userId="d159c406-3740-4568-9f4d-6092b2495d2a" providerId="ADAL" clId="{8B86413B-2A1A-4226-BE53-109F0A4E8237}" dt="2023-09-27T09:03:19.271" v="11602" actId="1076"/>
          <ac:picMkLst>
            <pc:docMk/>
            <pc:sldMk cId="3274860537" sldId="266"/>
            <ac:picMk id="23" creationId="{7AE25FF8-C860-9BB7-3F97-0F06226BCE99}"/>
          </ac:picMkLst>
        </pc:picChg>
        <pc:picChg chg="add del mod">
          <ac:chgData name="Sara Mastrorosa" userId="d159c406-3740-4568-9f4d-6092b2495d2a" providerId="ADAL" clId="{8B86413B-2A1A-4226-BE53-109F0A4E8237}" dt="2023-09-27T07:31:53.422" v="10523" actId="478"/>
          <ac:picMkLst>
            <pc:docMk/>
            <pc:sldMk cId="3274860537" sldId="266"/>
            <ac:picMk id="25" creationId="{81EE3C1E-7F3D-C22C-6153-139154EF30D2}"/>
          </ac:picMkLst>
        </pc:picChg>
        <pc:picChg chg="add mod">
          <ac:chgData name="Sara Mastrorosa" userId="d159c406-3740-4568-9f4d-6092b2495d2a" providerId="ADAL" clId="{8B86413B-2A1A-4226-BE53-109F0A4E8237}" dt="2023-09-27T07:51:54.147" v="10953" actId="207"/>
          <ac:picMkLst>
            <pc:docMk/>
            <pc:sldMk cId="3274860537" sldId="266"/>
            <ac:picMk id="27" creationId="{EE920661-E7F8-7747-9450-12E2B2D76C9C}"/>
          </ac:picMkLst>
        </pc:picChg>
        <pc:picChg chg="add mod">
          <ac:chgData name="Sara Mastrorosa" userId="d159c406-3740-4568-9f4d-6092b2495d2a" providerId="ADAL" clId="{8B86413B-2A1A-4226-BE53-109F0A4E8237}" dt="2023-09-27T07:51:54.147" v="10953" actId="207"/>
          <ac:picMkLst>
            <pc:docMk/>
            <pc:sldMk cId="3274860537" sldId="266"/>
            <ac:picMk id="29" creationId="{4693EED8-55DA-9200-AFFD-882AE2EFF972}"/>
          </ac:picMkLst>
        </pc:picChg>
        <pc:picChg chg="add mod">
          <ac:chgData name="Sara Mastrorosa" userId="d159c406-3740-4568-9f4d-6092b2495d2a" providerId="ADAL" clId="{8B86413B-2A1A-4226-BE53-109F0A4E8237}" dt="2023-09-27T07:52:19.011" v="10956" actId="207"/>
          <ac:picMkLst>
            <pc:docMk/>
            <pc:sldMk cId="3274860537" sldId="266"/>
            <ac:picMk id="36" creationId="{4000DF85-7796-48C1-F527-FBDFF40F81FE}"/>
          </ac:picMkLst>
        </pc:picChg>
        <pc:picChg chg="add mod">
          <ac:chgData name="Sara Mastrorosa" userId="d159c406-3740-4568-9f4d-6092b2495d2a" providerId="ADAL" clId="{8B86413B-2A1A-4226-BE53-109F0A4E8237}" dt="2023-09-27T07:52:19.011" v="10956" actId="207"/>
          <ac:picMkLst>
            <pc:docMk/>
            <pc:sldMk cId="3274860537" sldId="266"/>
            <ac:picMk id="38" creationId="{0F305E76-EB0B-CBA6-3832-022E35A39AAB}"/>
          </ac:picMkLst>
        </pc:picChg>
        <pc:picChg chg="add mod">
          <ac:chgData name="Sara Mastrorosa" userId="d159c406-3740-4568-9f4d-6092b2495d2a" providerId="ADAL" clId="{8B86413B-2A1A-4226-BE53-109F0A4E8237}" dt="2023-09-27T07:32:45.778" v="10533" actId="571"/>
          <ac:picMkLst>
            <pc:docMk/>
            <pc:sldMk cId="3274860537" sldId="266"/>
            <ac:picMk id="40" creationId="{461D608F-6B68-85BC-C568-7E8EB440285D}"/>
          </ac:picMkLst>
        </pc:picChg>
        <pc:picChg chg="add mod">
          <ac:chgData name="Sara Mastrorosa" userId="d159c406-3740-4568-9f4d-6092b2495d2a" providerId="ADAL" clId="{8B86413B-2A1A-4226-BE53-109F0A4E8237}" dt="2023-09-27T07:52:19.011" v="10956" actId="207"/>
          <ac:picMkLst>
            <pc:docMk/>
            <pc:sldMk cId="3274860537" sldId="266"/>
            <ac:picMk id="42" creationId="{41A3FBDA-5988-1B03-9061-E6C3D229CDB8}"/>
          </ac:picMkLst>
        </pc:picChg>
        <pc:picChg chg="add mod">
          <ac:chgData name="Sara Mastrorosa" userId="d159c406-3740-4568-9f4d-6092b2495d2a" providerId="ADAL" clId="{8B86413B-2A1A-4226-BE53-109F0A4E8237}" dt="2023-09-27T07:52:48.873" v="10959" actId="207"/>
          <ac:picMkLst>
            <pc:docMk/>
            <pc:sldMk cId="3274860537" sldId="266"/>
            <ac:picMk id="60" creationId="{6589BAEC-B1FE-B0F3-1FFF-FE93CF1D1B1B}"/>
          </ac:picMkLst>
        </pc:picChg>
        <pc:picChg chg="add mod">
          <ac:chgData name="Sara Mastrorosa" userId="d159c406-3740-4568-9f4d-6092b2495d2a" providerId="ADAL" clId="{8B86413B-2A1A-4226-BE53-109F0A4E8237}" dt="2023-09-27T07:52:48.873" v="10959" actId="207"/>
          <ac:picMkLst>
            <pc:docMk/>
            <pc:sldMk cId="3274860537" sldId="266"/>
            <ac:picMk id="62" creationId="{5BB4DB78-86E3-122E-071E-DEB484E1713F}"/>
          </ac:picMkLst>
        </pc:picChg>
        <pc:picChg chg="add mod">
          <ac:chgData name="Sara Mastrorosa" userId="d159c406-3740-4568-9f4d-6092b2495d2a" providerId="ADAL" clId="{8B86413B-2A1A-4226-BE53-109F0A4E8237}" dt="2023-09-27T12:06:47.478" v="16672"/>
          <ac:picMkLst>
            <pc:docMk/>
            <pc:sldMk cId="3274860537" sldId="266"/>
            <ac:picMk id="77" creationId="{1EC15D61-6EFD-FD79-94CA-6BFC9D488A52}"/>
          </ac:picMkLst>
        </pc:picChg>
        <pc:cxnChg chg="add mod">
          <ac:chgData name="Sara Mastrorosa" userId="d159c406-3740-4568-9f4d-6092b2495d2a" providerId="ADAL" clId="{8B86413B-2A1A-4226-BE53-109F0A4E8237}" dt="2023-09-28T07:00:57.269" v="18174" actId="1582"/>
          <ac:cxnSpMkLst>
            <pc:docMk/>
            <pc:sldMk cId="3274860537" sldId="266"/>
            <ac:cxnSpMk id="45" creationId="{E72B6CFE-5F09-735B-E872-6AF8E11B01F4}"/>
          </ac:cxnSpMkLst>
        </pc:cxnChg>
        <pc:cxnChg chg="add mod">
          <ac:chgData name="Sara Mastrorosa" userId="d159c406-3740-4568-9f4d-6092b2495d2a" providerId="ADAL" clId="{8B86413B-2A1A-4226-BE53-109F0A4E8237}" dt="2023-09-28T07:00:57.269" v="18174" actId="1582"/>
          <ac:cxnSpMkLst>
            <pc:docMk/>
            <pc:sldMk cId="3274860537" sldId="266"/>
            <ac:cxnSpMk id="46" creationId="{454A06DC-701F-66D9-53AD-EF0CF7E6E8D6}"/>
          </ac:cxnSpMkLst>
        </pc:cxnChg>
        <pc:cxnChg chg="add del mod">
          <ac:chgData name="Sara Mastrorosa" userId="d159c406-3740-4568-9f4d-6092b2495d2a" providerId="ADAL" clId="{8B86413B-2A1A-4226-BE53-109F0A4E8237}" dt="2023-09-27T07:34:40.138" v="10587" actId="478"/>
          <ac:cxnSpMkLst>
            <pc:docMk/>
            <pc:sldMk cId="3274860537" sldId="266"/>
            <ac:cxnSpMk id="52" creationId="{C565AEF3-EBCB-3352-1E56-36DC38060899}"/>
          </ac:cxnSpMkLst>
        </pc:cxnChg>
        <pc:cxnChg chg="add mod">
          <ac:chgData name="Sara Mastrorosa" userId="d159c406-3740-4568-9f4d-6092b2495d2a" providerId="ADAL" clId="{8B86413B-2A1A-4226-BE53-109F0A4E8237}" dt="2023-09-28T07:02:41.067" v="18175" actId="1582"/>
          <ac:cxnSpMkLst>
            <pc:docMk/>
            <pc:sldMk cId="3274860537" sldId="266"/>
            <ac:cxnSpMk id="53" creationId="{DDCE04D4-6D2D-5E64-F1F9-12A4C03A2DB7}"/>
          </ac:cxnSpMkLst>
        </pc:cxnChg>
        <pc:cxnChg chg="add mod">
          <ac:chgData name="Sara Mastrorosa" userId="d159c406-3740-4568-9f4d-6092b2495d2a" providerId="ADAL" clId="{8B86413B-2A1A-4226-BE53-109F0A4E8237}" dt="2023-09-28T07:02:41.067" v="18175" actId="1582"/>
          <ac:cxnSpMkLst>
            <pc:docMk/>
            <pc:sldMk cId="3274860537" sldId="266"/>
            <ac:cxnSpMk id="54" creationId="{9643A186-53E5-7B77-57B7-D5827CD20F07}"/>
          </ac:cxnSpMkLst>
        </pc:cxnChg>
        <pc:cxnChg chg="add mod">
          <ac:chgData name="Sara Mastrorosa" userId="d159c406-3740-4568-9f4d-6092b2495d2a" providerId="ADAL" clId="{8B86413B-2A1A-4226-BE53-109F0A4E8237}" dt="2023-09-28T07:29:13.422" v="18679" actId="208"/>
          <ac:cxnSpMkLst>
            <pc:docMk/>
            <pc:sldMk cId="3274860537" sldId="266"/>
            <ac:cxnSpMk id="64" creationId="{DB445FFD-9D58-C4ED-D24D-1B6E24D1AD90}"/>
          </ac:cxnSpMkLst>
        </pc:cxnChg>
        <pc:cxnChg chg="add mod">
          <ac:chgData name="Sara Mastrorosa" userId="d159c406-3740-4568-9f4d-6092b2495d2a" providerId="ADAL" clId="{8B86413B-2A1A-4226-BE53-109F0A4E8237}" dt="2023-09-28T07:29:15.820" v="18680" actId="208"/>
          <ac:cxnSpMkLst>
            <pc:docMk/>
            <pc:sldMk cId="3274860537" sldId="266"/>
            <ac:cxnSpMk id="66" creationId="{33FD0F34-2B4E-1C1F-57C0-12AF4E3565A1}"/>
          </ac:cxnSpMkLst>
        </pc:cxnChg>
      </pc:sldChg>
      <pc:sldChg chg="addSp delSp modSp add mod ord">
        <pc:chgData name="Sara Mastrorosa" userId="d159c406-3740-4568-9f4d-6092b2495d2a" providerId="ADAL" clId="{8B86413B-2A1A-4226-BE53-109F0A4E8237}" dt="2023-10-02T10:44:39.823" v="24056" actId="1076"/>
        <pc:sldMkLst>
          <pc:docMk/>
          <pc:sldMk cId="3143300882" sldId="267"/>
        </pc:sldMkLst>
        <pc:spChg chg="add mod">
          <ac:chgData name="Sara Mastrorosa" userId="d159c406-3740-4568-9f4d-6092b2495d2a" providerId="ADAL" clId="{8B86413B-2A1A-4226-BE53-109F0A4E8237}" dt="2023-10-02T10:44:39.823" v="24056" actId="1076"/>
          <ac:spMkLst>
            <pc:docMk/>
            <pc:sldMk cId="3143300882" sldId="267"/>
            <ac:spMk id="2" creationId="{122FD5BD-DAF5-1A87-AE17-933C9433B867}"/>
          </ac:spMkLst>
        </pc:spChg>
        <pc:spChg chg="mod">
          <ac:chgData name="Sara Mastrorosa" userId="d159c406-3740-4568-9f4d-6092b2495d2a" providerId="ADAL" clId="{8B86413B-2A1A-4226-BE53-109F0A4E8237}" dt="2023-09-27T10:21:18.841" v="16555" actId="1037"/>
          <ac:spMkLst>
            <pc:docMk/>
            <pc:sldMk cId="3143300882" sldId="267"/>
            <ac:spMk id="3" creationId="{58BB20F9-0383-6B17-B25C-EBC97B50B312}"/>
          </ac:spMkLst>
        </pc:spChg>
        <pc:spChg chg="mod">
          <ac:chgData name="Sara Mastrorosa" userId="d159c406-3740-4568-9f4d-6092b2495d2a" providerId="ADAL" clId="{8B86413B-2A1A-4226-BE53-109F0A4E8237}" dt="2023-09-28T09:07:38.846" v="20160" actId="1076"/>
          <ac:spMkLst>
            <pc:docMk/>
            <pc:sldMk cId="3143300882" sldId="267"/>
            <ac:spMk id="5" creationId="{08F2B45B-2BC1-44B2-4465-F8FD2B97328F}"/>
          </ac:spMkLst>
        </pc:spChg>
        <pc:spChg chg="add mod">
          <ac:chgData name="Sara Mastrorosa" userId="d159c406-3740-4568-9f4d-6092b2495d2a" providerId="ADAL" clId="{8B86413B-2A1A-4226-BE53-109F0A4E8237}" dt="2023-09-28T09:07:09.703" v="20151" actId="207"/>
          <ac:spMkLst>
            <pc:docMk/>
            <pc:sldMk cId="3143300882" sldId="267"/>
            <ac:spMk id="6" creationId="{5DFEE4FC-CB7A-6246-952B-FFB874944E08}"/>
          </ac:spMkLst>
        </pc:spChg>
        <pc:spChg chg="add del mod">
          <ac:chgData name="Sara Mastrorosa" userId="d159c406-3740-4568-9f4d-6092b2495d2a" providerId="ADAL" clId="{8B86413B-2A1A-4226-BE53-109F0A4E8237}" dt="2023-10-02T07:22:40.458" v="21873" actId="20577"/>
          <ac:spMkLst>
            <pc:docMk/>
            <pc:sldMk cId="3143300882" sldId="267"/>
            <ac:spMk id="7" creationId="{616ADD8D-3297-D2F9-C2A8-D1A9C88EE8C8}"/>
          </ac:spMkLst>
        </pc:spChg>
        <pc:spChg chg="add mod">
          <ac:chgData name="Sara Mastrorosa" userId="d159c406-3740-4568-9f4d-6092b2495d2a" providerId="ADAL" clId="{8B86413B-2A1A-4226-BE53-109F0A4E8237}" dt="2023-09-28T09:05:27.960" v="20136" actId="1076"/>
          <ac:spMkLst>
            <pc:docMk/>
            <pc:sldMk cId="3143300882" sldId="267"/>
            <ac:spMk id="9" creationId="{4A2FF5E8-B7C8-D3F0-C830-4717E2FD30F2}"/>
          </ac:spMkLst>
        </pc:spChg>
        <pc:spChg chg="add mod">
          <ac:chgData name="Sara Mastrorosa" userId="d159c406-3740-4568-9f4d-6092b2495d2a" providerId="ADAL" clId="{8B86413B-2A1A-4226-BE53-109F0A4E8237}" dt="2023-09-27T10:17:20.658" v="16424" actId="1036"/>
          <ac:spMkLst>
            <pc:docMk/>
            <pc:sldMk cId="3143300882" sldId="267"/>
            <ac:spMk id="10" creationId="{8609373F-287F-D060-FC0C-9A87CD90D3CD}"/>
          </ac:spMkLst>
        </pc:spChg>
        <pc:spChg chg="add mod">
          <ac:chgData name="Sara Mastrorosa" userId="d159c406-3740-4568-9f4d-6092b2495d2a" providerId="ADAL" clId="{8B86413B-2A1A-4226-BE53-109F0A4E8237}" dt="2023-09-28T14:14:53.966" v="21383" actId="1038"/>
          <ac:spMkLst>
            <pc:docMk/>
            <pc:sldMk cId="3143300882" sldId="267"/>
            <ac:spMk id="12" creationId="{84A6FEE9-C9B5-59B2-F810-29649986BAE1}"/>
          </ac:spMkLst>
        </pc:spChg>
        <pc:spChg chg="add mod">
          <ac:chgData name="Sara Mastrorosa" userId="d159c406-3740-4568-9f4d-6092b2495d2a" providerId="ADAL" clId="{8B86413B-2A1A-4226-BE53-109F0A4E8237}" dt="2023-09-27T10:17:20.658" v="16424" actId="1036"/>
          <ac:spMkLst>
            <pc:docMk/>
            <pc:sldMk cId="3143300882" sldId="267"/>
            <ac:spMk id="13" creationId="{F892B68B-D2AB-BF8C-9E7E-E5752B6238DC}"/>
          </ac:spMkLst>
        </pc:spChg>
        <pc:spChg chg="add del mod">
          <ac:chgData name="Sara Mastrorosa" userId="d159c406-3740-4568-9f4d-6092b2495d2a" providerId="ADAL" clId="{8B86413B-2A1A-4226-BE53-109F0A4E8237}" dt="2023-09-27T10:07:54.689" v="15737" actId="478"/>
          <ac:spMkLst>
            <pc:docMk/>
            <pc:sldMk cId="3143300882" sldId="267"/>
            <ac:spMk id="15" creationId="{5960BE4B-4DBE-21F4-B090-73B6D3632D03}"/>
          </ac:spMkLst>
        </pc:spChg>
        <pc:spChg chg="add del mod">
          <ac:chgData name="Sara Mastrorosa" userId="d159c406-3740-4568-9f4d-6092b2495d2a" providerId="ADAL" clId="{8B86413B-2A1A-4226-BE53-109F0A4E8237}" dt="2023-09-27T08:51:27.620" v="11323" actId="478"/>
          <ac:spMkLst>
            <pc:docMk/>
            <pc:sldMk cId="3143300882" sldId="267"/>
            <ac:spMk id="16" creationId="{64B2584C-7FBB-9C22-DA1D-C4FD7039CC3C}"/>
          </ac:spMkLst>
        </pc:spChg>
        <pc:spChg chg="add del">
          <ac:chgData name="Sara Mastrorosa" userId="d159c406-3740-4568-9f4d-6092b2495d2a" providerId="ADAL" clId="{8B86413B-2A1A-4226-BE53-109F0A4E8237}" dt="2023-09-27T08:53:18.542" v="11325" actId="22"/>
          <ac:spMkLst>
            <pc:docMk/>
            <pc:sldMk cId="3143300882" sldId="267"/>
            <ac:spMk id="18" creationId="{BB65E0B9-9254-E5F4-F747-6FD93F8FA9ED}"/>
          </ac:spMkLst>
        </pc:spChg>
        <pc:spChg chg="add mod">
          <ac:chgData name="Sara Mastrorosa" userId="d159c406-3740-4568-9f4d-6092b2495d2a" providerId="ADAL" clId="{8B86413B-2A1A-4226-BE53-109F0A4E8237}" dt="2023-09-27T10:17:20.658" v="16424" actId="1036"/>
          <ac:spMkLst>
            <pc:docMk/>
            <pc:sldMk cId="3143300882" sldId="267"/>
            <ac:spMk id="19" creationId="{093F846B-C0A5-9CD3-B75A-34B69ECB413D}"/>
          </ac:spMkLst>
        </pc:spChg>
        <pc:spChg chg="del">
          <ac:chgData name="Sara Mastrorosa" userId="d159c406-3740-4568-9f4d-6092b2495d2a" providerId="ADAL" clId="{8B86413B-2A1A-4226-BE53-109F0A4E8237}" dt="2023-09-27T07:50:07.934" v="10941" actId="478"/>
          <ac:spMkLst>
            <pc:docMk/>
            <pc:sldMk cId="3143300882" sldId="267"/>
            <ac:spMk id="21" creationId="{6EFEDFE3-DF2E-2E0E-D919-091246345CB0}"/>
          </ac:spMkLst>
        </pc:spChg>
        <pc:spChg chg="add mod">
          <ac:chgData name="Sara Mastrorosa" userId="d159c406-3740-4568-9f4d-6092b2495d2a" providerId="ADAL" clId="{8B86413B-2A1A-4226-BE53-109F0A4E8237}" dt="2023-09-27T10:17:20.658" v="16424" actId="1036"/>
          <ac:spMkLst>
            <pc:docMk/>
            <pc:sldMk cId="3143300882" sldId="267"/>
            <ac:spMk id="22" creationId="{D70D29A8-0FE0-5667-510E-724ED15D7EEE}"/>
          </ac:spMkLst>
        </pc:spChg>
        <pc:spChg chg="add mod">
          <ac:chgData name="Sara Mastrorosa" userId="d159c406-3740-4568-9f4d-6092b2495d2a" providerId="ADAL" clId="{8B86413B-2A1A-4226-BE53-109F0A4E8237}" dt="2023-09-27T10:17:20.658" v="16424" actId="1036"/>
          <ac:spMkLst>
            <pc:docMk/>
            <pc:sldMk cId="3143300882" sldId="267"/>
            <ac:spMk id="24" creationId="{57E30B77-E513-EEAE-6184-57815776342E}"/>
          </ac:spMkLst>
        </pc:spChg>
        <pc:spChg chg="add mod">
          <ac:chgData name="Sara Mastrorosa" userId="d159c406-3740-4568-9f4d-6092b2495d2a" providerId="ADAL" clId="{8B86413B-2A1A-4226-BE53-109F0A4E8237}" dt="2023-09-27T10:17:20.658" v="16424" actId="1036"/>
          <ac:spMkLst>
            <pc:docMk/>
            <pc:sldMk cId="3143300882" sldId="267"/>
            <ac:spMk id="25" creationId="{9B2A9903-FB7F-8C18-290F-A4EE7E14A41B}"/>
          </ac:spMkLst>
        </pc:spChg>
        <pc:spChg chg="add mod">
          <ac:chgData name="Sara Mastrorosa" userId="d159c406-3740-4568-9f4d-6092b2495d2a" providerId="ADAL" clId="{8B86413B-2A1A-4226-BE53-109F0A4E8237}" dt="2023-09-27T10:17:20.658" v="16424" actId="1036"/>
          <ac:spMkLst>
            <pc:docMk/>
            <pc:sldMk cId="3143300882" sldId="267"/>
            <ac:spMk id="26" creationId="{E43C3544-D3B6-5C9F-81F5-41BB76AE41D2}"/>
          </ac:spMkLst>
        </pc:spChg>
        <pc:spChg chg="add mod">
          <ac:chgData name="Sara Mastrorosa" userId="d159c406-3740-4568-9f4d-6092b2495d2a" providerId="ADAL" clId="{8B86413B-2A1A-4226-BE53-109F0A4E8237}" dt="2023-09-27T10:17:20.658" v="16424" actId="1036"/>
          <ac:spMkLst>
            <pc:docMk/>
            <pc:sldMk cId="3143300882" sldId="267"/>
            <ac:spMk id="28" creationId="{E0CE0152-2676-E918-4291-95B373922A8D}"/>
          </ac:spMkLst>
        </pc:spChg>
        <pc:spChg chg="del">
          <ac:chgData name="Sara Mastrorosa" userId="d159c406-3740-4568-9f4d-6092b2495d2a" providerId="ADAL" clId="{8B86413B-2A1A-4226-BE53-109F0A4E8237}" dt="2023-09-27T07:50:07.934" v="10941" actId="478"/>
          <ac:spMkLst>
            <pc:docMk/>
            <pc:sldMk cId="3143300882" sldId="267"/>
            <ac:spMk id="30" creationId="{85641AEE-6A58-06B8-BB94-132F8A31053F}"/>
          </ac:spMkLst>
        </pc:spChg>
        <pc:spChg chg="add del mod">
          <ac:chgData name="Sara Mastrorosa" userId="d159c406-3740-4568-9f4d-6092b2495d2a" providerId="ADAL" clId="{8B86413B-2A1A-4226-BE53-109F0A4E8237}" dt="2023-09-27T10:12:04.617" v="16088" actId="478"/>
          <ac:spMkLst>
            <pc:docMk/>
            <pc:sldMk cId="3143300882" sldId="267"/>
            <ac:spMk id="31" creationId="{3C410EEC-4F99-2A73-73B1-787E9D1DE9FB}"/>
          </ac:spMkLst>
        </pc:spChg>
        <pc:spChg chg="del">
          <ac:chgData name="Sara Mastrorosa" userId="d159c406-3740-4568-9f4d-6092b2495d2a" providerId="ADAL" clId="{8B86413B-2A1A-4226-BE53-109F0A4E8237}" dt="2023-09-27T07:50:07.934" v="10941" actId="478"/>
          <ac:spMkLst>
            <pc:docMk/>
            <pc:sldMk cId="3143300882" sldId="267"/>
            <ac:spMk id="32" creationId="{CD608849-205E-DBAE-DA21-E9F1AFB07CB4}"/>
          </ac:spMkLst>
        </pc:spChg>
        <pc:spChg chg="del">
          <ac:chgData name="Sara Mastrorosa" userId="d159c406-3740-4568-9f4d-6092b2495d2a" providerId="ADAL" clId="{8B86413B-2A1A-4226-BE53-109F0A4E8237}" dt="2023-09-27T07:50:07.934" v="10941" actId="478"/>
          <ac:spMkLst>
            <pc:docMk/>
            <pc:sldMk cId="3143300882" sldId="267"/>
            <ac:spMk id="34" creationId="{650251E9-787D-AB46-8F6E-CB6CE2D68A1A}"/>
          </ac:spMkLst>
        </pc:spChg>
        <pc:spChg chg="del">
          <ac:chgData name="Sara Mastrorosa" userId="d159c406-3740-4568-9f4d-6092b2495d2a" providerId="ADAL" clId="{8B86413B-2A1A-4226-BE53-109F0A4E8237}" dt="2023-09-27T07:50:07.934" v="10941" actId="478"/>
          <ac:spMkLst>
            <pc:docMk/>
            <pc:sldMk cId="3143300882" sldId="267"/>
            <ac:spMk id="37" creationId="{92AF1B3A-F548-1EFB-CBE9-F76F73314ED9}"/>
          </ac:spMkLst>
        </pc:spChg>
        <pc:spChg chg="del">
          <ac:chgData name="Sara Mastrorosa" userId="d159c406-3740-4568-9f4d-6092b2495d2a" providerId="ADAL" clId="{8B86413B-2A1A-4226-BE53-109F0A4E8237}" dt="2023-09-27T07:50:07.934" v="10941" actId="478"/>
          <ac:spMkLst>
            <pc:docMk/>
            <pc:sldMk cId="3143300882" sldId="267"/>
            <ac:spMk id="39" creationId="{3D939B87-4F10-05AB-1CBF-820A9757DC5F}"/>
          </ac:spMkLst>
        </pc:spChg>
        <pc:spChg chg="del">
          <ac:chgData name="Sara Mastrorosa" userId="d159c406-3740-4568-9f4d-6092b2495d2a" providerId="ADAL" clId="{8B86413B-2A1A-4226-BE53-109F0A4E8237}" dt="2023-09-27T07:50:07.934" v="10941" actId="478"/>
          <ac:spMkLst>
            <pc:docMk/>
            <pc:sldMk cId="3143300882" sldId="267"/>
            <ac:spMk id="43" creationId="{6EAA44C3-9D4D-E7F1-A2B2-871DB2F4D4FB}"/>
          </ac:spMkLst>
        </pc:spChg>
        <pc:spChg chg="del">
          <ac:chgData name="Sara Mastrorosa" userId="d159c406-3740-4568-9f4d-6092b2495d2a" providerId="ADAL" clId="{8B86413B-2A1A-4226-BE53-109F0A4E8237}" dt="2023-09-27T07:50:07.934" v="10941" actId="478"/>
          <ac:spMkLst>
            <pc:docMk/>
            <pc:sldMk cId="3143300882" sldId="267"/>
            <ac:spMk id="61" creationId="{A233D6C3-50D4-F8C4-57AF-3086D34B2CDC}"/>
          </ac:spMkLst>
        </pc:spChg>
        <pc:spChg chg="del">
          <ac:chgData name="Sara Mastrorosa" userId="d159c406-3740-4568-9f4d-6092b2495d2a" providerId="ADAL" clId="{8B86413B-2A1A-4226-BE53-109F0A4E8237}" dt="2023-09-27T07:50:07.934" v="10941" actId="478"/>
          <ac:spMkLst>
            <pc:docMk/>
            <pc:sldMk cId="3143300882" sldId="267"/>
            <ac:spMk id="63" creationId="{188F1A6A-B23A-FEA9-7C35-06784806CCE6}"/>
          </ac:spMkLst>
        </pc:spChg>
        <pc:graphicFrameChg chg="del">
          <ac:chgData name="Sara Mastrorosa" userId="d159c406-3740-4568-9f4d-6092b2495d2a" providerId="ADAL" clId="{8B86413B-2A1A-4226-BE53-109F0A4E8237}" dt="2023-09-27T07:50:10.274" v="10942" actId="478"/>
          <ac:graphicFrameMkLst>
            <pc:docMk/>
            <pc:sldMk cId="3143300882" sldId="267"/>
            <ac:graphicFrameMk id="9" creationId="{2493807A-72CB-5439-02CD-DED0F0C01E52}"/>
          </ac:graphicFrameMkLst>
        </pc:graphicFrameChg>
        <pc:picChg chg="add mod modCrop">
          <ac:chgData name="Sara Mastrorosa" userId="d159c406-3740-4568-9f4d-6092b2495d2a" providerId="ADAL" clId="{8B86413B-2A1A-4226-BE53-109F0A4E8237}" dt="2023-09-27T10:17:20.658" v="16424" actId="1036"/>
          <ac:picMkLst>
            <pc:docMk/>
            <pc:sldMk cId="3143300882" sldId="267"/>
            <ac:picMk id="4" creationId="{089C6848-AFC5-338B-B2CE-0DB302F7BC0C}"/>
          </ac:picMkLst>
        </pc:picChg>
        <pc:picChg chg="add mod">
          <ac:chgData name="Sara Mastrorosa" userId="d159c406-3740-4568-9f4d-6092b2495d2a" providerId="ADAL" clId="{8B86413B-2A1A-4226-BE53-109F0A4E8237}" dt="2023-09-27T10:17:20.658" v="16424" actId="1036"/>
          <ac:picMkLst>
            <pc:docMk/>
            <pc:sldMk cId="3143300882" sldId="267"/>
            <ac:picMk id="8" creationId="{700F3163-B876-9696-B4DD-4B74879E2474}"/>
          </ac:picMkLst>
        </pc:picChg>
        <pc:picChg chg="add mod">
          <ac:chgData name="Sara Mastrorosa" userId="d159c406-3740-4568-9f4d-6092b2495d2a" providerId="ADAL" clId="{8B86413B-2A1A-4226-BE53-109F0A4E8237}" dt="2023-09-27T10:17:20.658" v="16424" actId="1036"/>
          <ac:picMkLst>
            <pc:docMk/>
            <pc:sldMk cId="3143300882" sldId="267"/>
            <ac:picMk id="11" creationId="{7B19A6C8-0569-F841-BFE5-9C0A9639DD9E}"/>
          </ac:picMkLst>
        </pc:picChg>
        <pc:picChg chg="add mod">
          <ac:chgData name="Sara Mastrorosa" userId="d159c406-3740-4568-9f4d-6092b2495d2a" providerId="ADAL" clId="{8B86413B-2A1A-4226-BE53-109F0A4E8237}" dt="2023-09-28T09:07:12.750" v="20152" actId="207"/>
          <ac:picMkLst>
            <pc:docMk/>
            <pc:sldMk cId="3143300882" sldId="267"/>
            <ac:picMk id="14" creationId="{15C60654-0836-0300-DBD9-25C8FC1E3FA4}"/>
          </ac:picMkLst>
        </pc:picChg>
        <pc:picChg chg="del">
          <ac:chgData name="Sara Mastrorosa" userId="d159c406-3740-4568-9f4d-6092b2495d2a" providerId="ADAL" clId="{8B86413B-2A1A-4226-BE53-109F0A4E8237}" dt="2023-09-27T07:50:07.934" v="10941" actId="478"/>
          <ac:picMkLst>
            <pc:docMk/>
            <pc:sldMk cId="3143300882" sldId="267"/>
            <ac:picMk id="20" creationId="{18EF38F9-2845-AE7E-E12A-ED23D15C4CA9}"/>
          </ac:picMkLst>
        </pc:picChg>
        <pc:picChg chg="del">
          <ac:chgData name="Sara Mastrorosa" userId="d159c406-3740-4568-9f4d-6092b2495d2a" providerId="ADAL" clId="{8B86413B-2A1A-4226-BE53-109F0A4E8237}" dt="2023-09-27T07:50:07.934" v="10941" actId="478"/>
          <ac:picMkLst>
            <pc:docMk/>
            <pc:sldMk cId="3143300882" sldId="267"/>
            <ac:picMk id="23" creationId="{7AE25FF8-C860-9BB7-3F97-0F06226BCE99}"/>
          </ac:picMkLst>
        </pc:picChg>
        <pc:picChg chg="del">
          <ac:chgData name="Sara Mastrorosa" userId="d159c406-3740-4568-9f4d-6092b2495d2a" providerId="ADAL" clId="{8B86413B-2A1A-4226-BE53-109F0A4E8237}" dt="2023-09-27T07:50:07.934" v="10941" actId="478"/>
          <ac:picMkLst>
            <pc:docMk/>
            <pc:sldMk cId="3143300882" sldId="267"/>
            <ac:picMk id="27" creationId="{EE920661-E7F8-7747-9450-12E2B2D76C9C}"/>
          </ac:picMkLst>
        </pc:picChg>
        <pc:picChg chg="del">
          <ac:chgData name="Sara Mastrorosa" userId="d159c406-3740-4568-9f4d-6092b2495d2a" providerId="ADAL" clId="{8B86413B-2A1A-4226-BE53-109F0A4E8237}" dt="2023-09-27T07:50:07.934" v="10941" actId="478"/>
          <ac:picMkLst>
            <pc:docMk/>
            <pc:sldMk cId="3143300882" sldId="267"/>
            <ac:picMk id="29" creationId="{4693EED8-55DA-9200-AFFD-882AE2EFF972}"/>
          </ac:picMkLst>
        </pc:picChg>
        <pc:picChg chg="del">
          <ac:chgData name="Sara Mastrorosa" userId="d159c406-3740-4568-9f4d-6092b2495d2a" providerId="ADAL" clId="{8B86413B-2A1A-4226-BE53-109F0A4E8237}" dt="2023-09-27T07:50:07.934" v="10941" actId="478"/>
          <ac:picMkLst>
            <pc:docMk/>
            <pc:sldMk cId="3143300882" sldId="267"/>
            <ac:picMk id="36" creationId="{4000DF85-7796-48C1-F527-FBDFF40F81FE}"/>
          </ac:picMkLst>
        </pc:picChg>
        <pc:picChg chg="del">
          <ac:chgData name="Sara Mastrorosa" userId="d159c406-3740-4568-9f4d-6092b2495d2a" providerId="ADAL" clId="{8B86413B-2A1A-4226-BE53-109F0A4E8237}" dt="2023-09-27T07:50:07.934" v="10941" actId="478"/>
          <ac:picMkLst>
            <pc:docMk/>
            <pc:sldMk cId="3143300882" sldId="267"/>
            <ac:picMk id="38" creationId="{0F305E76-EB0B-CBA6-3832-022E35A39AAB}"/>
          </ac:picMkLst>
        </pc:picChg>
        <pc:picChg chg="del">
          <ac:chgData name="Sara Mastrorosa" userId="d159c406-3740-4568-9f4d-6092b2495d2a" providerId="ADAL" clId="{8B86413B-2A1A-4226-BE53-109F0A4E8237}" dt="2023-09-27T07:50:07.934" v="10941" actId="478"/>
          <ac:picMkLst>
            <pc:docMk/>
            <pc:sldMk cId="3143300882" sldId="267"/>
            <ac:picMk id="42" creationId="{41A3FBDA-5988-1B03-9061-E6C3D229CDB8}"/>
          </ac:picMkLst>
        </pc:picChg>
        <pc:picChg chg="del">
          <ac:chgData name="Sara Mastrorosa" userId="d159c406-3740-4568-9f4d-6092b2495d2a" providerId="ADAL" clId="{8B86413B-2A1A-4226-BE53-109F0A4E8237}" dt="2023-09-27T07:50:07.934" v="10941" actId="478"/>
          <ac:picMkLst>
            <pc:docMk/>
            <pc:sldMk cId="3143300882" sldId="267"/>
            <ac:picMk id="60" creationId="{6589BAEC-B1FE-B0F3-1FFF-FE93CF1D1B1B}"/>
          </ac:picMkLst>
        </pc:picChg>
        <pc:picChg chg="del">
          <ac:chgData name="Sara Mastrorosa" userId="d159c406-3740-4568-9f4d-6092b2495d2a" providerId="ADAL" clId="{8B86413B-2A1A-4226-BE53-109F0A4E8237}" dt="2023-09-27T07:50:07.934" v="10941" actId="478"/>
          <ac:picMkLst>
            <pc:docMk/>
            <pc:sldMk cId="3143300882" sldId="267"/>
            <ac:picMk id="62" creationId="{5BB4DB78-86E3-122E-071E-DEB484E1713F}"/>
          </ac:picMkLst>
        </pc:picChg>
        <pc:cxnChg chg="del">
          <ac:chgData name="Sara Mastrorosa" userId="d159c406-3740-4568-9f4d-6092b2495d2a" providerId="ADAL" clId="{8B86413B-2A1A-4226-BE53-109F0A4E8237}" dt="2023-09-27T07:50:07.934" v="10941" actId="478"/>
          <ac:cxnSpMkLst>
            <pc:docMk/>
            <pc:sldMk cId="3143300882" sldId="267"/>
            <ac:cxnSpMk id="45" creationId="{E72B6CFE-5F09-735B-E872-6AF8E11B01F4}"/>
          </ac:cxnSpMkLst>
        </pc:cxnChg>
        <pc:cxnChg chg="del">
          <ac:chgData name="Sara Mastrorosa" userId="d159c406-3740-4568-9f4d-6092b2495d2a" providerId="ADAL" clId="{8B86413B-2A1A-4226-BE53-109F0A4E8237}" dt="2023-09-27T07:50:07.934" v="10941" actId="478"/>
          <ac:cxnSpMkLst>
            <pc:docMk/>
            <pc:sldMk cId="3143300882" sldId="267"/>
            <ac:cxnSpMk id="46" creationId="{454A06DC-701F-66D9-53AD-EF0CF7E6E8D6}"/>
          </ac:cxnSpMkLst>
        </pc:cxnChg>
        <pc:cxnChg chg="del">
          <ac:chgData name="Sara Mastrorosa" userId="d159c406-3740-4568-9f4d-6092b2495d2a" providerId="ADAL" clId="{8B86413B-2A1A-4226-BE53-109F0A4E8237}" dt="2023-09-27T07:50:07.934" v="10941" actId="478"/>
          <ac:cxnSpMkLst>
            <pc:docMk/>
            <pc:sldMk cId="3143300882" sldId="267"/>
            <ac:cxnSpMk id="53" creationId="{DDCE04D4-6D2D-5E64-F1F9-12A4C03A2DB7}"/>
          </ac:cxnSpMkLst>
        </pc:cxnChg>
        <pc:cxnChg chg="del">
          <ac:chgData name="Sara Mastrorosa" userId="d159c406-3740-4568-9f4d-6092b2495d2a" providerId="ADAL" clId="{8B86413B-2A1A-4226-BE53-109F0A4E8237}" dt="2023-09-27T07:50:07.934" v="10941" actId="478"/>
          <ac:cxnSpMkLst>
            <pc:docMk/>
            <pc:sldMk cId="3143300882" sldId="267"/>
            <ac:cxnSpMk id="54" creationId="{9643A186-53E5-7B77-57B7-D5827CD20F07}"/>
          </ac:cxnSpMkLst>
        </pc:cxnChg>
        <pc:cxnChg chg="del">
          <ac:chgData name="Sara Mastrorosa" userId="d159c406-3740-4568-9f4d-6092b2495d2a" providerId="ADAL" clId="{8B86413B-2A1A-4226-BE53-109F0A4E8237}" dt="2023-09-27T07:50:07.934" v="10941" actId="478"/>
          <ac:cxnSpMkLst>
            <pc:docMk/>
            <pc:sldMk cId="3143300882" sldId="267"/>
            <ac:cxnSpMk id="64" creationId="{DB445FFD-9D58-C4ED-D24D-1B6E24D1AD90}"/>
          </ac:cxnSpMkLst>
        </pc:cxnChg>
        <pc:cxnChg chg="del">
          <ac:chgData name="Sara Mastrorosa" userId="d159c406-3740-4568-9f4d-6092b2495d2a" providerId="ADAL" clId="{8B86413B-2A1A-4226-BE53-109F0A4E8237}" dt="2023-09-27T07:50:07.934" v="10941" actId="478"/>
          <ac:cxnSpMkLst>
            <pc:docMk/>
            <pc:sldMk cId="3143300882" sldId="267"/>
            <ac:cxnSpMk id="66" creationId="{33FD0F34-2B4E-1C1F-57C0-12AF4E3565A1}"/>
          </ac:cxnSpMkLst>
        </pc:cxnChg>
      </pc:sldChg>
      <pc:sldChg chg="addSp delSp modSp add del mod">
        <pc:chgData name="Sara Mastrorosa" userId="d159c406-3740-4568-9f4d-6092b2495d2a" providerId="ADAL" clId="{8B86413B-2A1A-4226-BE53-109F0A4E8237}" dt="2023-09-27T10:05:32.569" v="15676" actId="47"/>
        <pc:sldMkLst>
          <pc:docMk/>
          <pc:sldMk cId="3804653098" sldId="268"/>
        </pc:sldMkLst>
        <pc:spChg chg="mod">
          <ac:chgData name="Sara Mastrorosa" userId="d159c406-3740-4568-9f4d-6092b2495d2a" providerId="ADAL" clId="{8B86413B-2A1A-4226-BE53-109F0A4E8237}" dt="2023-09-27T08:56:15.638" v="11360" actId="21"/>
          <ac:spMkLst>
            <pc:docMk/>
            <pc:sldMk cId="3804653098" sldId="268"/>
            <ac:spMk id="7" creationId="{616ADD8D-3297-D2F9-C2A8-D1A9C88EE8C8}"/>
          </ac:spMkLst>
        </pc:spChg>
        <pc:spChg chg="del">
          <ac:chgData name="Sara Mastrorosa" userId="d159c406-3740-4568-9f4d-6092b2495d2a" providerId="ADAL" clId="{8B86413B-2A1A-4226-BE53-109F0A4E8237}" dt="2023-09-27T08:53:27.827" v="11328" actId="478"/>
          <ac:spMkLst>
            <pc:docMk/>
            <pc:sldMk cId="3804653098" sldId="268"/>
            <ac:spMk id="10" creationId="{8609373F-287F-D060-FC0C-9A87CD90D3CD}"/>
          </ac:spMkLst>
        </pc:spChg>
        <pc:spChg chg="del">
          <ac:chgData name="Sara Mastrorosa" userId="d159c406-3740-4568-9f4d-6092b2495d2a" providerId="ADAL" clId="{8B86413B-2A1A-4226-BE53-109F0A4E8237}" dt="2023-09-27T08:53:26.493" v="11327" actId="478"/>
          <ac:spMkLst>
            <pc:docMk/>
            <pc:sldMk cId="3804653098" sldId="268"/>
            <ac:spMk id="12" creationId="{84A6FEE9-C9B5-59B2-F810-29649986BAE1}"/>
          </ac:spMkLst>
        </pc:spChg>
        <pc:spChg chg="del">
          <ac:chgData name="Sara Mastrorosa" userId="d159c406-3740-4568-9f4d-6092b2495d2a" providerId="ADAL" clId="{8B86413B-2A1A-4226-BE53-109F0A4E8237}" dt="2023-09-27T08:53:26.493" v="11327" actId="478"/>
          <ac:spMkLst>
            <pc:docMk/>
            <pc:sldMk cId="3804653098" sldId="268"/>
            <ac:spMk id="13" creationId="{F892B68B-D2AB-BF8C-9E7E-E5752B6238DC}"/>
          </ac:spMkLst>
        </pc:spChg>
        <pc:spChg chg="mod">
          <ac:chgData name="Sara Mastrorosa" userId="d159c406-3740-4568-9f4d-6092b2495d2a" providerId="ADAL" clId="{8B86413B-2A1A-4226-BE53-109F0A4E8237}" dt="2023-09-27T09:21:00.465" v="12482" actId="1076"/>
          <ac:spMkLst>
            <pc:docMk/>
            <pc:sldMk cId="3804653098" sldId="268"/>
            <ac:spMk id="15" creationId="{5960BE4B-4DBE-21F4-B090-73B6D3632D03}"/>
          </ac:spMkLst>
        </pc:spChg>
        <pc:spChg chg="add mod">
          <ac:chgData name="Sara Mastrorosa" userId="d159c406-3740-4568-9f4d-6092b2495d2a" providerId="ADAL" clId="{8B86413B-2A1A-4226-BE53-109F0A4E8237}" dt="2023-09-27T08:56:59.733" v="11374" actId="1076"/>
          <ac:spMkLst>
            <pc:docMk/>
            <pc:sldMk cId="3804653098" sldId="268"/>
            <ac:spMk id="24" creationId="{C3B89465-7531-D27B-B522-C31A85629DF8}"/>
          </ac:spMkLst>
        </pc:spChg>
        <pc:spChg chg="add del">
          <ac:chgData name="Sara Mastrorosa" userId="d159c406-3740-4568-9f4d-6092b2495d2a" providerId="ADAL" clId="{8B86413B-2A1A-4226-BE53-109F0A4E8237}" dt="2023-09-27T09:00:22.949" v="11416" actId="22"/>
          <ac:spMkLst>
            <pc:docMk/>
            <pc:sldMk cId="3804653098" sldId="268"/>
            <ac:spMk id="32" creationId="{D6494429-3B16-0A6C-761E-D105CD2B7D75}"/>
          </ac:spMkLst>
        </pc:spChg>
        <pc:picChg chg="mod">
          <ac:chgData name="Sara Mastrorosa" userId="d159c406-3740-4568-9f4d-6092b2495d2a" providerId="ADAL" clId="{8B86413B-2A1A-4226-BE53-109F0A4E8237}" dt="2023-09-27T08:56:41.236" v="11368" actId="1076"/>
          <ac:picMkLst>
            <pc:docMk/>
            <pc:sldMk cId="3804653098" sldId="268"/>
            <ac:picMk id="4" creationId="{089C6848-AFC5-338B-B2CE-0DB302F7BC0C}"/>
          </ac:picMkLst>
        </pc:picChg>
        <pc:picChg chg="del">
          <ac:chgData name="Sara Mastrorosa" userId="d159c406-3740-4568-9f4d-6092b2495d2a" providerId="ADAL" clId="{8B86413B-2A1A-4226-BE53-109F0A4E8237}" dt="2023-09-27T08:53:26.493" v="11327" actId="478"/>
          <ac:picMkLst>
            <pc:docMk/>
            <pc:sldMk cId="3804653098" sldId="268"/>
            <ac:picMk id="8" creationId="{700F3163-B876-9696-B4DD-4B74879E2474}"/>
          </ac:picMkLst>
        </pc:picChg>
        <pc:picChg chg="del">
          <ac:chgData name="Sara Mastrorosa" userId="d159c406-3740-4568-9f4d-6092b2495d2a" providerId="ADAL" clId="{8B86413B-2A1A-4226-BE53-109F0A4E8237}" dt="2023-09-27T08:53:26.493" v="11327" actId="478"/>
          <ac:picMkLst>
            <pc:docMk/>
            <pc:sldMk cId="3804653098" sldId="268"/>
            <ac:picMk id="11" creationId="{7B19A6C8-0569-F841-BFE5-9C0A9639DD9E}"/>
          </ac:picMkLst>
        </pc:picChg>
        <pc:cxnChg chg="add mod">
          <ac:chgData name="Sara Mastrorosa" userId="d159c406-3740-4568-9f4d-6092b2495d2a" providerId="ADAL" clId="{8B86413B-2A1A-4226-BE53-109F0A4E8237}" dt="2023-09-27T08:56:15.638" v="11360" actId="21"/>
          <ac:cxnSpMkLst>
            <pc:docMk/>
            <pc:sldMk cId="3804653098" sldId="268"/>
            <ac:cxnSpMk id="6" creationId="{1A9785B1-2E55-0676-464B-82F63D5ECADB}"/>
          </ac:cxnSpMkLst>
        </pc:cxnChg>
        <pc:cxnChg chg="add mod">
          <ac:chgData name="Sara Mastrorosa" userId="d159c406-3740-4568-9f4d-6092b2495d2a" providerId="ADAL" clId="{8B86413B-2A1A-4226-BE53-109F0A4E8237}" dt="2023-09-27T09:21:00.465" v="12482" actId="1076"/>
          <ac:cxnSpMkLst>
            <pc:docMk/>
            <pc:sldMk cId="3804653098" sldId="268"/>
            <ac:cxnSpMk id="19" creationId="{CC2A5F6E-AFFC-2F5B-CD7D-5EADE52A1FD5}"/>
          </ac:cxnSpMkLst>
        </pc:cxnChg>
        <pc:cxnChg chg="add mod">
          <ac:chgData name="Sara Mastrorosa" userId="d159c406-3740-4568-9f4d-6092b2495d2a" providerId="ADAL" clId="{8B86413B-2A1A-4226-BE53-109F0A4E8237}" dt="2023-09-27T08:57:07.707" v="11377" actId="14100"/>
          <ac:cxnSpMkLst>
            <pc:docMk/>
            <pc:sldMk cId="3804653098" sldId="268"/>
            <ac:cxnSpMk id="28" creationId="{D531591B-E69E-3EAD-55FB-B00D5706FA15}"/>
          </ac:cxnSpMkLst>
        </pc:cxnChg>
      </pc:sldChg>
      <pc:sldChg chg="addSp delSp modSp add del mod">
        <pc:chgData name="Sara Mastrorosa" userId="d159c406-3740-4568-9f4d-6092b2495d2a" providerId="ADAL" clId="{8B86413B-2A1A-4226-BE53-109F0A4E8237}" dt="2023-09-27T10:05:36.119" v="15677" actId="47"/>
        <pc:sldMkLst>
          <pc:docMk/>
          <pc:sldMk cId="3000039348" sldId="269"/>
        </pc:sldMkLst>
        <pc:spChg chg="del mod">
          <ac:chgData name="Sara Mastrorosa" userId="d159c406-3740-4568-9f4d-6092b2495d2a" providerId="ADAL" clId="{8B86413B-2A1A-4226-BE53-109F0A4E8237}" dt="2023-09-27T09:29:30.346" v="13094" actId="478"/>
          <ac:spMkLst>
            <pc:docMk/>
            <pc:sldMk cId="3000039348" sldId="269"/>
            <ac:spMk id="3" creationId="{58BB20F9-0383-6B17-B25C-EBC97B50B312}"/>
          </ac:spMkLst>
        </pc:spChg>
        <pc:spChg chg="del">
          <ac:chgData name="Sara Mastrorosa" userId="d159c406-3740-4568-9f4d-6092b2495d2a" providerId="ADAL" clId="{8B86413B-2A1A-4226-BE53-109F0A4E8237}" dt="2023-09-27T09:00:32.846" v="11418" actId="478"/>
          <ac:spMkLst>
            <pc:docMk/>
            <pc:sldMk cId="3000039348" sldId="269"/>
            <ac:spMk id="7" creationId="{616ADD8D-3297-D2F9-C2A8-D1A9C88EE8C8}"/>
          </ac:spMkLst>
        </pc:spChg>
        <pc:spChg chg="del">
          <ac:chgData name="Sara Mastrorosa" userId="d159c406-3740-4568-9f4d-6092b2495d2a" providerId="ADAL" clId="{8B86413B-2A1A-4226-BE53-109F0A4E8237}" dt="2023-09-27T09:00:35.016" v="11420" actId="478"/>
          <ac:spMkLst>
            <pc:docMk/>
            <pc:sldMk cId="3000039348" sldId="269"/>
            <ac:spMk id="10" creationId="{8609373F-287F-D060-FC0C-9A87CD90D3CD}"/>
          </ac:spMkLst>
        </pc:spChg>
        <pc:spChg chg="del">
          <ac:chgData name="Sara Mastrorosa" userId="d159c406-3740-4568-9f4d-6092b2495d2a" providerId="ADAL" clId="{8B86413B-2A1A-4226-BE53-109F0A4E8237}" dt="2023-09-27T09:00:32.846" v="11418" actId="478"/>
          <ac:spMkLst>
            <pc:docMk/>
            <pc:sldMk cId="3000039348" sldId="269"/>
            <ac:spMk id="12" creationId="{84A6FEE9-C9B5-59B2-F810-29649986BAE1}"/>
          </ac:spMkLst>
        </pc:spChg>
        <pc:spChg chg="del">
          <ac:chgData name="Sara Mastrorosa" userId="d159c406-3740-4568-9f4d-6092b2495d2a" providerId="ADAL" clId="{8B86413B-2A1A-4226-BE53-109F0A4E8237}" dt="2023-09-27T09:00:32.846" v="11418" actId="478"/>
          <ac:spMkLst>
            <pc:docMk/>
            <pc:sldMk cId="3000039348" sldId="269"/>
            <ac:spMk id="13" creationId="{F892B68B-D2AB-BF8C-9E7E-E5752B6238DC}"/>
          </ac:spMkLst>
        </pc:spChg>
        <pc:spChg chg="add del mod">
          <ac:chgData name="Sara Mastrorosa" userId="d159c406-3740-4568-9f4d-6092b2495d2a" providerId="ADAL" clId="{8B86413B-2A1A-4226-BE53-109F0A4E8237}" dt="2023-09-27T09:07:51.160" v="12094"/>
          <ac:spMkLst>
            <pc:docMk/>
            <pc:sldMk cId="3000039348" sldId="269"/>
            <ac:spMk id="14" creationId="{D0C6BDA4-2D37-87D5-367D-D6F5F484B65D}"/>
          </ac:spMkLst>
        </pc:spChg>
        <pc:spChg chg="del">
          <ac:chgData name="Sara Mastrorosa" userId="d159c406-3740-4568-9f4d-6092b2495d2a" providerId="ADAL" clId="{8B86413B-2A1A-4226-BE53-109F0A4E8237}" dt="2023-09-27T09:00:33.897" v="11419" actId="478"/>
          <ac:spMkLst>
            <pc:docMk/>
            <pc:sldMk cId="3000039348" sldId="269"/>
            <ac:spMk id="15" creationId="{5960BE4B-4DBE-21F4-B090-73B6D3632D03}"/>
          </ac:spMkLst>
        </pc:spChg>
        <pc:spChg chg="add del mod">
          <ac:chgData name="Sara Mastrorosa" userId="d159c406-3740-4568-9f4d-6092b2495d2a" providerId="ADAL" clId="{8B86413B-2A1A-4226-BE53-109F0A4E8237}" dt="2023-09-27T09:09:04.770" v="12116" actId="478"/>
          <ac:spMkLst>
            <pc:docMk/>
            <pc:sldMk cId="3000039348" sldId="269"/>
            <ac:spMk id="16" creationId="{5E08E9BC-25C4-4192-5226-CB612C5D1747}"/>
          </ac:spMkLst>
        </pc:spChg>
        <pc:spChg chg="add mod">
          <ac:chgData name="Sara Mastrorosa" userId="d159c406-3740-4568-9f4d-6092b2495d2a" providerId="ADAL" clId="{8B86413B-2A1A-4226-BE53-109F0A4E8237}" dt="2023-09-27T09:29:38.776" v="13130" actId="1035"/>
          <ac:spMkLst>
            <pc:docMk/>
            <pc:sldMk cId="3000039348" sldId="269"/>
            <ac:spMk id="17" creationId="{D116225A-1921-B173-3705-D195EFDEE4CE}"/>
          </ac:spMkLst>
        </pc:spChg>
        <pc:spChg chg="add mod">
          <ac:chgData name="Sara Mastrorosa" userId="d159c406-3740-4568-9f4d-6092b2495d2a" providerId="ADAL" clId="{8B86413B-2A1A-4226-BE53-109F0A4E8237}" dt="2023-09-27T09:29:38.776" v="13130" actId="1035"/>
          <ac:spMkLst>
            <pc:docMk/>
            <pc:sldMk cId="3000039348" sldId="269"/>
            <ac:spMk id="19" creationId="{08AE42B2-9ED0-7C93-72DB-0789CDE83630}"/>
          </ac:spMkLst>
        </pc:spChg>
        <pc:spChg chg="add mod">
          <ac:chgData name="Sara Mastrorosa" userId="d159c406-3740-4568-9f4d-6092b2495d2a" providerId="ADAL" clId="{8B86413B-2A1A-4226-BE53-109F0A4E8237}" dt="2023-09-27T09:29:38.776" v="13130" actId="1035"/>
          <ac:spMkLst>
            <pc:docMk/>
            <pc:sldMk cId="3000039348" sldId="269"/>
            <ac:spMk id="23" creationId="{BBD02E41-927E-E72C-1EBC-CC06AF78960D}"/>
          </ac:spMkLst>
        </pc:spChg>
        <pc:spChg chg="add mod">
          <ac:chgData name="Sara Mastrorosa" userId="d159c406-3740-4568-9f4d-6092b2495d2a" providerId="ADAL" clId="{8B86413B-2A1A-4226-BE53-109F0A4E8237}" dt="2023-09-27T09:29:38.776" v="13130" actId="1035"/>
          <ac:spMkLst>
            <pc:docMk/>
            <pc:sldMk cId="3000039348" sldId="269"/>
            <ac:spMk id="24" creationId="{FC36FEDE-63F5-3E80-D7F5-BB4450A8A491}"/>
          </ac:spMkLst>
        </pc:spChg>
        <pc:spChg chg="add mod">
          <ac:chgData name="Sara Mastrorosa" userId="d159c406-3740-4568-9f4d-6092b2495d2a" providerId="ADAL" clId="{8B86413B-2A1A-4226-BE53-109F0A4E8237}" dt="2023-09-27T09:29:38.776" v="13130" actId="1035"/>
          <ac:spMkLst>
            <pc:docMk/>
            <pc:sldMk cId="3000039348" sldId="269"/>
            <ac:spMk id="25" creationId="{A0B30899-6D11-ED95-BFF1-7CE3DF0DFF67}"/>
          </ac:spMkLst>
        </pc:spChg>
        <pc:spChg chg="add mod">
          <ac:chgData name="Sara Mastrorosa" userId="d159c406-3740-4568-9f4d-6092b2495d2a" providerId="ADAL" clId="{8B86413B-2A1A-4226-BE53-109F0A4E8237}" dt="2023-09-27T09:29:38.776" v="13130" actId="1035"/>
          <ac:spMkLst>
            <pc:docMk/>
            <pc:sldMk cId="3000039348" sldId="269"/>
            <ac:spMk id="29" creationId="{A1BA980E-A385-0399-A8C5-64F6CF0EC0E8}"/>
          </ac:spMkLst>
        </pc:spChg>
        <pc:spChg chg="add mod">
          <ac:chgData name="Sara Mastrorosa" userId="d159c406-3740-4568-9f4d-6092b2495d2a" providerId="ADAL" clId="{8B86413B-2A1A-4226-BE53-109F0A4E8237}" dt="2023-09-27T09:29:38.776" v="13130" actId="1035"/>
          <ac:spMkLst>
            <pc:docMk/>
            <pc:sldMk cId="3000039348" sldId="269"/>
            <ac:spMk id="31" creationId="{F551109F-2490-02B9-AE03-BFB39CC386F9}"/>
          </ac:spMkLst>
        </pc:spChg>
        <pc:spChg chg="add mod">
          <ac:chgData name="Sara Mastrorosa" userId="d159c406-3740-4568-9f4d-6092b2495d2a" providerId="ADAL" clId="{8B86413B-2A1A-4226-BE53-109F0A4E8237}" dt="2023-09-27T09:29:38.776" v="13130" actId="1035"/>
          <ac:spMkLst>
            <pc:docMk/>
            <pc:sldMk cId="3000039348" sldId="269"/>
            <ac:spMk id="34" creationId="{75871E0F-2897-D089-69EA-6CAD2D3FA3A2}"/>
          </ac:spMkLst>
        </pc:spChg>
        <pc:spChg chg="add mod">
          <ac:chgData name="Sara Mastrorosa" userId="d159c406-3740-4568-9f4d-6092b2495d2a" providerId="ADAL" clId="{8B86413B-2A1A-4226-BE53-109F0A4E8237}" dt="2023-09-27T09:29:38.776" v="13130" actId="1035"/>
          <ac:spMkLst>
            <pc:docMk/>
            <pc:sldMk cId="3000039348" sldId="269"/>
            <ac:spMk id="36" creationId="{492EB4CB-7A16-5710-E4BE-FE17978CFF08}"/>
          </ac:spMkLst>
        </pc:spChg>
        <pc:spChg chg="add mod">
          <ac:chgData name="Sara Mastrorosa" userId="d159c406-3740-4568-9f4d-6092b2495d2a" providerId="ADAL" clId="{8B86413B-2A1A-4226-BE53-109F0A4E8237}" dt="2023-09-27T09:29:38.776" v="13130" actId="1035"/>
          <ac:spMkLst>
            <pc:docMk/>
            <pc:sldMk cId="3000039348" sldId="269"/>
            <ac:spMk id="49" creationId="{C692DA51-ECD2-F6A1-A5A2-BE7EBAFB36B8}"/>
          </ac:spMkLst>
        </pc:spChg>
        <pc:spChg chg="add mod">
          <ac:chgData name="Sara Mastrorosa" userId="d159c406-3740-4568-9f4d-6092b2495d2a" providerId="ADAL" clId="{8B86413B-2A1A-4226-BE53-109F0A4E8237}" dt="2023-09-27T09:29:38.776" v="13130" actId="1035"/>
          <ac:spMkLst>
            <pc:docMk/>
            <pc:sldMk cId="3000039348" sldId="269"/>
            <ac:spMk id="54" creationId="{0F01E45A-4303-C138-51F2-CEC5DC8BF428}"/>
          </ac:spMkLst>
        </pc:spChg>
        <pc:spChg chg="add mod">
          <ac:chgData name="Sara Mastrorosa" userId="d159c406-3740-4568-9f4d-6092b2495d2a" providerId="ADAL" clId="{8B86413B-2A1A-4226-BE53-109F0A4E8237}" dt="2023-09-27T09:29:38.776" v="13130" actId="1035"/>
          <ac:spMkLst>
            <pc:docMk/>
            <pc:sldMk cId="3000039348" sldId="269"/>
            <ac:spMk id="57" creationId="{EFC32D29-E36F-10B8-1FBB-0446C17A0C66}"/>
          </ac:spMkLst>
        </pc:spChg>
        <pc:spChg chg="add mod">
          <ac:chgData name="Sara Mastrorosa" userId="d159c406-3740-4568-9f4d-6092b2495d2a" providerId="ADAL" clId="{8B86413B-2A1A-4226-BE53-109F0A4E8237}" dt="2023-09-27T09:29:38.776" v="13130" actId="1035"/>
          <ac:spMkLst>
            <pc:docMk/>
            <pc:sldMk cId="3000039348" sldId="269"/>
            <ac:spMk id="58" creationId="{64F82F6A-4683-4E82-BE63-DDF75D3E558B}"/>
          </ac:spMkLst>
        </pc:spChg>
        <pc:spChg chg="add mod">
          <ac:chgData name="Sara Mastrorosa" userId="d159c406-3740-4568-9f4d-6092b2495d2a" providerId="ADAL" clId="{8B86413B-2A1A-4226-BE53-109F0A4E8237}" dt="2023-09-27T09:29:38.776" v="13130" actId="1035"/>
          <ac:spMkLst>
            <pc:docMk/>
            <pc:sldMk cId="3000039348" sldId="269"/>
            <ac:spMk id="61" creationId="{C46C8158-79C7-5924-A32F-8DB40875BD99}"/>
          </ac:spMkLst>
        </pc:spChg>
        <pc:spChg chg="add mod">
          <ac:chgData name="Sara Mastrorosa" userId="d159c406-3740-4568-9f4d-6092b2495d2a" providerId="ADAL" clId="{8B86413B-2A1A-4226-BE53-109F0A4E8237}" dt="2023-09-27T09:29:38.776" v="13130" actId="1035"/>
          <ac:spMkLst>
            <pc:docMk/>
            <pc:sldMk cId="3000039348" sldId="269"/>
            <ac:spMk id="64" creationId="{300DA665-49E6-B1DD-8F57-8433E8FFDBA7}"/>
          </ac:spMkLst>
        </pc:spChg>
        <pc:spChg chg="add mod">
          <ac:chgData name="Sara Mastrorosa" userId="d159c406-3740-4568-9f4d-6092b2495d2a" providerId="ADAL" clId="{8B86413B-2A1A-4226-BE53-109F0A4E8237}" dt="2023-09-27T09:29:38.776" v="13130" actId="1035"/>
          <ac:spMkLst>
            <pc:docMk/>
            <pc:sldMk cId="3000039348" sldId="269"/>
            <ac:spMk id="66" creationId="{8F0A41EB-73D5-4769-A415-91697569D61C}"/>
          </ac:spMkLst>
        </pc:spChg>
        <pc:spChg chg="add mod">
          <ac:chgData name="Sara Mastrorosa" userId="d159c406-3740-4568-9f4d-6092b2495d2a" providerId="ADAL" clId="{8B86413B-2A1A-4226-BE53-109F0A4E8237}" dt="2023-09-27T09:35:15.642" v="13284" actId="1038"/>
          <ac:spMkLst>
            <pc:docMk/>
            <pc:sldMk cId="3000039348" sldId="269"/>
            <ac:spMk id="69" creationId="{2D1C845D-5CDE-D84A-7B93-92EB3900E4B9}"/>
          </ac:spMkLst>
        </pc:spChg>
        <pc:spChg chg="add mod">
          <ac:chgData name="Sara Mastrorosa" userId="d159c406-3740-4568-9f4d-6092b2495d2a" providerId="ADAL" clId="{8B86413B-2A1A-4226-BE53-109F0A4E8237}" dt="2023-09-27T09:35:15.642" v="13284" actId="1038"/>
          <ac:spMkLst>
            <pc:docMk/>
            <pc:sldMk cId="3000039348" sldId="269"/>
            <ac:spMk id="70" creationId="{7ABDA84D-53D1-321F-48E0-83CEDD7E2DA6}"/>
          </ac:spMkLst>
        </pc:spChg>
        <pc:spChg chg="add mod">
          <ac:chgData name="Sara Mastrorosa" userId="d159c406-3740-4568-9f4d-6092b2495d2a" providerId="ADAL" clId="{8B86413B-2A1A-4226-BE53-109F0A4E8237}" dt="2023-09-27T09:37:51.593" v="13419" actId="1037"/>
          <ac:spMkLst>
            <pc:docMk/>
            <pc:sldMk cId="3000039348" sldId="269"/>
            <ac:spMk id="73" creationId="{59AA887F-7653-8E10-64EF-FF0398D6C03B}"/>
          </ac:spMkLst>
        </pc:spChg>
        <pc:spChg chg="add mod">
          <ac:chgData name="Sara Mastrorosa" userId="d159c406-3740-4568-9f4d-6092b2495d2a" providerId="ADAL" clId="{8B86413B-2A1A-4226-BE53-109F0A4E8237}" dt="2023-09-27T09:37:51.593" v="13419" actId="1037"/>
          <ac:spMkLst>
            <pc:docMk/>
            <pc:sldMk cId="3000039348" sldId="269"/>
            <ac:spMk id="74" creationId="{0349247A-E9B6-6300-6E0C-633CF2A241D2}"/>
          </ac:spMkLst>
        </pc:spChg>
        <pc:spChg chg="add mod">
          <ac:chgData name="Sara Mastrorosa" userId="d159c406-3740-4568-9f4d-6092b2495d2a" providerId="ADAL" clId="{8B86413B-2A1A-4226-BE53-109F0A4E8237}" dt="2023-09-27T09:38:02.432" v="13495" actId="1037"/>
          <ac:spMkLst>
            <pc:docMk/>
            <pc:sldMk cId="3000039348" sldId="269"/>
            <ac:spMk id="79" creationId="{E7936AAC-309C-558E-4242-1D24150AA787}"/>
          </ac:spMkLst>
        </pc:spChg>
        <pc:spChg chg="add mod">
          <ac:chgData name="Sara Mastrorosa" userId="d159c406-3740-4568-9f4d-6092b2495d2a" providerId="ADAL" clId="{8B86413B-2A1A-4226-BE53-109F0A4E8237}" dt="2023-09-27T09:38:02.432" v="13495" actId="1037"/>
          <ac:spMkLst>
            <pc:docMk/>
            <pc:sldMk cId="3000039348" sldId="269"/>
            <ac:spMk id="80" creationId="{F2D81254-91FD-4D6E-3C91-8A3563BBDC3D}"/>
          </ac:spMkLst>
        </pc:spChg>
        <pc:picChg chg="del">
          <ac:chgData name="Sara Mastrorosa" userId="d159c406-3740-4568-9f4d-6092b2495d2a" providerId="ADAL" clId="{8B86413B-2A1A-4226-BE53-109F0A4E8237}" dt="2023-09-27T09:00:32.846" v="11418" actId="478"/>
          <ac:picMkLst>
            <pc:docMk/>
            <pc:sldMk cId="3000039348" sldId="269"/>
            <ac:picMk id="4" creationId="{089C6848-AFC5-338B-B2CE-0DB302F7BC0C}"/>
          </ac:picMkLst>
        </pc:picChg>
        <pc:picChg chg="add mod">
          <ac:chgData name="Sara Mastrorosa" userId="d159c406-3740-4568-9f4d-6092b2495d2a" providerId="ADAL" clId="{8B86413B-2A1A-4226-BE53-109F0A4E8237}" dt="2023-09-27T09:29:38.776" v="13130" actId="1035"/>
          <ac:picMkLst>
            <pc:docMk/>
            <pc:sldMk cId="3000039348" sldId="269"/>
            <ac:picMk id="6" creationId="{D1A350B5-7839-C89A-19AF-02097A6CE966}"/>
          </ac:picMkLst>
        </pc:picChg>
        <pc:picChg chg="del">
          <ac:chgData name="Sara Mastrorosa" userId="d159c406-3740-4568-9f4d-6092b2495d2a" providerId="ADAL" clId="{8B86413B-2A1A-4226-BE53-109F0A4E8237}" dt="2023-09-27T09:00:32.846" v="11418" actId="478"/>
          <ac:picMkLst>
            <pc:docMk/>
            <pc:sldMk cId="3000039348" sldId="269"/>
            <ac:picMk id="8" creationId="{700F3163-B876-9696-B4DD-4B74879E2474}"/>
          </ac:picMkLst>
        </pc:picChg>
        <pc:picChg chg="del">
          <ac:chgData name="Sara Mastrorosa" userId="d159c406-3740-4568-9f4d-6092b2495d2a" providerId="ADAL" clId="{8B86413B-2A1A-4226-BE53-109F0A4E8237}" dt="2023-09-27T09:00:32.846" v="11418" actId="478"/>
          <ac:picMkLst>
            <pc:docMk/>
            <pc:sldMk cId="3000039348" sldId="269"/>
            <ac:picMk id="11" creationId="{7B19A6C8-0569-F841-BFE5-9C0A9639DD9E}"/>
          </ac:picMkLst>
        </pc:picChg>
        <pc:picChg chg="add mod">
          <ac:chgData name="Sara Mastrorosa" userId="d159c406-3740-4568-9f4d-6092b2495d2a" providerId="ADAL" clId="{8B86413B-2A1A-4226-BE53-109F0A4E8237}" dt="2023-09-27T09:29:38.776" v="13130" actId="1035"/>
          <ac:picMkLst>
            <pc:docMk/>
            <pc:sldMk cId="3000039348" sldId="269"/>
            <ac:picMk id="21" creationId="{1083AA1D-7B8A-43CC-B257-4BE107119847}"/>
          </ac:picMkLst>
        </pc:picChg>
        <pc:picChg chg="add mod">
          <ac:chgData name="Sara Mastrorosa" userId="d159c406-3740-4568-9f4d-6092b2495d2a" providerId="ADAL" clId="{8B86413B-2A1A-4226-BE53-109F0A4E8237}" dt="2023-09-27T09:29:38.776" v="13130" actId="1035"/>
          <ac:picMkLst>
            <pc:docMk/>
            <pc:sldMk cId="3000039348" sldId="269"/>
            <ac:picMk id="27" creationId="{93793B28-2471-8A3B-90C9-C3913A619DBD}"/>
          </ac:picMkLst>
        </pc:picChg>
        <pc:picChg chg="add mod">
          <ac:chgData name="Sara Mastrorosa" userId="d159c406-3740-4568-9f4d-6092b2495d2a" providerId="ADAL" clId="{8B86413B-2A1A-4226-BE53-109F0A4E8237}" dt="2023-09-27T09:30:12.798" v="13136" actId="14100"/>
          <ac:picMkLst>
            <pc:docMk/>
            <pc:sldMk cId="3000039348" sldId="269"/>
            <ac:picMk id="56" creationId="{C173082B-53BE-87AA-7A4A-8BC356BABADB}"/>
          </ac:picMkLst>
        </pc:picChg>
        <pc:picChg chg="add del mod">
          <ac:chgData name="Sara Mastrorosa" userId="d159c406-3740-4568-9f4d-6092b2495d2a" providerId="ADAL" clId="{8B86413B-2A1A-4226-BE53-109F0A4E8237}" dt="2023-09-27T09:34:53.520" v="13255" actId="478"/>
          <ac:picMkLst>
            <pc:docMk/>
            <pc:sldMk cId="3000039348" sldId="269"/>
            <ac:picMk id="68" creationId="{D8E10975-561C-83BF-A5CE-32F841553F03}"/>
          </ac:picMkLst>
        </pc:picChg>
        <pc:picChg chg="add del mod">
          <ac:chgData name="Sara Mastrorosa" userId="d159c406-3740-4568-9f4d-6092b2495d2a" providerId="ADAL" clId="{8B86413B-2A1A-4226-BE53-109F0A4E8237}" dt="2023-09-27T09:34:55.368" v="13256" actId="478"/>
          <ac:picMkLst>
            <pc:docMk/>
            <pc:sldMk cId="3000039348" sldId="269"/>
            <ac:picMk id="72" creationId="{E3E03A1C-8756-055E-3B65-EDEAE77A83C2}"/>
          </ac:picMkLst>
        </pc:picChg>
        <pc:picChg chg="add mod">
          <ac:chgData name="Sara Mastrorosa" userId="d159c406-3740-4568-9f4d-6092b2495d2a" providerId="ADAL" clId="{8B86413B-2A1A-4226-BE53-109F0A4E8237}" dt="2023-09-27T09:37:35.099" v="13350" actId="207"/>
          <ac:picMkLst>
            <pc:docMk/>
            <pc:sldMk cId="3000039348" sldId="269"/>
            <ac:picMk id="75" creationId="{4413A85D-749F-CA67-8516-F3FF40139387}"/>
          </ac:picMkLst>
        </pc:picChg>
        <pc:picChg chg="add mod">
          <ac:chgData name="Sara Mastrorosa" userId="d159c406-3740-4568-9f4d-6092b2495d2a" providerId="ADAL" clId="{8B86413B-2A1A-4226-BE53-109F0A4E8237}" dt="2023-09-27T09:37:45.881" v="13387" actId="1036"/>
          <ac:picMkLst>
            <pc:docMk/>
            <pc:sldMk cId="3000039348" sldId="269"/>
            <ac:picMk id="77" creationId="{64E80AE5-E8B7-D1F4-694C-12E7C811D4BB}"/>
          </ac:picMkLst>
        </pc:picChg>
        <pc:picChg chg="add mod">
          <ac:chgData name="Sara Mastrorosa" userId="d159c406-3740-4568-9f4d-6092b2495d2a" providerId="ADAL" clId="{8B86413B-2A1A-4226-BE53-109F0A4E8237}" dt="2023-09-27T09:37:53.778" v="13450" actId="1037"/>
          <ac:picMkLst>
            <pc:docMk/>
            <pc:sldMk cId="3000039348" sldId="269"/>
            <ac:picMk id="78" creationId="{C2481979-AFAA-1345-53B4-44604A3D9EDF}"/>
          </ac:picMkLst>
        </pc:picChg>
        <pc:cxnChg chg="add mod">
          <ac:chgData name="Sara Mastrorosa" userId="d159c406-3740-4568-9f4d-6092b2495d2a" providerId="ADAL" clId="{8B86413B-2A1A-4226-BE53-109F0A4E8237}" dt="2023-09-27T09:29:38.776" v="13130" actId="1035"/>
          <ac:cxnSpMkLst>
            <pc:docMk/>
            <pc:sldMk cId="3000039348" sldId="269"/>
            <ac:cxnSpMk id="32" creationId="{90EEE7F0-6556-89EA-336D-36DB427743D7}"/>
          </ac:cxnSpMkLst>
        </pc:cxnChg>
        <pc:cxnChg chg="add del mod">
          <ac:chgData name="Sara Mastrorosa" userId="d159c406-3740-4568-9f4d-6092b2495d2a" providerId="ADAL" clId="{8B86413B-2A1A-4226-BE53-109F0A4E8237}" dt="2023-09-27T09:17:59.803" v="12290" actId="478"/>
          <ac:cxnSpMkLst>
            <pc:docMk/>
            <pc:sldMk cId="3000039348" sldId="269"/>
            <ac:cxnSpMk id="33" creationId="{383C96F7-2089-753E-4ECC-A3EA00EE38B7}"/>
          </ac:cxnSpMkLst>
        </pc:cxnChg>
        <pc:cxnChg chg="add mod">
          <ac:chgData name="Sara Mastrorosa" userId="d159c406-3740-4568-9f4d-6092b2495d2a" providerId="ADAL" clId="{8B86413B-2A1A-4226-BE53-109F0A4E8237}" dt="2023-09-27T09:29:38.776" v="13130" actId="1035"/>
          <ac:cxnSpMkLst>
            <pc:docMk/>
            <pc:sldMk cId="3000039348" sldId="269"/>
            <ac:cxnSpMk id="41" creationId="{7D627E89-A142-8B1F-7B91-28C5B4C955C5}"/>
          </ac:cxnSpMkLst>
        </pc:cxnChg>
        <pc:cxnChg chg="add mod">
          <ac:chgData name="Sara Mastrorosa" userId="d159c406-3740-4568-9f4d-6092b2495d2a" providerId="ADAL" clId="{8B86413B-2A1A-4226-BE53-109F0A4E8237}" dt="2023-09-27T09:29:38.776" v="13130" actId="1035"/>
          <ac:cxnSpMkLst>
            <pc:docMk/>
            <pc:sldMk cId="3000039348" sldId="269"/>
            <ac:cxnSpMk id="47" creationId="{D629FEA7-DA5E-7F50-86FF-C88E70507552}"/>
          </ac:cxnSpMkLst>
        </pc:cxnChg>
        <pc:cxnChg chg="add mod">
          <ac:chgData name="Sara Mastrorosa" userId="d159c406-3740-4568-9f4d-6092b2495d2a" providerId="ADAL" clId="{8B86413B-2A1A-4226-BE53-109F0A4E8237}" dt="2023-09-27T09:29:38.776" v="13130" actId="1035"/>
          <ac:cxnSpMkLst>
            <pc:docMk/>
            <pc:sldMk cId="3000039348" sldId="269"/>
            <ac:cxnSpMk id="50" creationId="{752622A5-4B14-2CC2-6595-A0C1FBD61B42}"/>
          </ac:cxnSpMkLst>
        </pc:cxnChg>
        <pc:cxnChg chg="add mod">
          <ac:chgData name="Sara Mastrorosa" userId="d159c406-3740-4568-9f4d-6092b2495d2a" providerId="ADAL" clId="{8B86413B-2A1A-4226-BE53-109F0A4E8237}" dt="2023-09-27T09:29:38.776" v="13130" actId="1035"/>
          <ac:cxnSpMkLst>
            <pc:docMk/>
            <pc:sldMk cId="3000039348" sldId="269"/>
            <ac:cxnSpMk id="51" creationId="{18B72D92-A85A-E670-741D-AF3063F175D4}"/>
          </ac:cxnSpMkLst>
        </pc:cxnChg>
        <pc:cxnChg chg="add mod">
          <ac:chgData name="Sara Mastrorosa" userId="d159c406-3740-4568-9f4d-6092b2495d2a" providerId="ADAL" clId="{8B86413B-2A1A-4226-BE53-109F0A4E8237}" dt="2023-09-27T09:29:38.776" v="13130" actId="1035"/>
          <ac:cxnSpMkLst>
            <pc:docMk/>
            <pc:sldMk cId="3000039348" sldId="269"/>
            <ac:cxnSpMk id="52" creationId="{CA69F50A-14B9-3394-BACF-871600B497A7}"/>
          </ac:cxnSpMkLst>
        </pc:cxnChg>
        <pc:cxnChg chg="add del mod">
          <ac:chgData name="Sara Mastrorosa" userId="d159c406-3740-4568-9f4d-6092b2495d2a" providerId="ADAL" clId="{8B86413B-2A1A-4226-BE53-109F0A4E8237}" dt="2023-09-27T09:23:11.689" v="12554" actId="478"/>
          <ac:cxnSpMkLst>
            <pc:docMk/>
            <pc:sldMk cId="3000039348" sldId="269"/>
            <ac:cxnSpMk id="53" creationId="{3DEEDB37-87F8-A532-F5F0-476A35446312}"/>
          </ac:cxnSpMkLst>
        </pc:cxnChg>
        <pc:cxnChg chg="add mod">
          <ac:chgData name="Sara Mastrorosa" userId="d159c406-3740-4568-9f4d-6092b2495d2a" providerId="ADAL" clId="{8B86413B-2A1A-4226-BE53-109F0A4E8237}" dt="2023-09-27T09:39:04.383" v="13497" actId="1076"/>
          <ac:cxnSpMkLst>
            <pc:docMk/>
            <pc:sldMk cId="3000039348" sldId="269"/>
            <ac:cxnSpMk id="62" creationId="{34B4F383-A280-7833-9DA6-7E6C89F761AD}"/>
          </ac:cxnSpMkLst>
        </pc:cxnChg>
      </pc:sldChg>
      <pc:sldChg chg="addSp delSp modSp add mod ord">
        <pc:chgData name="Sara Mastrorosa" userId="d159c406-3740-4568-9f4d-6092b2495d2a" providerId="ADAL" clId="{8B86413B-2A1A-4226-BE53-109F0A4E8237}" dt="2023-10-02T10:46:04.196" v="24063" actId="1038"/>
        <pc:sldMkLst>
          <pc:docMk/>
          <pc:sldMk cId="2927232286" sldId="270"/>
        </pc:sldMkLst>
        <pc:spChg chg="add mod">
          <ac:chgData name="Sara Mastrorosa" userId="d159c406-3740-4568-9f4d-6092b2495d2a" providerId="ADAL" clId="{8B86413B-2A1A-4226-BE53-109F0A4E8237}" dt="2023-09-28T09:07:42.008" v="20161"/>
          <ac:spMkLst>
            <pc:docMk/>
            <pc:sldMk cId="2927232286" sldId="270"/>
            <ac:spMk id="2" creationId="{468645D2-DB08-EAD6-F9F2-CDDCD4EB88CB}"/>
          </ac:spMkLst>
        </pc:spChg>
        <pc:spChg chg="add mod">
          <ac:chgData name="Sara Mastrorosa" userId="d159c406-3740-4568-9f4d-6092b2495d2a" providerId="ADAL" clId="{8B86413B-2A1A-4226-BE53-109F0A4E8237}" dt="2023-09-28T09:07:42.008" v="20161"/>
          <ac:spMkLst>
            <pc:docMk/>
            <pc:sldMk cId="2927232286" sldId="270"/>
            <ac:spMk id="4" creationId="{E6E0D3AF-0714-BA47-0A4F-E6FF6F9EA3A6}"/>
          </ac:spMkLst>
        </pc:spChg>
        <pc:spChg chg="mod">
          <ac:chgData name="Sara Mastrorosa" userId="d159c406-3740-4568-9f4d-6092b2495d2a" providerId="ADAL" clId="{8B86413B-2A1A-4226-BE53-109F0A4E8237}" dt="2023-09-28T09:07:50.412" v="20164" actId="1076"/>
          <ac:spMkLst>
            <pc:docMk/>
            <pc:sldMk cId="2927232286" sldId="270"/>
            <ac:spMk id="5" creationId="{08F2B45B-2BC1-44B2-4465-F8FD2B97328F}"/>
          </ac:spMkLst>
        </pc:spChg>
        <pc:spChg chg="add del mod">
          <ac:chgData name="Sara Mastrorosa" userId="d159c406-3740-4568-9f4d-6092b2495d2a" providerId="ADAL" clId="{8B86413B-2A1A-4226-BE53-109F0A4E8237}" dt="2023-09-27T10:12:55.905" v="16153" actId="478"/>
          <ac:spMkLst>
            <pc:docMk/>
            <pc:sldMk cId="2927232286" sldId="270"/>
            <ac:spMk id="15" creationId="{C29F5997-64AA-DD9A-8A59-721BFD26D529}"/>
          </ac:spMkLst>
        </pc:spChg>
        <pc:spChg chg="mod">
          <ac:chgData name="Sara Mastrorosa" userId="d159c406-3740-4568-9f4d-6092b2495d2a" providerId="ADAL" clId="{8B86413B-2A1A-4226-BE53-109F0A4E8237}" dt="2023-09-27T10:03:54.428" v="15606" actId="1036"/>
          <ac:spMkLst>
            <pc:docMk/>
            <pc:sldMk cId="2927232286" sldId="270"/>
            <ac:spMk id="17" creationId="{D116225A-1921-B173-3705-D195EFDEE4CE}"/>
          </ac:spMkLst>
        </pc:spChg>
        <pc:spChg chg="mod">
          <ac:chgData name="Sara Mastrorosa" userId="d159c406-3740-4568-9f4d-6092b2495d2a" providerId="ADAL" clId="{8B86413B-2A1A-4226-BE53-109F0A4E8237}" dt="2023-09-27T10:03:54.428" v="15606" actId="1036"/>
          <ac:spMkLst>
            <pc:docMk/>
            <pc:sldMk cId="2927232286" sldId="270"/>
            <ac:spMk id="19" creationId="{08AE42B2-9ED0-7C93-72DB-0789CDE83630}"/>
          </ac:spMkLst>
        </pc:spChg>
        <pc:spChg chg="mod">
          <ac:chgData name="Sara Mastrorosa" userId="d159c406-3740-4568-9f4d-6092b2495d2a" providerId="ADAL" clId="{8B86413B-2A1A-4226-BE53-109F0A4E8237}" dt="2023-09-28T07:30:03.237" v="18698" actId="1037"/>
          <ac:spMkLst>
            <pc:docMk/>
            <pc:sldMk cId="2927232286" sldId="270"/>
            <ac:spMk id="23" creationId="{BBD02E41-927E-E72C-1EBC-CC06AF78960D}"/>
          </ac:spMkLst>
        </pc:spChg>
        <pc:spChg chg="mod">
          <ac:chgData name="Sara Mastrorosa" userId="d159c406-3740-4568-9f4d-6092b2495d2a" providerId="ADAL" clId="{8B86413B-2A1A-4226-BE53-109F0A4E8237}" dt="2023-09-28T07:23:28.396" v="18665" actId="1076"/>
          <ac:spMkLst>
            <pc:docMk/>
            <pc:sldMk cId="2927232286" sldId="270"/>
            <ac:spMk id="24" creationId="{FC36FEDE-63F5-3E80-D7F5-BB4450A8A491}"/>
          </ac:spMkLst>
        </pc:spChg>
        <pc:spChg chg="mod">
          <ac:chgData name="Sara Mastrorosa" userId="d159c406-3740-4568-9f4d-6092b2495d2a" providerId="ADAL" clId="{8B86413B-2A1A-4226-BE53-109F0A4E8237}" dt="2023-09-27T10:03:54.428" v="15606" actId="1036"/>
          <ac:spMkLst>
            <pc:docMk/>
            <pc:sldMk cId="2927232286" sldId="270"/>
            <ac:spMk id="25" creationId="{A0B30899-6D11-ED95-BFF1-7CE3DF0DFF67}"/>
          </ac:spMkLst>
        </pc:spChg>
        <pc:spChg chg="mod">
          <ac:chgData name="Sara Mastrorosa" userId="d159c406-3740-4568-9f4d-6092b2495d2a" providerId="ADAL" clId="{8B86413B-2A1A-4226-BE53-109F0A4E8237}" dt="2023-09-28T07:23:32.753" v="18666" actId="1076"/>
          <ac:spMkLst>
            <pc:docMk/>
            <pc:sldMk cId="2927232286" sldId="270"/>
            <ac:spMk id="29" creationId="{A1BA980E-A385-0399-A8C5-64F6CF0EC0E8}"/>
          </ac:spMkLst>
        </pc:spChg>
        <pc:spChg chg="mod">
          <ac:chgData name="Sara Mastrorosa" userId="d159c406-3740-4568-9f4d-6092b2495d2a" providerId="ADAL" clId="{8B86413B-2A1A-4226-BE53-109F0A4E8237}" dt="2023-09-27T10:03:54.428" v="15606" actId="1036"/>
          <ac:spMkLst>
            <pc:docMk/>
            <pc:sldMk cId="2927232286" sldId="270"/>
            <ac:spMk id="31" creationId="{F551109F-2490-02B9-AE03-BFB39CC386F9}"/>
          </ac:spMkLst>
        </pc:spChg>
        <pc:spChg chg="add del mod">
          <ac:chgData name="Sara Mastrorosa" userId="d159c406-3740-4568-9f4d-6092b2495d2a" providerId="ADAL" clId="{8B86413B-2A1A-4226-BE53-109F0A4E8237}" dt="2023-09-27T10:13:23.561" v="16202" actId="478"/>
          <ac:spMkLst>
            <pc:docMk/>
            <pc:sldMk cId="2927232286" sldId="270"/>
            <ac:spMk id="33" creationId="{DE0B0A0E-676F-B051-2775-DE96DB1AF438}"/>
          </ac:spMkLst>
        </pc:spChg>
        <pc:spChg chg="mod">
          <ac:chgData name="Sara Mastrorosa" userId="d159c406-3740-4568-9f4d-6092b2495d2a" providerId="ADAL" clId="{8B86413B-2A1A-4226-BE53-109F0A4E8237}" dt="2023-09-27T09:56:53.709" v="15271" actId="1037"/>
          <ac:spMkLst>
            <pc:docMk/>
            <pc:sldMk cId="2927232286" sldId="270"/>
            <ac:spMk id="34" creationId="{75871E0F-2897-D089-69EA-6CAD2D3FA3A2}"/>
          </ac:spMkLst>
        </pc:spChg>
        <pc:spChg chg="mod">
          <ac:chgData name="Sara Mastrorosa" userId="d159c406-3740-4568-9f4d-6092b2495d2a" providerId="ADAL" clId="{8B86413B-2A1A-4226-BE53-109F0A4E8237}" dt="2023-09-27T09:57:38.081" v="15308" actId="1037"/>
          <ac:spMkLst>
            <pc:docMk/>
            <pc:sldMk cId="2927232286" sldId="270"/>
            <ac:spMk id="36" creationId="{492EB4CB-7A16-5710-E4BE-FE17978CFF08}"/>
          </ac:spMkLst>
        </pc:spChg>
        <pc:spChg chg="add del mod">
          <ac:chgData name="Sara Mastrorosa" userId="d159c406-3740-4568-9f4d-6092b2495d2a" providerId="ADAL" clId="{8B86413B-2A1A-4226-BE53-109F0A4E8237}" dt="2023-09-27T10:13:45.986" v="16243" actId="478"/>
          <ac:spMkLst>
            <pc:docMk/>
            <pc:sldMk cId="2927232286" sldId="270"/>
            <ac:spMk id="37" creationId="{8443EDEA-DBB8-893D-F064-E2BD707037DB}"/>
          </ac:spMkLst>
        </pc:spChg>
        <pc:spChg chg="add mod">
          <ac:chgData name="Sara Mastrorosa" userId="d159c406-3740-4568-9f4d-6092b2495d2a" providerId="ADAL" clId="{8B86413B-2A1A-4226-BE53-109F0A4E8237}" dt="2023-10-02T10:46:04.196" v="24063" actId="1038"/>
          <ac:spMkLst>
            <pc:docMk/>
            <pc:sldMk cId="2927232286" sldId="270"/>
            <ac:spMk id="42" creationId="{362B0B57-0A51-5280-6771-E12ACDC08227}"/>
          </ac:spMkLst>
        </pc:spChg>
        <pc:spChg chg="add mod">
          <ac:chgData name="Sara Mastrorosa" userId="d159c406-3740-4568-9f4d-6092b2495d2a" providerId="ADAL" clId="{8B86413B-2A1A-4226-BE53-109F0A4E8237}" dt="2023-10-02T10:46:02.032" v="24061" actId="1036"/>
          <ac:spMkLst>
            <pc:docMk/>
            <pc:sldMk cId="2927232286" sldId="270"/>
            <ac:spMk id="43" creationId="{16374F37-375A-23A0-7CE3-3E948C5AB6A0}"/>
          </ac:spMkLst>
        </pc:spChg>
        <pc:spChg chg="add mod">
          <ac:chgData name="Sara Mastrorosa" userId="d159c406-3740-4568-9f4d-6092b2495d2a" providerId="ADAL" clId="{8B86413B-2A1A-4226-BE53-109F0A4E8237}" dt="2023-09-27T09:58:16.073" v="15334" actId="1037"/>
          <ac:spMkLst>
            <pc:docMk/>
            <pc:sldMk cId="2927232286" sldId="270"/>
            <ac:spMk id="45" creationId="{54665D35-74ED-C78B-6EE3-0CB57D24B6C1}"/>
          </ac:spMkLst>
        </pc:spChg>
        <pc:spChg chg="del">
          <ac:chgData name="Sara Mastrorosa" userId="d159c406-3740-4568-9f4d-6092b2495d2a" providerId="ADAL" clId="{8B86413B-2A1A-4226-BE53-109F0A4E8237}" dt="2023-09-27T09:43:50.335" v="14114" actId="478"/>
          <ac:spMkLst>
            <pc:docMk/>
            <pc:sldMk cId="2927232286" sldId="270"/>
            <ac:spMk id="49" creationId="{C692DA51-ECD2-F6A1-A5A2-BE7EBAFB36B8}"/>
          </ac:spMkLst>
        </pc:spChg>
        <pc:spChg chg="mod">
          <ac:chgData name="Sara Mastrorosa" userId="d159c406-3740-4568-9f4d-6092b2495d2a" providerId="ADAL" clId="{8B86413B-2A1A-4226-BE53-109F0A4E8237}" dt="2023-09-27T09:58:16.073" v="15334" actId="1037"/>
          <ac:spMkLst>
            <pc:docMk/>
            <pc:sldMk cId="2927232286" sldId="270"/>
            <ac:spMk id="54" creationId="{0F01E45A-4303-C138-51F2-CEC5DC8BF428}"/>
          </ac:spMkLst>
        </pc:spChg>
        <pc:spChg chg="add mod">
          <ac:chgData name="Sara Mastrorosa" userId="d159c406-3740-4568-9f4d-6092b2495d2a" providerId="ADAL" clId="{8B86413B-2A1A-4226-BE53-109F0A4E8237}" dt="2023-09-27T09:58:16.073" v="15334" actId="1037"/>
          <ac:spMkLst>
            <pc:docMk/>
            <pc:sldMk cId="2927232286" sldId="270"/>
            <ac:spMk id="55" creationId="{DC3852E2-61FE-3CC5-3ABD-6396ABF8DF94}"/>
          </ac:spMkLst>
        </pc:spChg>
        <pc:spChg chg="mod">
          <ac:chgData name="Sara Mastrorosa" userId="d159c406-3740-4568-9f4d-6092b2495d2a" providerId="ADAL" clId="{8B86413B-2A1A-4226-BE53-109F0A4E8237}" dt="2023-09-28T07:29:59.311" v="18695" actId="1036"/>
          <ac:spMkLst>
            <pc:docMk/>
            <pc:sldMk cId="2927232286" sldId="270"/>
            <ac:spMk id="57" creationId="{EFC32D29-E36F-10B8-1FBB-0446C17A0C66}"/>
          </ac:spMkLst>
        </pc:spChg>
        <pc:spChg chg="mod">
          <ac:chgData name="Sara Mastrorosa" userId="d159c406-3740-4568-9f4d-6092b2495d2a" providerId="ADAL" clId="{8B86413B-2A1A-4226-BE53-109F0A4E8237}" dt="2023-09-27T10:03:54.428" v="15606" actId="1036"/>
          <ac:spMkLst>
            <pc:docMk/>
            <pc:sldMk cId="2927232286" sldId="270"/>
            <ac:spMk id="58" creationId="{64F82F6A-4683-4E82-BE63-DDF75D3E558B}"/>
          </ac:spMkLst>
        </pc:spChg>
        <pc:spChg chg="add mod">
          <ac:chgData name="Sara Mastrorosa" userId="d159c406-3740-4568-9f4d-6092b2495d2a" providerId="ADAL" clId="{8B86413B-2A1A-4226-BE53-109F0A4E8237}" dt="2023-09-27T09:58:32.627" v="15401" actId="1035"/>
          <ac:spMkLst>
            <pc:docMk/>
            <pc:sldMk cId="2927232286" sldId="270"/>
            <ac:spMk id="59" creationId="{0F4F246B-7794-46E4-263E-9B9AF53D066B}"/>
          </ac:spMkLst>
        </pc:spChg>
        <pc:spChg chg="add mod">
          <ac:chgData name="Sara Mastrorosa" userId="d159c406-3740-4568-9f4d-6092b2495d2a" providerId="ADAL" clId="{8B86413B-2A1A-4226-BE53-109F0A4E8237}" dt="2023-09-27T10:04:57.597" v="15651" actId="1037"/>
          <ac:spMkLst>
            <pc:docMk/>
            <pc:sldMk cId="2927232286" sldId="270"/>
            <ac:spMk id="60" creationId="{94ADEBD0-63C1-76DA-C1D8-1F38A5F5BD6B}"/>
          </ac:spMkLst>
        </pc:spChg>
        <pc:spChg chg="mod">
          <ac:chgData name="Sara Mastrorosa" userId="d159c406-3740-4568-9f4d-6092b2495d2a" providerId="ADAL" clId="{8B86413B-2A1A-4226-BE53-109F0A4E8237}" dt="2023-09-27T09:57:38.081" v="15308" actId="1037"/>
          <ac:spMkLst>
            <pc:docMk/>
            <pc:sldMk cId="2927232286" sldId="270"/>
            <ac:spMk id="61" creationId="{C46C8158-79C7-5924-A32F-8DB40875BD99}"/>
          </ac:spMkLst>
        </pc:spChg>
        <pc:spChg chg="mod">
          <ac:chgData name="Sara Mastrorosa" userId="d159c406-3740-4568-9f4d-6092b2495d2a" providerId="ADAL" clId="{8B86413B-2A1A-4226-BE53-109F0A4E8237}" dt="2023-09-27T09:56:53.709" v="15271" actId="1037"/>
          <ac:spMkLst>
            <pc:docMk/>
            <pc:sldMk cId="2927232286" sldId="270"/>
            <ac:spMk id="64" creationId="{300DA665-49E6-B1DD-8F57-8433E8FFDBA7}"/>
          </ac:spMkLst>
        </pc:spChg>
        <pc:spChg chg="mod">
          <ac:chgData name="Sara Mastrorosa" userId="d159c406-3740-4568-9f4d-6092b2495d2a" providerId="ADAL" clId="{8B86413B-2A1A-4226-BE53-109F0A4E8237}" dt="2023-09-27T09:56:53.709" v="15271" actId="1037"/>
          <ac:spMkLst>
            <pc:docMk/>
            <pc:sldMk cId="2927232286" sldId="270"/>
            <ac:spMk id="66" creationId="{8F0A41EB-73D5-4769-A415-91697569D61C}"/>
          </ac:spMkLst>
        </pc:spChg>
        <pc:spChg chg="mod">
          <ac:chgData name="Sara Mastrorosa" userId="d159c406-3740-4568-9f4d-6092b2495d2a" providerId="ADAL" clId="{8B86413B-2A1A-4226-BE53-109F0A4E8237}" dt="2023-09-27T10:03:21.017" v="15561" actId="113"/>
          <ac:spMkLst>
            <pc:docMk/>
            <pc:sldMk cId="2927232286" sldId="270"/>
            <ac:spMk id="69" creationId="{2D1C845D-5CDE-D84A-7B93-92EB3900E4B9}"/>
          </ac:spMkLst>
        </pc:spChg>
        <pc:spChg chg="mod">
          <ac:chgData name="Sara Mastrorosa" userId="d159c406-3740-4568-9f4d-6092b2495d2a" providerId="ADAL" clId="{8B86413B-2A1A-4226-BE53-109F0A4E8237}" dt="2023-09-27T09:56:53.709" v="15271" actId="1037"/>
          <ac:spMkLst>
            <pc:docMk/>
            <pc:sldMk cId="2927232286" sldId="270"/>
            <ac:spMk id="70" creationId="{7ABDA84D-53D1-321F-48E0-83CEDD7E2DA6}"/>
          </ac:spMkLst>
        </pc:spChg>
        <pc:spChg chg="mod">
          <ac:chgData name="Sara Mastrorosa" userId="d159c406-3740-4568-9f4d-6092b2495d2a" providerId="ADAL" clId="{8B86413B-2A1A-4226-BE53-109F0A4E8237}" dt="2023-09-27T10:06:08.185" v="15693" actId="1037"/>
          <ac:spMkLst>
            <pc:docMk/>
            <pc:sldMk cId="2927232286" sldId="270"/>
            <ac:spMk id="73" creationId="{59AA887F-7653-8E10-64EF-FF0398D6C03B}"/>
          </ac:spMkLst>
        </pc:spChg>
        <pc:spChg chg="mod">
          <ac:chgData name="Sara Mastrorosa" userId="d159c406-3740-4568-9f4d-6092b2495d2a" providerId="ADAL" clId="{8B86413B-2A1A-4226-BE53-109F0A4E8237}" dt="2023-09-27T10:06:09.842" v="15694" actId="1037"/>
          <ac:spMkLst>
            <pc:docMk/>
            <pc:sldMk cId="2927232286" sldId="270"/>
            <ac:spMk id="74" creationId="{0349247A-E9B6-6300-6E0C-633CF2A241D2}"/>
          </ac:spMkLst>
        </pc:spChg>
        <pc:spChg chg="mod">
          <ac:chgData name="Sara Mastrorosa" userId="d159c406-3740-4568-9f4d-6092b2495d2a" providerId="ADAL" clId="{8B86413B-2A1A-4226-BE53-109F0A4E8237}" dt="2023-09-27T10:03:44.146" v="15591" actId="1037"/>
          <ac:spMkLst>
            <pc:docMk/>
            <pc:sldMk cId="2927232286" sldId="270"/>
            <ac:spMk id="79" creationId="{E7936AAC-309C-558E-4242-1D24150AA787}"/>
          </ac:spMkLst>
        </pc:spChg>
        <pc:spChg chg="mod">
          <ac:chgData name="Sara Mastrorosa" userId="d159c406-3740-4568-9f4d-6092b2495d2a" providerId="ADAL" clId="{8B86413B-2A1A-4226-BE53-109F0A4E8237}" dt="2023-09-27T10:05:07.337" v="15669" actId="1037"/>
          <ac:spMkLst>
            <pc:docMk/>
            <pc:sldMk cId="2927232286" sldId="270"/>
            <ac:spMk id="80" creationId="{F2D81254-91FD-4D6E-3C91-8A3563BBDC3D}"/>
          </ac:spMkLst>
        </pc:spChg>
        <pc:spChg chg="add mod">
          <ac:chgData name="Sara Mastrorosa" userId="d159c406-3740-4568-9f4d-6092b2495d2a" providerId="ADAL" clId="{8B86413B-2A1A-4226-BE53-109F0A4E8237}" dt="2023-09-27T09:59:37.232" v="15507" actId="1035"/>
          <ac:spMkLst>
            <pc:docMk/>
            <pc:sldMk cId="2927232286" sldId="270"/>
            <ac:spMk id="81" creationId="{E412A24A-8804-6513-6B8E-79F66B450C71}"/>
          </ac:spMkLst>
        </pc:spChg>
        <pc:spChg chg="add mod">
          <ac:chgData name="Sara Mastrorosa" userId="d159c406-3740-4568-9f4d-6092b2495d2a" providerId="ADAL" clId="{8B86413B-2A1A-4226-BE53-109F0A4E8237}" dt="2023-09-27T10:04:54.548" v="15648" actId="1037"/>
          <ac:spMkLst>
            <pc:docMk/>
            <pc:sldMk cId="2927232286" sldId="270"/>
            <ac:spMk id="82" creationId="{8EBBDA02-C55C-159E-1397-082AD14A9123}"/>
          </ac:spMkLst>
        </pc:spChg>
        <pc:spChg chg="add mod">
          <ac:chgData name="Sara Mastrorosa" userId="d159c406-3740-4568-9f4d-6092b2495d2a" providerId="ADAL" clId="{8B86413B-2A1A-4226-BE53-109F0A4E8237}" dt="2023-09-27T10:13:10.376" v="16200" actId="207"/>
          <ac:spMkLst>
            <pc:docMk/>
            <pc:sldMk cId="2927232286" sldId="270"/>
            <ac:spMk id="83" creationId="{DEC98D13-024B-2395-DDA0-45AD2147EBEA}"/>
          </ac:spMkLst>
        </pc:spChg>
        <pc:spChg chg="add mod">
          <ac:chgData name="Sara Mastrorosa" userId="d159c406-3740-4568-9f4d-6092b2495d2a" providerId="ADAL" clId="{8B86413B-2A1A-4226-BE53-109F0A4E8237}" dt="2023-09-27T10:13:21.605" v="16201" actId="207"/>
          <ac:spMkLst>
            <pc:docMk/>
            <pc:sldMk cId="2927232286" sldId="270"/>
            <ac:spMk id="84" creationId="{3843EBD9-1508-05D3-F182-F4760EFB140A}"/>
          </ac:spMkLst>
        </pc:spChg>
        <pc:spChg chg="add mod">
          <ac:chgData name="Sara Mastrorosa" userId="d159c406-3740-4568-9f4d-6092b2495d2a" providerId="ADAL" clId="{8B86413B-2A1A-4226-BE53-109F0A4E8237}" dt="2023-09-27T10:13:44.099" v="16242" actId="1037"/>
          <ac:spMkLst>
            <pc:docMk/>
            <pc:sldMk cId="2927232286" sldId="270"/>
            <ac:spMk id="85" creationId="{29FD21E2-C4D1-A928-889B-5376D54860D5}"/>
          </ac:spMkLst>
        </pc:spChg>
        <pc:spChg chg="add mod">
          <ac:chgData name="Sara Mastrorosa" userId="d159c406-3740-4568-9f4d-6092b2495d2a" providerId="ADAL" clId="{8B86413B-2A1A-4226-BE53-109F0A4E8237}" dt="2023-09-27T10:13:44.099" v="16242" actId="1037"/>
          <ac:spMkLst>
            <pc:docMk/>
            <pc:sldMk cId="2927232286" sldId="270"/>
            <ac:spMk id="86" creationId="{0A3DF484-222F-5325-1E0E-BFDBF28F6800}"/>
          </ac:spMkLst>
        </pc:spChg>
        <pc:spChg chg="add mod">
          <ac:chgData name="Sara Mastrorosa" userId="d159c406-3740-4568-9f4d-6092b2495d2a" providerId="ADAL" clId="{8B86413B-2A1A-4226-BE53-109F0A4E8237}" dt="2023-09-27T10:13:58.197" v="16246" actId="1076"/>
          <ac:spMkLst>
            <pc:docMk/>
            <pc:sldMk cId="2927232286" sldId="270"/>
            <ac:spMk id="87" creationId="{08F0B450-B36A-8FF4-53FC-9985F157B86A}"/>
          </ac:spMkLst>
        </pc:spChg>
        <pc:spChg chg="add mod">
          <ac:chgData name="Sara Mastrorosa" userId="d159c406-3740-4568-9f4d-6092b2495d2a" providerId="ADAL" clId="{8B86413B-2A1A-4226-BE53-109F0A4E8237}" dt="2023-09-27T10:14:02.269" v="16247" actId="1076"/>
          <ac:spMkLst>
            <pc:docMk/>
            <pc:sldMk cId="2927232286" sldId="270"/>
            <ac:spMk id="88" creationId="{56B1E104-EB80-508B-82B7-63CC4F43D95E}"/>
          </ac:spMkLst>
        </pc:spChg>
        <pc:picChg chg="add mod">
          <ac:chgData name="Sara Mastrorosa" userId="d159c406-3740-4568-9f4d-6092b2495d2a" providerId="ADAL" clId="{8B86413B-2A1A-4226-BE53-109F0A4E8237}" dt="2023-09-28T07:23:43.748" v="18671" actId="1076"/>
          <ac:picMkLst>
            <pc:docMk/>
            <pc:sldMk cId="2927232286" sldId="270"/>
            <ac:picMk id="3" creationId="{CBAE1705-A703-9229-83E4-2D730454C938}"/>
          </ac:picMkLst>
        </pc:picChg>
        <pc:picChg chg="mod">
          <ac:chgData name="Sara Mastrorosa" userId="d159c406-3740-4568-9f4d-6092b2495d2a" providerId="ADAL" clId="{8B86413B-2A1A-4226-BE53-109F0A4E8237}" dt="2023-09-27T10:03:54.428" v="15606" actId="1036"/>
          <ac:picMkLst>
            <pc:docMk/>
            <pc:sldMk cId="2927232286" sldId="270"/>
            <ac:picMk id="6" creationId="{D1A350B5-7839-C89A-19AF-02097A6CE966}"/>
          </ac:picMkLst>
        </pc:picChg>
        <pc:picChg chg="add mod">
          <ac:chgData name="Sara Mastrorosa" userId="d159c406-3740-4568-9f4d-6092b2495d2a" providerId="ADAL" clId="{8B86413B-2A1A-4226-BE53-109F0A4E8237}" dt="2023-09-28T07:28:49.662" v="18676" actId="207"/>
          <ac:picMkLst>
            <pc:docMk/>
            <pc:sldMk cId="2927232286" sldId="270"/>
            <ac:picMk id="8" creationId="{E71AF4DD-5975-F49D-BC2E-A0F04E3DD5BF}"/>
          </ac:picMkLst>
        </pc:picChg>
        <pc:picChg chg="add mod">
          <ac:chgData name="Sara Mastrorosa" userId="d159c406-3740-4568-9f4d-6092b2495d2a" providerId="ADAL" clId="{8B86413B-2A1A-4226-BE53-109F0A4E8237}" dt="2023-09-28T09:07:42.008" v="20161"/>
          <ac:picMkLst>
            <pc:docMk/>
            <pc:sldMk cId="2927232286" sldId="270"/>
            <ac:picMk id="10" creationId="{1E0E1F18-2DCF-8652-0156-3AE294AD23B7}"/>
          </ac:picMkLst>
        </pc:picChg>
        <pc:picChg chg="add mod">
          <ac:chgData name="Sara Mastrorosa" userId="d159c406-3740-4568-9f4d-6092b2495d2a" providerId="ADAL" clId="{8B86413B-2A1A-4226-BE53-109F0A4E8237}" dt="2023-09-28T07:23:25.251" v="18664" actId="1076"/>
          <ac:picMkLst>
            <pc:docMk/>
            <pc:sldMk cId="2927232286" sldId="270"/>
            <ac:picMk id="12" creationId="{A27239E4-7CB5-1810-0203-B13ECF043AFD}"/>
          </ac:picMkLst>
        </pc:picChg>
        <pc:picChg chg="add mod">
          <ac:chgData name="Sara Mastrorosa" userId="d159c406-3740-4568-9f4d-6092b2495d2a" providerId="ADAL" clId="{8B86413B-2A1A-4226-BE53-109F0A4E8237}" dt="2023-09-28T07:23:39.720" v="18669" actId="1076"/>
          <ac:picMkLst>
            <pc:docMk/>
            <pc:sldMk cId="2927232286" sldId="270"/>
            <ac:picMk id="14" creationId="{29E1FF4E-EBE7-8FC3-CE0F-CB0A5D845805}"/>
          </ac:picMkLst>
        </pc:picChg>
        <pc:picChg chg="mod">
          <ac:chgData name="Sara Mastrorosa" userId="d159c406-3740-4568-9f4d-6092b2495d2a" providerId="ADAL" clId="{8B86413B-2A1A-4226-BE53-109F0A4E8237}" dt="2023-09-27T10:03:54.428" v="15606" actId="1036"/>
          <ac:picMkLst>
            <pc:docMk/>
            <pc:sldMk cId="2927232286" sldId="270"/>
            <ac:picMk id="21" creationId="{1083AA1D-7B8A-43CC-B257-4BE107119847}"/>
          </ac:picMkLst>
        </pc:picChg>
        <pc:picChg chg="mod">
          <ac:chgData name="Sara Mastrorosa" userId="d159c406-3740-4568-9f4d-6092b2495d2a" providerId="ADAL" clId="{8B86413B-2A1A-4226-BE53-109F0A4E8237}" dt="2023-09-27T10:03:54.428" v="15606" actId="1036"/>
          <ac:picMkLst>
            <pc:docMk/>
            <pc:sldMk cId="2927232286" sldId="270"/>
            <ac:picMk id="27" creationId="{93793B28-2471-8A3B-90C9-C3913A619DBD}"/>
          </ac:picMkLst>
        </pc:picChg>
        <pc:picChg chg="add mod">
          <ac:chgData name="Sara Mastrorosa" userId="d159c406-3740-4568-9f4d-6092b2495d2a" providerId="ADAL" clId="{8B86413B-2A1A-4226-BE53-109F0A4E8237}" dt="2023-09-27T10:05:11.269" v="15670" actId="1036"/>
          <ac:picMkLst>
            <pc:docMk/>
            <pc:sldMk cId="2927232286" sldId="270"/>
            <ac:picMk id="46" creationId="{79464C6F-6DA5-164A-AC48-EA0229FC1653}"/>
          </ac:picMkLst>
        </pc:picChg>
        <pc:picChg chg="mod">
          <ac:chgData name="Sara Mastrorosa" userId="d159c406-3740-4568-9f4d-6092b2495d2a" providerId="ADAL" clId="{8B86413B-2A1A-4226-BE53-109F0A4E8237}" dt="2023-09-27T10:03:54.428" v="15606" actId="1036"/>
          <ac:picMkLst>
            <pc:docMk/>
            <pc:sldMk cId="2927232286" sldId="270"/>
            <ac:picMk id="56" creationId="{C173082B-53BE-87AA-7A4A-8BC356BABADB}"/>
          </ac:picMkLst>
        </pc:picChg>
        <pc:picChg chg="add mod">
          <ac:chgData name="Sara Mastrorosa" userId="d159c406-3740-4568-9f4d-6092b2495d2a" providerId="ADAL" clId="{8B86413B-2A1A-4226-BE53-109F0A4E8237}" dt="2023-09-27T10:04:52.466" v="15642" actId="1035"/>
          <ac:picMkLst>
            <pc:docMk/>
            <pc:sldMk cId="2927232286" sldId="270"/>
            <ac:picMk id="72" creationId="{CD106DD7-6D7A-EA10-1547-C0009D7F0FC5}"/>
          </ac:picMkLst>
        </pc:picChg>
        <pc:picChg chg="mod">
          <ac:chgData name="Sara Mastrorosa" userId="d159c406-3740-4568-9f4d-6092b2495d2a" providerId="ADAL" clId="{8B86413B-2A1A-4226-BE53-109F0A4E8237}" dt="2023-09-27T09:57:05.287" v="15276" actId="1076"/>
          <ac:picMkLst>
            <pc:docMk/>
            <pc:sldMk cId="2927232286" sldId="270"/>
            <ac:picMk id="75" creationId="{4413A85D-749F-CA67-8516-F3FF40139387}"/>
          </ac:picMkLst>
        </pc:picChg>
        <pc:picChg chg="mod">
          <ac:chgData name="Sara Mastrorosa" userId="d159c406-3740-4568-9f4d-6092b2495d2a" providerId="ADAL" clId="{8B86413B-2A1A-4226-BE53-109F0A4E8237}" dt="2023-09-27T10:06:03.804" v="15684" actId="1037"/>
          <ac:picMkLst>
            <pc:docMk/>
            <pc:sldMk cId="2927232286" sldId="270"/>
            <ac:picMk id="77" creationId="{64E80AE5-E8B7-D1F4-694C-12E7C811D4BB}"/>
          </ac:picMkLst>
        </pc:picChg>
        <pc:picChg chg="mod">
          <ac:chgData name="Sara Mastrorosa" userId="d159c406-3740-4568-9f4d-6092b2495d2a" providerId="ADAL" clId="{8B86413B-2A1A-4226-BE53-109F0A4E8237}" dt="2023-09-27T09:59:45.771" v="15516" actId="1076"/>
          <ac:picMkLst>
            <pc:docMk/>
            <pc:sldMk cId="2927232286" sldId="270"/>
            <ac:picMk id="78" creationId="{C2481979-AFAA-1345-53B4-44604A3D9EDF}"/>
          </ac:picMkLst>
        </pc:picChg>
        <pc:picChg chg="add mod">
          <ac:chgData name="Sara Mastrorosa" userId="d159c406-3740-4568-9f4d-6092b2495d2a" providerId="ADAL" clId="{8B86413B-2A1A-4226-BE53-109F0A4E8237}" dt="2023-09-27T12:06:49.181" v="16673"/>
          <ac:picMkLst>
            <pc:docMk/>
            <pc:sldMk cId="2927232286" sldId="270"/>
            <ac:picMk id="89" creationId="{32E079E2-784A-3654-3D17-2778C76380D9}"/>
          </ac:picMkLst>
        </pc:picChg>
        <pc:cxnChg chg="add mod">
          <ac:chgData name="Sara Mastrorosa" userId="d159c406-3740-4568-9f4d-6092b2495d2a" providerId="ADAL" clId="{8B86413B-2A1A-4226-BE53-109F0A4E8237}" dt="2023-09-27T09:57:38.081" v="15308" actId="1037"/>
          <ac:cxnSpMkLst>
            <pc:docMk/>
            <pc:sldMk cId="2927232286" sldId="270"/>
            <ac:cxnSpMk id="7" creationId="{FFDA3582-104E-9CD6-7168-AA8F2D628D3D}"/>
          </ac:cxnSpMkLst>
        </pc:cxnChg>
        <pc:cxnChg chg="add mod">
          <ac:chgData name="Sara Mastrorosa" userId="d159c406-3740-4568-9f4d-6092b2495d2a" providerId="ADAL" clId="{8B86413B-2A1A-4226-BE53-109F0A4E8237}" dt="2023-09-27T09:58:38.648" v="15402" actId="14100"/>
          <ac:cxnSpMkLst>
            <pc:docMk/>
            <pc:sldMk cId="2927232286" sldId="270"/>
            <ac:cxnSpMk id="9" creationId="{8FFCD365-CAB6-CB07-2BC1-86C3FCB80644}"/>
          </ac:cxnSpMkLst>
        </pc:cxnChg>
        <pc:cxnChg chg="add mod">
          <ac:chgData name="Sara Mastrorosa" userId="d159c406-3740-4568-9f4d-6092b2495d2a" providerId="ADAL" clId="{8B86413B-2A1A-4226-BE53-109F0A4E8237}" dt="2023-09-27T09:58:16.073" v="15334" actId="1037"/>
          <ac:cxnSpMkLst>
            <pc:docMk/>
            <pc:sldMk cId="2927232286" sldId="270"/>
            <ac:cxnSpMk id="11" creationId="{B551F8D9-2BED-14B9-3D60-EB65C28A4EC2}"/>
          </ac:cxnSpMkLst>
        </pc:cxnChg>
        <pc:cxnChg chg="mod">
          <ac:chgData name="Sara Mastrorosa" userId="d159c406-3740-4568-9f4d-6092b2495d2a" providerId="ADAL" clId="{8B86413B-2A1A-4226-BE53-109F0A4E8237}" dt="2023-09-27T09:56:53.709" v="15271" actId="1037"/>
          <ac:cxnSpMkLst>
            <pc:docMk/>
            <pc:sldMk cId="2927232286" sldId="270"/>
            <ac:cxnSpMk id="32" creationId="{90EEE7F0-6556-89EA-336D-36DB427743D7}"/>
          </ac:cxnSpMkLst>
        </pc:cxnChg>
        <pc:cxnChg chg="mod">
          <ac:chgData name="Sara Mastrorosa" userId="d159c406-3740-4568-9f4d-6092b2495d2a" providerId="ADAL" clId="{8B86413B-2A1A-4226-BE53-109F0A4E8237}" dt="2023-09-27T10:04:07.746" v="15628" actId="1035"/>
          <ac:cxnSpMkLst>
            <pc:docMk/>
            <pc:sldMk cId="2927232286" sldId="270"/>
            <ac:cxnSpMk id="35" creationId="{6DA4F8F9-EAFC-DA02-1EAC-A1777C1A0701}"/>
          </ac:cxnSpMkLst>
        </pc:cxnChg>
        <pc:cxnChg chg="add mod">
          <ac:chgData name="Sara Mastrorosa" userId="d159c406-3740-4568-9f4d-6092b2495d2a" providerId="ADAL" clId="{8B86413B-2A1A-4226-BE53-109F0A4E8237}" dt="2023-09-27T09:58:16.073" v="15334" actId="1037"/>
          <ac:cxnSpMkLst>
            <pc:docMk/>
            <pc:sldMk cId="2927232286" sldId="270"/>
            <ac:cxnSpMk id="40" creationId="{15063D8C-53C9-2CF4-99DE-8DB517533D4D}"/>
          </ac:cxnSpMkLst>
        </pc:cxnChg>
        <pc:cxnChg chg="mod">
          <ac:chgData name="Sara Mastrorosa" userId="d159c406-3740-4568-9f4d-6092b2495d2a" providerId="ADAL" clId="{8B86413B-2A1A-4226-BE53-109F0A4E8237}" dt="2023-09-27T09:56:53.709" v="15271" actId="1037"/>
          <ac:cxnSpMkLst>
            <pc:docMk/>
            <pc:sldMk cId="2927232286" sldId="270"/>
            <ac:cxnSpMk id="41" creationId="{7D627E89-A142-8B1F-7B91-28C5B4C955C5}"/>
          </ac:cxnSpMkLst>
        </pc:cxnChg>
        <pc:cxnChg chg="del">
          <ac:chgData name="Sara Mastrorosa" userId="d159c406-3740-4568-9f4d-6092b2495d2a" providerId="ADAL" clId="{8B86413B-2A1A-4226-BE53-109F0A4E8237}" dt="2023-09-27T09:41:23.872" v="13652" actId="478"/>
          <ac:cxnSpMkLst>
            <pc:docMk/>
            <pc:sldMk cId="2927232286" sldId="270"/>
            <ac:cxnSpMk id="47" creationId="{D629FEA7-DA5E-7F50-86FF-C88E70507552}"/>
          </ac:cxnSpMkLst>
        </pc:cxnChg>
        <pc:cxnChg chg="add mod">
          <ac:chgData name="Sara Mastrorosa" userId="d159c406-3740-4568-9f4d-6092b2495d2a" providerId="ADAL" clId="{8B86413B-2A1A-4226-BE53-109F0A4E8237}" dt="2023-09-27T09:58:16.073" v="15334" actId="1037"/>
          <ac:cxnSpMkLst>
            <pc:docMk/>
            <pc:sldMk cId="2927232286" sldId="270"/>
            <ac:cxnSpMk id="48" creationId="{A498F91D-553A-9B11-5FD3-01D86ED1D633}"/>
          </ac:cxnSpMkLst>
        </pc:cxnChg>
        <pc:cxnChg chg="del">
          <ac:chgData name="Sara Mastrorosa" userId="d159c406-3740-4568-9f4d-6092b2495d2a" providerId="ADAL" clId="{8B86413B-2A1A-4226-BE53-109F0A4E8237}" dt="2023-09-27T09:43:49.647" v="14113" actId="478"/>
          <ac:cxnSpMkLst>
            <pc:docMk/>
            <pc:sldMk cId="2927232286" sldId="270"/>
            <ac:cxnSpMk id="50" creationId="{752622A5-4B14-2CC2-6595-A0C1FBD61B42}"/>
          </ac:cxnSpMkLst>
        </pc:cxnChg>
        <pc:cxnChg chg="del">
          <ac:chgData name="Sara Mastrorosa" userId="d159c406-3740-4568-9f4d-6092b2495d2a" providerId="ADAL" clId="{8B86413B-2A1A-4226-BE53-109F0A4E8237}" dt="2023-09-27T09:43:47.584" v="14111" actId="478"/>
          <ac:cxnSpMkLst>
            <pc:docMk/>
            <pc:sldMk cId="2927232286" sldId="270"/>
            <ac:cxnSpMk id="51" creationId="{18B72D92-A85A-E670-741D-AF3063F175D4}"/>
          </ac:cxnSpMkLst>
        </pc:cxnChg>
        <pc:cxnChg chg="del">
          <ac:chgData name="Sara Mastrorosa" userId="d159c406-3740-4568-9f4d-6092b2495d2a" providerId="ADAL" clId="{8B86413B-2A1A-4226-BE53-109F0A4E8237}" dt="2023-09-27T09:43:48.519" v="14112" actId="478"/>
          <ac:cxnSpMkLst>
            <pc:docMk/>
            <pc:sldMk cId="2927232286" sldId="270"/>
            <ac:cxnSpMk id="52" creationId="{CA69F50A-14B9-3394-BACF-871600B497A7}"/>
          </ac:cxnSpMkLst>
        </pc:cxnChg>
        <pc:cxnChg chg="mod">
          <ac:chgData name="Sara Mastrorosa" userId="d159c406-3740-4568-9f4d-6092b2495d2a" providerId="ADAL" clId="{8B86413B-2A1A-4226-BE53-109F0A4E8237}" dt="2023-09-27T09:57:54.255" v="15311" actId="14100"/>
          <ac:cxnSpMkLst>
            <pc:docMk/>
            <pc:sldMk cId="2927232286" sldId="270"/>
            <ac:cxnSpMk id="62" creationId="{34B4F383-A280-7833-9DA6-7E6C89F761AD}"/>
          </ac:cxnSpMkLst>
        </pc:cxnChg>
        <pc:cxnChg chg="add mod">
          <ac:chgData name="Sara Mastrorosa" userId="d159c406-3740-4568-9f4d-6092b2495d2a" providerId="ADAL" clId="{8B86413B-2A1A-4226-BE53-109F0A4E8237}" dt="2023-09-27T09:59:25.867" v="15417" actId="1036"/>
          <ac:cxnSpMkLst>
            <pc:docMk/>
            <pc:sldMk cId="2927232286" sldId="270"/>
            <ac:cxnSpMk id="76" creationId="{656CBA88-37C6-6DA7-5B26-8C0194A4721B}"/>
          </ac:cxnSpMkLst>
        </pc:cxnChg>
      </pc:sldChg>
      <pc:sldChg chg="addSp delSp modSp add del mod">
        <pc:chgData name="Sara Mastrorosa" userId="d159c406-3740-4568-9f4d-6092b2495d2a" providerId="ADAL" clId="{8B86413B-2A1A-4226-BE53-109F0A4E8237}" dt="2023-09-27T12:42:58.726" v="17977" actId="47"/>
        <pc:sldMkLst>
          <pc:docMk/>
          <pc:sldMk cId="1164873770" sldId="271"/>
        </pc:sldMkLst>
        <pc:spChg chg="add mod">
          <ac:chgData name="Sara Mastrorosa" userId="d159c406-3740-4568-9f4d-6092b2495d2a" providerId="ADAL" clId="{8B86413B-2A1A-4226-BE53-109F0A4E8237}" dt="2023-09-27T10:35:10.572" v="16621" actId="1076"/>
          <ac:spMkLst>
            <pc:docMk/>
            <pc:sldMk cId="1164873770" sldId="271"/>
            <ac:spMk id="2" creationId="{49D73A98-3846-3CAB-B441-2E7DF0328962}"/>
          </ac:spMkLst>
        </pc:spChg>
        <pc:spChg chg="mod">
          <ac:chgData name="Sara Mastrorosa" userId="d159c406-3740-4568-9f4d-6092b2495d2a" providerId="ADAL" clId="{8B86413B-2A1A-4226-BE53-109F0A4E8237}" dt="2023-09-27T10:35:00.999" v="16619" actId="1076"/>
          <ac:spMkLst>
            <pc:docMk/>
            <pc:sldMk cId="1164873770" sldId="271"/>
            <ac:spMk id="5" creationId="{08F2B45B-2BC1-44B2-4465-F8FD2B97328F}"/>
          </ac:spMkLst>
        </pc:spChg>
        <pc:spChg chg="add mod">
          <ac:chgData name="Sara Mastrorosa" userId="d159c406-3740-4568-9f4d-6092b2495d2a" providerId="ADAL" clId="{8B86413B-2A1A-4226-BE53-109F0A4E8237}" dt="2023-09-27T10:36:22.016" v="16635" actId="1076"/>
          <ac:spMkLst>
            <pc:docMk/>
            <pc:sldMk cId="1164873770" sldId="271"/>
            <ac:spMk id="10" creationId="{3350A1EF-E24E-F2F8-674A-1567FF22D27D}"/>
          </ac:spMkLst>
        </pc:spChg>
        <pc:spChg chg="del">
          <ac:chgData name="Sara Mastrorosa" userId="d159c406-3740-4568-9f4d-6092b2495d2a" providerId="ADAL" clId="{8B86413B-2A1A-4226-BE53-109F0A4E8237}" dt="2023-09-27T10:32:56.981" v="16601" actId="478"/>
          <ac:spMkLst>
            <pc:docMk/>
            <pc:sldMk cId="1164873770" sldId="271"/>
            <ac:spMk id="17" creationId="{D116225A-1921-B173-3705-D195EFDEE4CE}"/>
          </ac:spMkLst>
        </pc:spChg>
        <pc:spChg chg="del">
          <ac:chgData name="Sara Mastrorosa" userId="d159c406-3740-4568-9f4d-6092b2495d2a" providerId="ADAL" clId="{8B86413B-2A1A-4226-BE53-109F0A4E8237}" dt="2023-09-27T10:32:56.981" v="16601" actId="478"/>
          <ac:spMkLst>
            <pc:docMk/>
            <pc:sldMk cId="1164873770" sldId="271"/>
            <ac:spMk id="19" creationId="{08AE42B2-9ED0-7C93-72DB-0789CDE83630}"/>
          </ac:spMkLst>
        </pc:spChg>
        <pc:spChg chg="del">
          <ac:chgData name="Sara Mastrorosa" userId="d159c406-3740-4568-9f4d-6092b2495d2a" providerId="ADAL" clId="{8B86413B-2A1A-4226-BE53-109F0A4E8237}" dt="2023-09-27T10:32:56.981" v="16601" actId="478"/>
          <ac:spMkLst>
            <pc:docMk/>
            <pc:sldMk cId="1164873770" sldId="271"/>
            <ac:spMk id="23" creationId="{BBD02E41-927E-E72C-1EBC-CC06AF78960D}"/>
          </ac:spMkLst>
        </pc:spChg>
        <pc:spChg chg="del">
          <ac:chgData name="Sara Mastrorosa" userId="d159c406-3740-4568-9f4d-6092b2495d2a" providerId="ADAL" clId="{8B86413B-2A1A-4226-BE53-109F0A4E8237}" dt="2023-09-27T10:32:56.981" v="16601" actId="478"/>
          <ac:spMkLst>
            <pc:docMk/>
            <pc:sldMk cId="1164873770" sldId="271"/>
            <ac:spMk id="24" creationId="{FC36FEDE-63F5-3E80-D7F5-BB4450A8A491}"/>
          </ac:spMkLst>
        </pc:spChg>
        <pc:spChg chg="del">
          <ac:chgData name="Sara Mastrorosa" userId="d159c406-3740-4568-9f4d-6092b2495d2a" providerId="ADAL" clId="{8B86413B-2A1A-4226-BE53-109F0A4E8237}" dt="2023-09-27T10:32:56.981" v="16601" actId="478"/>
          <ac:spMkLst>
            <pc:docMk/>
            <pc:sldMk cId="1164873770" sldId="271"/>
            <ac:spMk id="25" creationId="{A0B30899-6D11-ED95-BFF1-7CE3DF0DFF67}"/>
          </ac:spMkLst>
        </pc:spChg>
        <pc:spChg chg="del">
          <ac:chgData name="Sara Mastrorosa" userId="d159c406-3740-4568-9f4d-6092b2495d2a" providerId="ADAL" clId="{8B86413B-2A1A-4226-BE53-109F0A4E8237}" dt="2023-09-27T10:32:56.981" v="16601" actId="478"/>
          <ac:spMkLst>
            <pc:docMk/>
            <pc:sldMk cId="1164873770" sldId="271"/>
            <ac:spMk id="29" creationId="{A1BA980E-A385-0399-A8C5-64F6CF0EC0E8}"/>
          </ac:spMkLst>
        </pc:spChg>
        <pc:spChg chg="del">
          <ac:chgData name="Sara Mastrorosa" userId="d159c406-3740-4568-9f4d-6092b2495d2a" providerId="ADAL" clId="{8B86413B-2A1A-4226-BE53-109F0A4E8237}" dt="2023-09-27T10:32:56.981" v="16601" actId="478"/>
          <ac:spMkLst>
            <pc:docMk/>
            <pc:sldMk cId="1164873770" sldId="271"/>
            <ac:spMk id="31" creationId="{F551109F-2490-02B9-AE03-BFB39CC386F9}"/>
          </ac:spMkLst>
        </pc:spChg>
        <pc:spChg chg="del">
          <ac:chgData name="Sara Mastrorosa" userId="d159c406-3740-4568-9f4d-6092b2495d2a" providerId="ADAL" clId="{8B86413B-2A1A-4226-BE53-109F0A4E8237}" dt="2023-09-27T10:32:56.981" v="16601" actId="478"/>
          <ac:spMkLst>
            <pc:docMk/>
            <pc:sldMk cId="1164873770" sldId="271"/>
            <ac:spMk id="34" creationId="{75871E0F-2897-D089-69EA-6CAD2D3FA3A2}"/>
          </ac:spMkLst>
        </pc:spChg>
        <pc:spChg chg="del">
          <ac:chgData name="Sara Mastrorosa" userId="d159c406-3740-4568-9f4d-6092b2495d2a" providerId="ADAL" clId="{8B86413B-2A1A-4226-BE53-109F0A4E8237}" dt="2023-09-27T10:32:56.981" v="16601" actId="478"/>
          <ac:spMkLst>
            <pc:docMk/>
            <pc:sldMk cId="1164873770" sldId="271"/>
            <ac:spMk id="36" creationId="{492EB4CB-7A16-5710-E4BE-FE17978CFF08}"/>
          </ac:spMkLst>
        </pc:spChg>
        <pc:spChg chg="del">
          <ac:chgData name="Sara Mastrorosa" userId="d159c406-3740-4568-9f4d-6092b2495d2a" providerId="ADAL" clId="{8B86413B-2A1A-4226-BE53-109F0A4E8237}" dt="2023-09-27T10:32:56.981" v="16601" actId="478"/>
          <ac:spMkLst>
            <pc:docMk/>
            <pc:sldMk cId="1164873770" sldId="271"/>
            <ac:spMk id="42" creationId="{362B0B57-0A51-5280-6771-E12ACDC08227}"/>
          </ac:spMkLst>
        </pc:spChg>
        <pc:spChg chg="del">
          <ac:chgData name="Sara Mastrorosa" userId="d159c406-3740-4568-9f4d-6092b2495d2a" providerId="ADAL" clId="{8B86413B-2A1A-4226-BE53-109F0A4E8237}" dt="2023-09-27T10:32:56.981" v="16601" actId="478"/>
          <ac:spMkLst>
            <pc:docMk/>
            <pc:sldMk cId="1164873770" sldId="271"/>
            <ac:spMk id="43" creationId="{16374F37-375A-23A0-7CE3-3E948C5AB6A0}"/>
          </ac:spMkLst>
        </pc:spChg>
        <pc:spChg chg="del">
          <ac:chgData name="Sara Mastrorosa" userId="d159c406-3740-4568-9f4d-6092b2495d2a" providerId="ADAL" clId="{8B86413B-2A1A-4226-BE53-109F0A4E8237}" dt="2023-09-27T10:32:56.981" v="16601" actId="478"/>
          <ac:spMkLst>
            <pc:docMk/>
            <pc:sldMk cId="1164873770" sldId="271"/>
            <ac:spMk id="45" creationId="{54665D35-74ED-C78B-6EE3-0CB57D24B6C1}"/>
          </ac:spMkLst>
        </pc:spChg>
        <pc:spChg chg="del">
          <ac:chgData name="Sara Mastrorosa" userId="d159c406-3740-4568-9f4d-6092b2495d2a" providerId="ADAL" clId="{8B86413B-2A1A-4226-BE53-109F0A4E8237}" dt="2023-09-27T10:32:56.981" v="16601" actId="478"/>
          <ac:spMkLst>
            <pc:docMk/>
            <pc:sldMk cId="1164873770" sldId="271"/>
            <ac:spMk id="54" creationId="{0F01E45A-4303-C138-51F2-CEC5DC8BF428}"/>
          </ac:spMkLst>
        </pc:spChg>
        <pc:spChg chg="del">
          <ac:chgData name="Sara Mastrorosa" userId="d159c406-3740-4568-9f4d-6092b2495d2a" providerId="ADAL" clId="{8B86413B-2A1A-4226-BE53-109F0A4E8237}" dt="2023-09-27T10:32:56.981" v="16601" actId="478"/>
          <ac:spMkLst>
            <pc:docMk/>
            <pc:sldMk cId="1164873770" sldId="271"/>
            <ac:spMk id="55" creationId="{DC3852E2-61FE-3CC5-3ABD-6396ABF8DF94}"/>
          </ac:spMkLst>
        </pc:spChg>
        <pc:spChg chg="del">
          <ac:chgData name="Sara Mastrorosa" userId="d159c406-3740-4568-9f4d-6092b2495d2a" providerId="ADAL" clId="{8B86413B-2A1A-4226-BE53-109F0A4E8237}" dt="2023-09-27T10:32:56.981" v="16601" actId="478"/>
          <ac:spMkLst>
            <pc:docMk/>
            <pc:sldMk cId="1164873770" sldId="271"/>
            <ac:spMk id="57" creationId="{EFC32D29-E36F-10B8-1FBB-0446C17A0C66}"/>
          </ac:spMkLst>
        </pc:spChg>
        <pc:spChg chg="del">
          <ac:chgData name="Sara Mastrorosa" userId="d159c406-3740-4568-9f4d-6092b2495d2a" providerId="ADAL" clId="{8B86413B-2A1A-4226-BE53-109F0A4E8237}" dt="2023-09-27T10:32:56.981" v="16601" actId="478"/>
          <ac:spMkLst>
            <pc:docMk/>
            <pc:sldMk cId="1164873770" sldId="271"/>
            <ac:spMk id="58" creationId="{64F82F6A-4683-4E82-BE63-DDF75D3E558B}"/>
          </ac:spMkLst>
        </pc:spChg>
        <pc:spChg chg="del">
          <ac:chgData name="Sara Mastrorosa" userId="d159c406-3740-4568-9f4d-6092b2495d2a" providerId="ADAL" clId="{8B86413B-2A1A-4226-BE53-109F0A4E8237}" dt="2023-09-27T10:32:56.981" v="16601" actId="478"/>
          <ac:spMkLst>
            <pc:docMk/>
            <pc:sldMk cId="1164873770" sldId="271"/>
            <ac:spMk id="59" creationId="{0F4F246B-7794-46E4-263E-9B9AF53D066B}"/>
          </ac:spMkLst>
        </pc:spChg>
        <pc:spChg chg="del">
          <ac:chgData name="Sara Mastrorosa" userId="d159c406-3740-4568-9f4d-6092b2495d2a" providerId="ADAL" clId="{8B86413B-2A1A-4226-BE53-109F0A4E8237}" dt="2023-09-27T10:33:01.617" v="16602" actId="478"/>
          <ac:spMkLst>
            <pc:docMk/>
            <pc:sldMk cId="1164873770" sldId="271"/>
            <ac:spMk id="60" creationId="{94ADEBD0-63C1-76DA-C1D8-1F38A5F5BD6B}"/>
          </ac:spMkLst>
        </pc:spChg>
        <pc:spChg chg="del">
          <ac:chgData name="Sara Mastrorosa" userId="d159c406-3740-4568-9f4d-6092b2495d2a" providerId="ADAL" clId="{8B86413B-2A1A-4226-BE53-109F0A4E8237}" dt="2023-09-27T10:32:56.981" v="16601" actId="478"/>
          <ac:spMkLst>
            <pc:docMk/>
            <pc:sldMk cId="1164873770" sldId="271"/>
            <ac:spMk id="61" creationId="{C46C8158-79C7-5924-A32F-8DB40875BD99}"/>
          </ac:spMkLst>
        </pc:spChg>
        <pc:spChg chg="del">
          <ac:chgData name="Sara Mastrorosa" userId="d159c406-3740-4568-9f4d-6092b2495d2a" providerId="ADAL" clId="{8B86413B-2A1A-4226-BE53-109F0A4E8237}" dt="2023-09-27T10:32:56.981" v="16601" actId="478"/>
          <ac:spMkLst>
            <pc:docMk/>
            <pc:sldMk cId="1164873770" sldId="271"/>
            <ac:spMk id="64" creationId="{300DA665-49E6-B1DD-8F57-8433E8FFDBA7}"/>
          </ac:spMkLst>
        </pc:spChg>
        <pc:spChg chg="del">
          <ac:chgData name="Sara Mastrorosa" userId="d159c406-3740-4568-9f4d-6092b2495d2a" providerId="ADAL" clId="{8B86413B-2A1A-4226-BE53-109F0A4E8237}" dt="2023-09-27T10:32:56.981" v="16601" actId="478"/>
          <ac:spMkLst>
            <pc:docMk/>
            <pc:sldMk cId="1164873770" sldId="271"/>
            <ac:spMk id="66" creationId="{8F0A41EB-73D5-4769-A415-91697569D61C}"/>
          </ac:spMkLst>
        </pc:spChg>
        <pc:spChg chg="del">
          <ac:chgData name="Sara Mastrorosa" userId="d159c406-3740-4568-9f4d-6092b2495d2a" providerId="ADAL" clId="{8B86413B-2A1A-4226-BE53-109F0A4E8237}" dt="2023-09-27T10:32:56.981" v="16601" actId="478"/>
          <ac:spMkLst>
            <pc:docMk/>
            <pc:sldMk cId="1164873770" sldId="271"/>
            <ac:spMk id="69" creationId="{2D1C845D-5CDE-D84A-7B93-92EB3900E4B9}"/>
          </ac:spMkLst>
        </pc:spChg>
        <pc:spChg chg="del">
          <ac:chgData name="Sara Mastrorosa" userId="d159c406-3740-4568-9f4d-6092b2495d2a" providerId="ADAL" clId="{8B86413B-2A1A-4226-BE53-109F0A4E8237}" dt="2023-09-27T10:32:56.981" v="16601" actId="478"/>
          <ac:spMkLst>
            <pc:docMk/>
            <pc:sldMk cId="1164873770" sldId="271"/>
            <ac:spMk id="70" creationId="{7ABDA84D-53D1-321F-48E0-83CEDD7E2DA6}"/>
          </ac:spMkLst>
        </pc:spChg>
        <pc:spChg chg="del">
          <ac:chgData name="Sara Mastrorosa" userId="d159c406-3740-4568-9f4d-6092b2495d2a" providerId="ADAL" clId="{8B86413B-2A1A-4226-BE53-109F0A4E8237}" dt="2023-09-27T10:32:56.981" v="16601" actId="478"/>
          <ac:spMkLst>
            <pc:docMk/>
            <pc:sldMk cId="1164873770" sldId="271"/>
            <ac:spMk id="73" creationId="{59AA887F-7653-8E10-64EF-FF0398D6C03B}"/>
          </ac:spMkLst>
        </pc:spChg>
        <pc:spChg chg="del">
          <ac:chgData name="Sara Mastrorosa" userId="d159c406-3740-4568-9f4d-6092b2495d2a" providerId="ADAL" clId="{8B86413B-2A1A-4226-BE53-109F0A4E8237}" dt="2023-09-27T10:32:56.981" v="16601" actId="478"/>
          <ac:spMkLst>
            <pc:docMk/>
            <pc:sldMk cId="1164873770" sldId="271"/>
            <ac:spMk id="74" creationId="{0349247A-E9B6-6300-6E0C-633CF2A241D2}"/>
          </ac:spMkLst>
        </pc:spChg>
        <pc:spChg chg="del">
          <ac:chgData name="Sara Mastrorosa" userId="d159c406-3740-4568-9f4d-6092b2495d2a" providerId="ADAL" clId="{8B86413B-2A1A-4226-BE53-109F0A4E8237}" dt="2023-09-27T10:32:56.981" v="16601" actId="478"/>
          <ac:spMkLst>
            <pc:docMk/>
            <pc:sldMk cId="1164873770" sldId="271"/>
            <ac:spMk id="79" creationId="{E7936AAC-309C-558E-4242-1D24150AA787}"/>
          </ac:spMkLst>
        </pc:spChg>
        <pc:spChg chg="del">
          <ac:chgData name="Sara Mastrorosa" userId="d159c406-3740-4568-9f4d-6092b2495d2a" providerId="ADAL" clId="{8B86413B-2A1A-4226-BE53-109F0A4E8237}" dt="2023-09-27T10:32:56.981" v="16601" actId="478"/>
          <ac:spMkLst>
            <pc:docMk/>
            <pc:sldMk cId="1164873770" sldId="271"/>
            <ac:spMk id="80" creationId="{F2D81254-91FD-4D6E-3C91-8A3563BBDC3D}"/>
          </ac:spMkLst>
        </pc:spChg>
        <pc:spChg chg="del">
          <ac:chgData name="Sara Mastrorosa" userId="d159c406-3740-4568-9f4d-6092b2495d2a" providerId="ADAL" clId="{8B86413B-2A1A-4226-BE53-109F0A4E8237}" dt="2023-09-27T10:32:56.981" v="16601" actId="478"/>
          <ac:spMkLst>
            <pc:docMk/>
            <pc:sldMk cId="1164873770" sldId="271"/>
            <ac:spMk id="81" creationId="{E412A24A-8804-6513-6B8E-79F66B450C71}"/>
          </ac:spMkLst>
        </pc:spChg>
        <pc:spChg chg="del">
          <ac:chgData name="Sara Mastrorosa" userId="d159c406-3740-4568-9f4d-6092b2495d2a" providerId="ADAL" clId="{8B86413B-2A1A-4226-BE53-109F0A4E8237}" dt="2023-09-27T10:33:01.617" v="16602" actId="478"/>
          <ac:spMkLst>
            <pc:docMk/>
            <pc:sldMk cId="1164873770" sldId="271"/>
            <ac:spMk id="82" creationId="{8EBBDA02-C55C-159E-1397-082AD14A9123}"/>
          </ac:spMkLst>
        </pc:spChg>
        <pc:spChg chg="del">
          <ac:chgData name="Sara Mastrorosa" userId="d159c406-3740-4568-9f4d-6092b2495d2a" providerId="ADAL" clId="{8B86413B-2A1A-4226-BE53-109F0A4E8237}" dt="2023-09-27T10:32:56.981" v="16601" actId="478"/>
          <ac:spMkLst>
            <pc:docMk/>
            <pc:sldMk cId="1164873770" sldId="271"/>
            <ac:spMk id="83" creationId="{DEC98D13-024B-2395-DDA0-45AD2147EBEA}"/>
          </ac:spMkLst>
        </pc:spChg>
        <pc:spChg chg="del">
          <ac:chgData name="Sara Mastrorosa" userId="d159c406-3740-4568-9f4d-6092b2495d2a" providerId="ADAL" clId="{8B86413B-2A1A-4226-BE53-109F0A4E8237}" dt="2023-09-27T10:32:56.981" v="16601" actId="478"/>
          <ac:spMkLst>
            <pc:docMk/>
            <pc:sldMk cId="1164873770" sldId="271"/>
            <ac:spMk id="84" creationId="{3843EBD9-1508-05D3-F182-F4760EFB140A}"/>
          </ac:spMkLst>
        </pc:spChg>
        <pc:spChg chg="del">
          <ac:chgData name="Sara Mastrorosa" userId="d159c406-3740-4568-9f4d-6092b2495d2a" providerId="ADAL" clId="{8B86413B-2A1A-4226-BE53-109F0A4E8237}" dt="2023-09-27T10:32:56.981" v="16601" actId="478"/>
          <ac:spMkLst>
            <pc:docMk/>
            <pc:sldMk cId="1164873770" sldId="271"/>
            <ac:spMk id="85" creationId="{29FD21E2-C4D1-A928-889B-5376D54860D5}"/>
          </ac:spMkLst>
        </pc:spChg>
        <pc:spChg chg="del">
          <ac:chgData name="Sara Mastrorosa" userId="d159c406-3740-4568-9f4d-6092b2495d2a" providerId="ADAL" clId="{8B86413B-2A1A-4226-BE53-109F0A4E8237}" dt="2023-09-27T10:32:56.981" v="16601" actId="478"/>
          <ac:spMkLst>
            <pc:docMk/>
            <pc:sldMk cId="1164873770" sldId="271"/>
            <ac:spMk id="86" creationId="{0A3DF484-222F-5325-1E0E-BFDBF28F6800}"/>
          </ac:spMkLst>
        </pc:spChg>
        <pc:spChg chg="del">
          <ac:chgData name="Sara Mastrorosa" userId="d159c406-3740-4568-9f4d-6092b2495d2a" providerId="ADAL" clId="{8B86413B-2A1A-4226-BE53-109F0A4E8237}" dt="2023-09-27T10:32:56.981" v="16601" actId="478"/>
          <ac:spMkLst>
            <pc:docMk/>
            <pc:sldMk cId="1164873770" sldId="271"/>
            <ac:spMk id="87" creationId="{08F0B450-B36A-8FF4-53FC-9985F157B86A}"/>
          </ac:spMkLst>
        </pc:spChg>
        <pc:spChg chg="del">
          <ac:chgData name="Sara Mastrorosa" userId="d159c406-3740-4568-9f4d-6092b2495d2a" providerId="ADAL" clId="{8B86413B-2A1A-4226-BE53-109F0A4E8237}" dt="2023-09-27T10:32:56.981" v="16601" actId="478"/>
          <ac:spMkLst>
            <pc:docMk/>
            <pc:sldMk cId="1164873770" sldId="271"/>
            <ac:spMk id="88" creationId="{56B1E104-EB80-508B-82B7-63CC4F43D95E}"/>
          </ac:spMkLst>
        </pc:spChg>
        <pc:grpChg chg="add mod">
          <ac:chgData name="Sara Mastrorosa" userId="d159c406-3740-4568-9f4d-6092b2495d2a" providerId="ADAL" clId="{8B86413B-2A1A-4226-BE53-109F0A4E8237}" dt="2023-09-27T10:35:04.492" v="16620" actId="1076"/>
          <ac:grpSpMkLst>
            <pc:docMk/>
            <pc:sldMk cId="1164873770" sldId="271"/>
            <ac:grpSpMk id="3" creationId="{CDA06629-04FC-0736-57B5-CA0E24F99833}"/>
          </ac:grpSpMkLst>
        </pc:grpChg>
        <pc:picChg chg="mod">
          <ac:chgData name="Sara Mastrorosa" userId="d159c406-3740-4568-9f4d-6092b2495d2a" providerId="ADAL" clId="{8B86413B-2A1A-4226-BE53-109F0A4E8237}" dt="2023-09-27T10:33:03.657" v="16604"/>
          <ac:picMkLst>
            <pc:docMk/>
            <pc:sldMk cId="1164873770" sldId="271"/>
            <ac:picMk id="4" creationId="{C7A95B36-827D-41D8-99F5-EBA6F7041C51}"/>
          </ac:picMkLst>
        </pc:picChg>
        <pc:picChg chg="del">
          <ac:chgData name="Sara Mastrorosa" userId="d159c406-3740-4568-9f4d-6092b2495d2a" providerId="ADAL" clId="{8B86413B-2A1A-4226-BE53-109F0A4E8237}" dt="2023-09-27T10:33:01.617" v="16602" actId="478"/>
          <ac:picMkLst>
            <pc:docMk/>
            <pc:sldMk cId="1164873770" sldId="271"/>
            <ac:picMk id="6" creationId="{D1A350B5-7839-C89A-19AF-02097A6CE966}"/>
          </ac:picMkLst>
        </pc:picChg>
        <pc:picChg chg="mod">
          <ac:chgData name="Sara Mastrorosa" userId="d159c406-3740-4568-9f4d-6092b2495d2a" providerId="ADAL" clId="{8B86413B-2A1A-4226-BE53-109F0A4E8237}" dt="2023-09-27T10:33:03.657" v="16604"/>
          <ac:picMkLst>
            <pc:docMk/>
            <pc:sldMk cId="1164873770" sldId="271"/>
            <ac:picMk id="8" creationId="{D38223D4-056E-ABEE-B276-608185183E59}"/>
          </ac:picMkLst>
        </pc:picChg>
        <pc:picChg chg="add mod modCrop">
          <ac:chgData name="Sara Mastrorosa" userId="d159c406-3740-4568-9f4d-6092b2495d2a" providerId="ADAL" clId="{8B86413B-2A1A-4226-BE53-109F0A4E8237}" dt="2023-09-27T10:36:19.069" v="16634" actId="1076"/>
          <ac:picMkLst>
            <pc:docMk/>
            <pc:sldMk cId="1164873770" sldId="271"/>
            <ac:picMk id="12" creationId="{17E6CD55-B5A4-3CF2-197F-8BAAD84DAE98}"/>
          </ac:picMkLst>
        </pc:picChg>
        <pc:picChg chg="add mod">
          <ac:chgData name="Sara Mastrorosa" userId="d159c406-3740-4568-9f4d-6092b2495d2a" providerId="ADAL" clId="{8B86413B-2A1A-4226-BE53-109F0A4E8237}" dt="2023-09-27T12:06:53.216" v="16675"/>
          <ac:picMkLst>
            <pc:docMk/>
            <pc:sldMk cId="1164873770" sldId="271"/>
            <ac:picMk id="13" creationId="{78042446-FB13-12A4-1A07-52E68CCF4751}"/>
          </ac:picMkLst>
        </pc:picChg>
        <pc:picChg chg="del">
          <ac:chgData name="Sara Mastrorosa" userId="d159c406-3740-4568-9f4d-6092b2495d2a" providerId="ADAL" clId="{8B86413B-2A1A-4226-BE53-109F0A4E8237}" dt="2023-09-27T10:32:56.981" v="16601" actId="478"/>
          <ac:picMkLst>
            <pc:docMk/>
            <pc:sldMk cId="1164873770" sldId="271"/>
            <ac:picMk id="21" creationId="{1083AA1D-7B8A-43CC-B257-4BE107119847}"/>
          </ac:picMkLst>
        </pc:picChg>
        <pc:picChg chg="del">
          <ac:chgData name="Sara Mastrorosa" userId="d159c406-3740-4568-9f4d-6092b2495d2a" providerId="ADAL" clId="{8B86413B-2A1A-4226-BE53-109F0A4E8237}" dt="2023-09-27T10:32:56.981" v="16601" actId="478"/>
          <ac:picMkLst>
            <pc:docMk/>
            <pc:sldMk cId="1164873770" sldId="271"/>
            <ac:picMk id="27" creationId="{93793B28-2471-8A3B-90C9-C3913A619DBD}"/>
          </ac:picMkLst>
        </pc:picChg>
        <pc:picChg chg="del">
          <ac:chgData name="Sara Mastrorosa" userId="d159c406-3740-4568-9f4d-6092b2495d2a" providerId="ADAL" clId="{8B86413B-2A1A-4226-BE53-109F0A4E8237}" dt="2023-09-27T10:32:56.981" v="16601" actId="478"/>
          <ac:picMkLst>
            <pc:docMk/>
            <pc:sldMk cId="1164873770" sldId="271"/>
            <ac:picMk id="46" creationId="{79464C6F-6DA5-164A-AC48-EA0229FC1653}"/>
          </ac:picMkLst>
        </pc:picChg>
        <pc:picChg chg="del">
          <ac:chgData name="Sara Mastrorosa" userId="d159c406-3740-4568-9f4d-6092b2495d2a" providerId="ADAL" clId="{8B86413B-2A1A-4226-BE53-109F0A4E8237}" dt="2023-09-27T10:32:56.981" v="16601" actId="478"/>
          <ac:picMkLst>
            <pc:docMk/>
            <pc:sldMk cId="1164873770" sldId="271"/>
            <ac:picMk id="56" creationId="{C173082B-53BE-87AA-7A4A-8BC356BABADB}"/>
          </ac:picMkLst>
        </pc:picChg>
        <pc:picChg chg="del">
          <ac:chgData name="Sara Mastrorosa" userId="d159c406-3740-4568-9f4d-6092b2495d2a" providerId="ADAL" clId="{8B86413B-2A1A-4226-BE53-109F0A4E8237}" dt="2023-09-27T10:32:56.981" v="16601" actId="478"/>
          <ac:picMkLst>
            <pc:docMk/>
            <pc:sldMk cId="1164873770" sldId="271"/>
            <ac:picMk id="72" creationId="{CD106DD7-6D7A-EA10-1547-C0009D7F0FC5}"/>
          </ac:picMkLst>
        </pc:picChg>
        <pc:picChg chg="del">
          <ac:chgData name="Sara Mastrorosa" userId="d159c406-3740-4568-9f4d-6092b2495d2a" providerId="ADAL" clId="{8B86413B-2A1A-4226-BE53-109F0A4E8237}" dt="2023-09-27T10:33:02.544" v="16603" actId="478"/>
          <ac:picMkLst>
            <pc:docMk/>
            <pc:sldMk cId="1164873770" sldId="271"/>
            <ac:picMk id="75" creationId="{4413A85D-749F-CA67-8516-F3FF40139387}"/>
          </ac:picMkLst>
        </pc:picChg>
        <pc:picChg chg="del">
          <ac:chgData name="Sara Mastrorosa" userId="d159c406-3740-4568-9f4d-6092b2495d2a" providerId="ADAL" clId="{8B86413B-2A1A-4226-BE53-109F0A4E8237}" dt="2023-09-27T10:32:56.981" v="16601" actId="478"/>
          <ac:picMkLst>
            <pc:docMk/>
            <pc:sldMk cId="1164873770" sldId="271"/>
            <ac:picMk id="77" creationId="{64E80AE5-E8B7-D1F4-694C-12E7C811D4BB}"/>
          </ac:picMkLst>
        </pc:picChg>
        <pc:picChg chg="del">
          <ac:chgData name="Sara Mastrorosa" userId="d159c406-3740-4568-9f4d-6092b2495d2a" providerId="ADAL" clId="{8B86413B-2A1A-4226-BE53-109F0A4E8237}" dt="2023-09-27T10:32:56.981" v="16601" actId="478"/>
          <ac:picMkLst>
            <pc:docMk/>
            <pc:sldMk cId="1164873770" sldId="271"/>
            <ac:picMk id="78" creationId="{C2481979-AFAA-1345-53B4-44604A3D9EDF}"/>
          </ac:picMkLst>
        </pc:picChg>
        <pc:cxnChg chg="del">
          <ac:chgData name="Sara Mastrorosa" userId="d159c406-3740-4568-9f4d-6092b2495d2a" providerId="ADAL" clId="{8B86413B-2A1A-4226-BE53-109F0A4E8237}" dt="2023-09-27T10:32:56.981" v="16601" actId="478"/>
          <ac:cxnSpMkLst>
            <pc:docMk/>
            <pc:sldMk cId="1164873770" sldId="271"/>
            <ac:cxnSpMk id="7" creationId="{FFDA3582-104E-9CD6-7168-AA8F2D628D3D}"/>
          </ac:cxnSpMkLst>
        </pc:cxnChg>
        <pc:cxnChg chg="del mod">
          <ac:chgData name="Sara Mastrorosa" userId="d159c406-3740-4568-9f4d-6092b2495d2a" providerId="ADAL" clId="{8B86413B-2A1A-4226-BE53-109F0A4E8237}" dt="2023-09-27T10:32:56.981" v="16601" actId="478"/>
          <ac:cxnSpMkLst>
            <pc:docMk/>
            <pc:sldMk cId="1164873770" sldId="271"/>
            <ac:cxnSpMk id="9" creationId="{8FFCD365-CAB6-CB07-2BC1-86C3FCB80644}"/>
          </ac:cxnSpMkLst>
        </pc:cxnChg>
        <pc:cxnChg chg="del">
          <ac:chgData name="Sara Mastrorosa" userId="d159c406-3740-4568-9f4d-6092b2495d2a" providerId="ADAL" clId="{8B86413B-2A1A-4226-BE53-109F0A4E8237}" dt="2023-09-27T10:32:56.981" v="16601" actId="478"/>
          <ac:cxnSpMkLst>
            <pc:docMk/>
            <pc:sldMk cId="1164873770" sldId="271"/>
            <ac:cxnSpMk id="11" creationId="{B551F8D9-2BED-14B9-3D60-EB65C28A4EC2}"/>
          </ac:cxnSpMkLst>
        </pc:cxnChg>
        <pc:cxnChg chg="del">
          <ac:chgData name="Sara Mastrorosa" userId="d159c406-3740-4568-9f4d-6092b2495d2a" providerId="ADAL" clId="{8B86413B-2A1A-4226-BE53-109F0A4E8237}" dt="2023-09-27T10:32:56.981" v="16601" actId="478"/>
          <ac:cxnSpMkLst>
            <pc:docMk/>
            <pc:sldMk cId="1164873770" sldId="271"/>
            <ac:cxnSpMk id="32" creationId="{90EEE7F0-6556-89EA-336D-36DB427743D7}"/>
          </ac:cxnSpMkLst>
        </pc:cxnChg>
        <pc:cxnChg chg="del">
          <ac:chgData name="Sara Mastrorosa" userId="d159c406-3740-4568-9f4d-6092b2495d2a" providerId="ADAL" clId="{8B86413B-2A1A-4226-BE53-109F0A4E8237}" dt="2023-09-27T10:32:56.981" v="16601" actId="478"/>
          <ac:cxnSpMkLst>
            <pc:docMk/>
            <pc:sldMk cId="1164873770" sldId="271"/>
            <ac:cxnSpMk id="40" creationId="{15063D8C-53C9-2CF4-99DE-8DB517533D4D}"/>
          </ac:cxnSpMkLst>
        </pc:cxnChg>
        <pc:cxnChg chg="del mod">
          <ac:chgData name="Sara Mastrorosa" userId="d159c406-3740-4568-9f4d-6092b2495d2a" providerId="ADAL" clId="{8B86413B-2A1A-4226-BE53-109F0A4E8237}" dt="2023-09-27T10:32:56.981" v="16601" actId="478"/>
          <ac:cxnSpMkLst>
            <pc:docMk/>
            <pc:sldMk cId="1164873770" sldId="271"/>
            <ac:cxnSpMk id="41" creationId="{7D627E89-A142-8B1F-7B91-28C5B4C955C5}"/>
          </ac:cxnSpMkLst>
        </pc:cxnChg>
        <pc:cxnChg chg="del">
          <ac:chgData name="Sara Mastrorosa" userId="d159c406-3740-4568-9f4d-6092b2495d2a" providerId="ADAL" clId="{8B86413B-2A1A-4226-BE53-109F0A4E8237}" dt="2023-09-27T10:32:56.981" v="16601" actId="478"/>
          <ac:cxnSpMkLst>
            <pc:docMk/>
            <pc:sldMk cId="1164873770" sldId="271"/>
            <ac:cxnSpMk id="48" creationId="{A498F91D-553A-9B11-5FD3-01D86ED1D633}"/>
          </ac:cxnSpMkLst>
        </pc:cxnChg>
        <pc:cxnChg chg="del mod">
          <ac:chgData name="Sara Mastrorosa" userId="d159c406-3740-4568-9f4d-6092b2495d2a" providerId="ADAL" clId="{8B86413B-2A1A-4226-BE53-109F0A4E8237}" dt="2023-09-27T10:32:56.981" v="16601" actId="478"/>
          <ac:cxnSpMkLst>
            <pc:docMk/>
            <pc:sldMk cId="1164873770" sldId="271"/>
            <ac:cxnSpMk id="62" creationId="{34B4F383-A280-7833-9DA6-7E6C89F761AD}"/>
          </ac:cxnSpMkLst>
        </pc:cxnChg>
        <pc:cxnChg chg="del">
          <ac:chgData name="Sara Mastrorosa" userId="d159c406-3740-4568-9f4d-6092b2495d2a" providerId="ADAL" clId="{8B86413B-2A1A-4226-BE53-109F0A4E8237}" dt="2023-09-27T10:32:56.981" v="16601" actId="478"/>
          <ac:cxnSpMkLst>
            <pc:docMk/>
            <pc:sldMk cId="1164873770" sldId="271"/>
            <ac:cxnSpMk id="76" creationId="{656CBA88-37C6-6DA7-5B26-8C0194A4721B}"/>
          </ac:cxnSpMkLst>
        </pc:cxnChg>
      </pc:sldChg>
      <pc:sldChg chg="modSp add del mod">
        <pc:chgData name="Sara Mastrorosa" userId="d159c406-3740-4568-9f4d-6092b2495d2a" providerId="ADAL" clId="{8B86413B-2A1A-4226-BE53-109F0A4E8237}" dt="2023-09-27T12:42:57.242" v="17976" actId="47"/>
        <pc:sldMkLst>
          <pc:docMk/>
          <pc:sldMk cId="178141250" sldId="272"/>
        </pc:sldMkLst>
        <pc:spChg chg="mod">
          <ac:chgData name="Sara Mastrorosa" userId="d159c406-3740-4568-9f4d-6092b2495d2a" providerId="ADAL" clId="{8B86413B-2A1A-4226-BE53-109F0A4E8237}" dt="2023-09-27T10:32:44.669" v="16600" actId="27636"/>
          <ac:spMkLst>
            <pc:docMk/>
            <pc:sldMk cId="178141250" sldId="272"/>
            <ac:spMk id="2" creationId="{BAF25E46-EBDF-4CD2-89D1-F7B0E395D461}"/>
          </ac:spMkLst>
        </pc:spChg>
      </pc:sldChg>
      <pc:sldChg chg="addSp modSp add del">
        <pc:chgData name="Sara Mastrorosa" userId="d159c406-3740-4568-9f4d-6092b2495d2a" providerId="ADAL" clId="{8B86413B-2A1A-4226-BE53-109F0A4E8237}" dt="2023-09-27T12:07:20.823" v="16680" actId="47"/>
        <pc:sldMkLst>
          <pc:docMk/>
          <pc:sldMk cId="3047570396" sldId="273"/>
        </pc:sldMkLst>
        <pc:picChg chg="add mod">
          <ac:chgData name="Sara Mastrorosa" userId="d159c406-3740-4568-9f4d-6092b2495d2a" providerId="ADAL" clId="{8B86413B-2A1A-4226-BE53-109F0A4E8237}" dt="2023-09-27T12:06:51.659" v="16674"/>
          <ac:picMkLst>
            <pc:docMk/>
            <pc:sldMk cId="3047570396" sldId="273"/>
            <ac:picMk id="2" creationId="{AC3004AD-40EC-CB3B-27AE-9641261665B2}"/>
          </ac:picMkLst>
        </pc:picChg>
      </pc:sldChg>
      <pc:sldChg chg="addSp delSp modSp add mod">
        <pc:chgData name="Sara Mastrorosa" userId="d159c406-3740-4568-9f4d-6092b2495d2a" providerId="ADAL" clId="{8B86413B-2A1A-4226-BE53-109F0A4E8237}" dt="2023-10-02T10:50:42.926" v="24165" actId="20577"/>
        <pc:sldMkLst>
          <pc:docMk/>
          <pc:sldMk cId="1740496174" sldId="274"/>
        </pc:sldMkLst>
        <pc:spChg chg="del">
          <ac:chgData name="Sara Mastrorosa" userId="d159c406-3740-4568-9f4d-6092b2495d2a" providerId="ADAL" clId="{8B86413B-2A1A-4226-BE53-109F0A4E8237}" dt="2023-09-27T12:07:07.768" v="16677" actId="478"/>
          <ac:spMkLst>
            <pc:docMk/>
            <pc:sldMk cId="1740496174" sldId="274"/>
            <ac:spMk id="2" creationId="{49D73A98-3846-3CAB-B441-2E7DF0328962}"/>
          </ac:spMkLst>
        </pc:spChg>
        <pc:spChg chg="add mod">
          <ac:chgData name="Sara Mastrorosa" userId="d159c406-3740-4568-9f4d-6092b2495d2a" providerId="ADAL" clId="{8B86413B-2A1A-4226-BE53-109F0A4E8237}" dt="2023-09-28T08:21:36.789" v="19896" actId="14100"/>
          <ac:spMkLst>
            <pc:docMk/>
            <pc:sldMk cId="1740496174" sldId="274"/>
            <ac:spMk id="2" creationId="{6B76A86A-DF77-A55C-112A-DD9A68D991C0}"/>
          </ac:spMkLst>
        </pc:spChg>
        <pc:spChg chg="add mod">
          <ac:chgData name="Sara Mastrorosa" userId="d159c406-3740-4568-9f4d-6092b2495d2a" providerId="ADAL" clId="{8B86413B-2A1A-4226-BE53-109F0A4E8237}" dt="2023-09-28T08:21:17.361" v="19893" actId="14100"/>
          <ac:spMkLst>
            <pc:docMk/>
            <pc:sldMk cId="1740496174" sldId="274"/>
            <ac:spMk id="3" creationId="{CF8C611C-0BD5-6C58-2898-B4D4989E6E8D}"/>
          </ac:spMkLst>
        </pc:spChg>
        <pc:spChg chg="add mod">
          <ac:chgData name="Sara Mastrorosa" userId="d159c406-3740-4568-9f4d-6092b2495d2a" providerId="ADAL" clId="{8B86413B-2A1A-4226-BE53-109F0A4E8237}" dt="2023-10-02T10:49:15.887" v="24065" actId="108"/>
          <ac:spMkLst>
            <pc:docMk/>
            <pc:sldMk cId="1740496174" sldId="274"/>
            <ac:spMk id="4" creationId="{3B3B71ED-3160-4737-6C7E-41C0FF95D324}"/>
          </ac:spMkLst>
        </pc:spChg>
        <pc:spChg chg="mod">
          <ac:chgData name="Sara Mastrorosa" userId="d159c406-3740-4568-9f4d-6092b2495d2a" providerId="ADAL" clId="{8B86413B-2A1A-4226-BE53-109F0A4E8237}" dt="2023-09-28T09:07:58.822" v="20168" actId="113"/>
          <ac:spMkLst>
            <pc:docMk/>
            <pc:sldMk cId="1740496174" sldId="274"/>
            <ac:spMk id="5" creationId="{08F2B45B-2BC1-44B2-4465-F8FD2B97328F}"/>
          </ac:spMkLst>
        </pc:spChg>
        <pc:spChg chg="add mod">
          <ac:chgData name="Sara Mastrorosa" userId="d159c406-3740-4568-9f4d-6092b2495d2a" providerId="ADAL" clId="{8B86413B-2A1A-4226-BE53-109F0A4E8237}" dt="2023-09-28T07:52:30.774" v="19786" actId="20577"/>
          <ac:spMkLst>
            <pc:docMk/>
            <pc:sldMk cId="1740496174" sldId="274"/>
            <ac:spMk id="6" creationId="{587267A9-FEC1-686C-CCAE-F86203070F10}"/>
          </ac:spMkLst>
        </pc:spChg>
        <pc:spChg chg="add mod">
          <ac:chgData name="Sara Mastrorosa" userId="d159c406-3740-4568-9f4d-6092b2495d2a" providerId="ADAL" clId="{8B86413B-2A1A-4226-BE53-109F0A4E8237}" dt="2023-09-28T07:53:25.374" v="19838" actId="2085"/>
          <ac:spMkLst>
            <pc:docMk/>
            <pc:sldMk cId="1740496174" sldId="274"/>
            <ac:spMk id="7" creationId="{1F347664-B6D6-956E-F550-676FB590DD21}"/>
          </ac:spMkLst>
        </pc:spChg>
        <pc:spChg chg="add mod">
          <ac:chgData name="Sara Mastrorosa" userId="d159c406-3740-4568-9f4d-6092b2495d2a" providerId="ADAL" clId="{8B86413B-2A1A-4226-BE53-109F0A4E8237}" dt="2023-09-28T07:39:14.442" v="18981" actId="1076"/>
          <ac:spMkLst>
            <pc:docMk/>
            <pc:sldMk cId="1740496174" sldId="274"/>
            <ac:spMk id="8" creationId="{72434351-A61D-84E0-386A-EE6FA813EC9A}"/>
          </ac:spMkLst>
        </pc:spChg>
        <pc:spChg chg="add del mod">
          <ac:chgData name="Sara Mastrorosa" userId="d159c406-3740-4568-9f4d-6092b2495d2a" providerId="ADAL" clId="{8B86413B-2A1A-4226-BE53-109F0A4E8237}" dt="2023-09-28T07:39:34.760" v="18990" actId="478"/>
          <ac:spMkLst>
            <pc:docMk/>
            <pc:sldMk cId="1740496174" sldId="274"/>
            <ac:spMk id="9" creationId="{371809C0-AD5D-05E0-67C6-EC63D2AF9BCB}"/>
          </ac:spMkLst>
        </pc:spChg>
        <pc:spChg chg="add mod">
          <ac:chgData name="Sara Mastrorosa" userId="d159c406-3740-4568-9f4d-6092b2495d2a" providerId="ADAL" clId="{8B86413B-2A1A-4226-BE53-109F0A4E8237}" dt="2023-09-28T09:07:53.099" v="20165"/>
          <ac:spMkLst>
            <pc:docMk/>
            <pc:sldMk cId="1740496174" sldId="274"/>
            <ac:spMk id="9" creationId="{43E7061D-7507-8BA0-93F2-64DAD7089C8B}"/>
          </ac:spMkLst>
        </pc:spChg>
        <pc:spChg chg="add del mod">
          <ac:chgData name="Sara Mastrorosa" userId="d159c406-3740-4568-9f4d-6092b2495d2a" providerId="ADAL" clId="{8B86413B-2A1A-4226-BE53-109F0A4E8237}" dt="2023-09-28T07:39:12.335" v="18980" actId="478"/>
          <ac:spMkLst>
            <pc:docMk/>
            <pc:sldMk cId="1740496174" sldId="274"/>
            <ac:spMk id="10" creationId="{154D10ED-6DC6-D73E-FE36-9A4C64482D1C}"/>
          </ac:spMkLst>
        </pc:spChg>
        <pc:spChg chg="del">
          <ac:chgData name="Sara Mastrorosa" userId="d159c406-3740-4568-9f4d-6092b2495d2a" providerId="ADAL" clId="{8B86413B-2A1A-4226-BE53-109F0A4E8237}" dt="2023-09-27T12:07:09.722" v="16678" actId="478"/>
          <ac:spMkLst>
            <pc:docMk/>
            <pc:sldMk cId="1740496174" sldId="274"/>
            <ac:spMk id="10" creationId="{3350A1EF-E24E-F2F8-674A-1567FF22D27D}"/>
          </ac:spMkLst>
        </pc:spChg>
        <pc:spChg chg="add mod">
          <ac:chgData name="Sara Mastrorosa" userId="d159c406-3740-4568-9f4d-6092b2495d2a" providerId="ADAL" clId="{8B86413B-2A1A-4226-BE53-109F0A4E8237}" dt="2023-09-28T09:07:53.099" v="20165"/>
          <ac:spMkLst>
            <pc:docMk/>
            <pc:sldMk cId="1740496174" sldId="274"/>
            <ac:spMk id="10" creationId="{37EDBEFD-FE09-0115-7D27-A8C9A11A18A6}"/>
          </ac:spMkLst>
        </pc:spChg>
        <pc:spChg chg="add mod">
          <ac:chgData name="Sara Mastrorosa" userId="d159c406-3740-4568-9f4d-6092b2495d2a" providerId="ADAL" clId="{8B86413B-2A1A-4226-BE53-109F0A4E8237}" dt="2023-09-28T07:53:31.762" v="19840"/>
          <ac:spMkLst>
            <pc:docMk/>
            <pc:sldMk cId="1740496174" sldId="274"/>
            <ac:spMk id="11" creationId="{72744B48-E233-83C1-A3A6-6511596298F4}"/>
          </ac:spMkLst>
        </pc:spChg>
        <pc:spChg chg="add mod">
          <ac:chgData name="Sara Mastrorosa" userId="d159c406-3740-4568-9f4d-6092b2495d2a" providerId="ADAL" clId="{8B86413B-2A1A-4226-BE53-109F0A4E8237}" dt="2023-09-28T07:39:31.013" v="18989" actId="207"/>
          <ac:spMkLst>
            <pc:docMk/>
            <pc:sldMk cId="1740496174" sldId="274"/>
            <ac:spMk id="12" creationId="{F2D625EB-DA39-0D02-2D40-A3EA576B1BF8}"/>
          </ac:spMkLst>
        </pc:spChg>
        <pc:spChg chg="add mod">
          <ac:chgData name="Sara Mastrorosa" userId="d159c406-3740-4568-9f4d-6092b2495d2a" providerId="ADAL" clId="{8B86413B-2A1A-4226-BE53-109F0A4E8237}" dt="2023-10-02T10:50:42.926" v="24165" actId="20577"/>
          <ac:spMkLst>
            <pc:docMk/>
            <pc:sldMk cId="1740496174" sldId="274"/>
            <ac:spMk id="14" creationId="{A184F3EC-9BDB-4CAA-57AB-A7F321692A63}"/>
          </ac:spMkLst>
        </pc:spChg>
        <pc:spChg chg="add mod">
          <ac:chgData name="Sara Mastrorosa" userId="d159c406-3740-4568-9f4d-6092b2495d2a" providerId="ADAL" clId="{8B86413B-2A1A-4226-BE53-109F0A4E8237}" dt="2023-10-02T10:46:38.142" v="24064" actId="20577"/>
          <ac:spMkLst>
            <pc:docMk/>
            <pc:sldMk cId="1740496174" sldId="274"/>
            <ac:spMk id="15" creationId="{89B44B33-F15B-DD48-AC5B-83C8EF5BFB08}"/>
          </ac:spMkLst>
        </pc:spChg>
        <pc:spChg chg="add mod">
          <ac:chgData name="Sara Mastrorosa" userId="d159c406-3740-4568-9f4d-6092b2495d2a" providerId="ADAL" clId="{8B86413B-2A1A-4226-BE53-109F0A4E8237}" dt="2023-09-28T07:54:16.600" v="19847" actId="20577"/>
          <ac:spMkLst>
            <pc:docMk/>
            <pc:sldMk cId="1740496174" sldId="274"/>
            <ac:spMk id="18" creationId="{EF0FCF8C-F9A9-F13A-8DD1-355B8F215C35}"/>
          </ac:spMkLst>
        </pc:spChg>
        <pc:grpChg chg="del">
          <ac:chgData name="Sara Mastrorosa" userId="d159c406-3740-4568-9f4d-6092b2495d2a" providerId="ADAL" clId="{8B86413B-2A1A-4226-BE53-109F0A4E8237}" dt="2023-09-27T12:07:07.768" v="16677" actId="478"/>
          <ac:grpSpMkLst>
            <pc:docMk/>
            <pc:sldMk cId="1740496174" sldId="274"/>
            <ac:grpSpMk id="3" creationId="{CDA06629-04FC-0736-57B5-CA0E24F99833}"/>
          </ac:grpSpMkLst>
        </pc:grpChg>
        <pc:picChg chg="del">
          <ac:chgData name="Sara Mastrorosa" userId="d159c406-3740-4568-9f4d-6092b2495d2a" providerId="ADAL" clId="{8B86413B-2A1A-4226-BE53-109F0A4E8237}" dt="2023-09-27T12:07:07.768" v="16677" actId="478"/>
          <ac:picMkLst>
            <pc:docMk/>
            <pc:sldMk cId="1740496174" sldId="274"/>
            <ac:picMk id="12" creationId="{17E6CD55-B5A4-3CF2-197F-8BAAD84DAE98}"/>
          </ac:picMkLst>
        </pc:picChg>
        <pc:picChg chg="add mod">
          <ac:chgData name="Sara Mastrorosa" userId="d159c406-3740-4568-9f4d-6092b2495d2a" providerId="ADAL" clId="{8B86413B-2A1A-4226-BE53-109F0A4E8237}" dt="2023-09-27T12:07:29.104" v="16697" actId="1035"/>
          <ac:picMkLst>
            <pc:docMk/>
            <pc:sldMk cId="1740496174" sldId="274"/>
            <ac:picMk id="16" creationId="{546672E9-9AE4-1259-97E6-6DF1C09961DF}"/>
          </ac:picMkLst>
        </pc:picChg>
        <pc:picChg chg="add mod">
          <ac:chgData name="Sara Mastrorosa" userId="d159c406-3740-4568-9f4d-6092b2495d2a" providerId="ADAL" clId="{8B86413B-2A1A-4226-BE53-109F0A4E8237}" dt="2023-09-28T07:44:17.196" v="19147" actId="1036"/>
          <ac:picMkLst>
            <pc:docMk/>
            <pc:sldMk cId="1740496174" sldId="274"/>
            <ac:picMk id="17" creationId="{CAC4E01D-F789-C037-047E-3C7D39ED5220}"/>
          </ac:picMkLst>
        </pc:picChg>
        <pc:picChg chg="add mod">
          <ac:chgData name="Sara Mastrorosa" userId="d159c406-3740-4568-9f4d-6092b2495d2a" providerId="ADAL" clId="{8B86413B-2A1A-4226-BE53-109F0A4E8237}" dt="2023-09-28T07:44:17.196" v="19147" actId="1036"/>
          <ac:picMkLst>
            <pc:docMk/>
            <pc:sldMk cId="1740496174" sldId="274"/>
            <ac:picMk id="19" creationId="{A9D26A5B-C408-D9CD-511B-9BEEC075D8F2}"/>
          </ac:picMkLst>
        </pc:picChg>
        <pc:picChg chg="add mod">
          <ac:chgData name="Sara Mastrorosa" userId="d159c406-3740-4568-9f4d-6092b2495d2a" providerId="ADAL" clId="{8B86413B-2A1A-4226-BE53-109F0A4E8237}" dt="2023-09-28T09:07:53.099" v="20165"/>
          <ac:picMkLst>
            <pc:docMk/>
            <pc:sldMk cId="1740496174" sldId="274"/>
            <ac:picMk id="20" creationId="{AB6EBCB4-A08B-7D90-7D18-474D3026DA1A}"/>
          </ac:picMkLst>
        </pc:picChg>
      </pc:sldChg>
      <pc:sldChg chg="addSp delSp modSp add del mod">
        <pc:chgData name="Sara Mastrorosa" userId="d159c406-3740-4568-9f4d-6092b2495d2a" providerId="ADAL" clId="{8B86413B-2A1A-4226-BE53-109F0A4E8237}" dt="2023-09-27T12:43:07.182" v="17978" actId="47"/>
        <pc:sldMkLst>
          <pc:docMk/>
          <pc:sldMk cId="2797478439" sldId="275"/>
        </pc:sldMkLst>
        <pc:spChg chg="add mod">
          <ac:chgData name="Sara Mastrorosa" userId="d159c406-3740-4568-9f4d-6092b2495d2a" providerId="ADAL" clId="{8B86413B-2A1A-4226-BE53-109F0A4E8237}" dt="2023-09-27T12:25:18.974" v="17070" actId="20577"/>
          <ac:spMkLst>
            <pc:docMk/>
            <pc:sldMk cId="2797478439" sldId="275"/>
            <ac:spMk id="3" creationId="{EEF859FC-D472-63FE-4925-E03253F8725B}"/>
          </ac:spMkLst>
        </pc:spChg>
        <pc:spChg chg="add del mod">
          <ac:chgData name="Sara Mastrorosa" userId="d159c406-3740-4568-9f4d-6092b2495d2a" providerId="ADAL" clId="{8B86413B-2A1A-4226-BE53-109F0A4E8237}" dt="2023-09-27T12:24:20.513" v="17032" actId="478"/>
          <ac:spMkLst>
            <pc:docMk/>
            <pc:sldMk cId="2797478439" sldId="275"/>
            <ac:spMk id="4" creationId="{A5BD512C-D47B-C530-2516-51C1097292C9}"/>
          </ac:spMkLst>
        </pc:spChg>
        <pc:spChg chg="mod">
          <ac:chgData name="Sara Mastrorosa" userId="d159c406-3740-4568-9f4d-6092b2495d2a" providerId="ADAL" clId="{8B86413B-2A1A-4226-BE53-109F0A4E8237}" dt="2023-09-27T12:25:14.608" v="17069" actId="20577"/>
          <ac:spMkLst>
            <pc:docMk/>
            <pc:sldMk cId="2797478439" sldId="275"/>
            <ac:spMk id="5" creationId="{08F2B45B-2BC1-44B2-4465-F8FD2B97328F}"/>
          </ac:spMkLst>
        </pc:spChg>
        <pc:spChg chg="del">
          <ac:chgData name="Sara Mastrorosa" userId="d159c406-3740-4568-9f4d-6092b2495d2a" providerId="ADAL" clId="{8B86413B-2A1A-4226-BE53-109F0A4E8237}" dt="2023-09-27T12:16:18.168" v="16700" actId="478"/>
          <ac:spMkLst>
            <pc:docMk/>
            <pc:sldMk cId="2797478439" sldId="275"/>
            <ac:spMk id="6" creationId="{587267A9-FEC1-686C-CCAE-F86203070F10}"/>
          </ac:spMkLst>
        </pc:spChg>
        <pc:spChg chg="del">
          <ac:chgData name="Sara Mastrorosa" userId="d159c406-3740-4568-9f4d-6092b2495d2a" providerId="ADAL" clId="{8B86413B-2A1A-4226-BE53-109F0A4E8237}" dt="2023-09-27T12:16:18.168" v="16700" actId="478"/>
          <ac:spMkLst>
            <pc:docMk/>
            <pc:sldMk cId="2797478439" sldId="275"/>
            <ac:spMk id="7" creationId="{1F347664-B6D6-956E-F550-676FB590DD21}"/>
          </ac:spMkLst>
        </pc:spChg>
        <pc:spChg chg="add mod">
          <ac:chgData name="Sara Mastrorosa" userId="d159c406-3740-4568-9f4d-6092b2495d2a" providerId="ADAL" clId="{8B86413B-2A1A-4226-BE53-109F0A4E8237}" dt="2023-09-27T12:24:45.248" v="17040" actId="1076"/>
          <ac:spMkLst>
            <pc:docMk/>
            <pc:sldMk cId="2797478439" sldId="275"/>
            <ac:spMk id="8" creationId="{B747C4E7-E2A8-2018-F198-C51FADF2FEB2}"/>
          </ac:spMkLst>
        </pc:spChg>
        <pc:spChg chg="del">
          <ac:chgData name="Sara Mastrorosa" userId="d159c406-3740-4568-9f4d-6092b2495d2a" providerId="ADAL" clId="{8B86413B-2A1A-4226-BE53-109F0A4E8237}" dt="2023-09-27T12:16:18.168" v="16700" actId="478"/>
          <ac:spMkLst>
            <pc:docMk/>
            <pc:sldMk cId="2797478439" sldId="275"/>
            <ac:spMk id="9" creationId="{371809C0-AD5D-05E0-67C6-EC63D2AF9BCB}"/>
          </ac:spMkLst>
        </pc:spChg>
        <pc:spChg chg="add mod">
          <ac:chgData name="Sara Mastrorosa" userId="d159c406-3740-4568-9f4d-6092b2495d2a" providerId="ADAL" clId="{8B86413B-2A1A-4226-BE53-109F0A4E8237}" dt="2023-09-27T12:24:49.264" v="17042" actId="14100"/>
          <ac:spMkLst>
            <pc:docMk/>
            <pc:sldMk cId="2797478439" sldId="275"/>
            <ac:spMk id="10" creationId="{C4F03638-642D-8368-64F5-7723289E207F}"/>
          </ac:spMkLst>
        </pc:spChg>
        <pc:spChg chg="del">
          <ac:chgData name="Sara Mastrorosa" userId="d159c406-3740-4568-9f4d-6092b2495d2a" providerId="ADAL" clId="{8B86413B-2A1A-4226-BE53-109F0A4E8237}" dt="2023-09-27T12:16:18.168" v="16700" actId="478"/>
          <ac:spMkLst>
            <pc:docMk/>
            <pc:sldMk cId="2797478439" sldId="275"/>
            <ac:spMk id="11" creationId="{72744B48-E233-83C1-A3A6-6511596298F4}"/>
          </ac:spMkLst>
        </pc:spChg>
        <pc:spChg chg="add mod">
          <ac:chgData name="Sara Mastrorosa" userId="d159c406-3740-4568-9f4d-6092b2495d2a" providerId="ADAL" clId="{8B86413B-2A1A-4226-BE53-109F0A4E8237}" dt="2023-09-27T12:24:49.264" v="17042" actId="14100"/>
          <ac:spMkLst>
            <pc:docMk/>
            <pc:sldMk cId="2797478439" sldId="275"/>
            <ac:spMk id="12" creationId="{EA6059BF-9D05-9E7C-A3F7-3E80C929494A}"/>
          </ac:spMkLst>
        </pc:spChg>
        <pc:spChg chg="del">
          <ac:chgData name="Sara Mastrorosa" userId="d159c406-3740-4568-9f4d-6092b2495d2a" providerId="ADAL" clId="{8B86413B-2A1A-4226-BE53-109F0A4E8237}" dt="2023-09-27T12:16:18.168" v="16700" actId="478"/>
          <ac:spMkLst>
            <pc:docMk/>
            <pc:sldMk cId="2797478439" sldId="275"/>
            <ac:spMk id="14" creationId="{A184F3EC-9BDB-4CAA-57AB-A7F321692A63}"/>
          </ac:spMkLst>
        </pc:spChg>
        <pc:spChg chg="del">
          <ac:chgData name="Sara Mastrorosa" userId="d159c406-3740-4568-9f4d-6092b2495d2a" providerId="ADAL" clId="{8B86413B-2A1A-4226-BE53-109F0A4E8237}" dt="2023-09-27T12:16:18.168" v="16700" actId="478"/>
          <ac:spMkLst>
            <pc:docMk/>
            <pc:sldMk cId="2797478439" sldId="275"/>
            <ac:spMk id="15" creationId="{89B44B33-F15B-DD48-AC5B-83C8EF5BFB08}"/>
          </ac:spMkLst>
        </pc:spChg>
        <pc:spChg chg="mod">
          <ac:chgData name="Sara Mastrorosa" userId="d159c406-3740-4568-9f4d-6092b2495d2a" providerId="ADAL" clId="{8B86413B-2A1A-4226-BE53-109F0A4E8237}" dt="2023-09-27T12:24:35.815" v="17035" actId="1076"/>
          <ac:spMkLst>
            <pc:docMk/>
            <pc:sldMk cId="2797478439" sldId="275"/>
            <ac:spMk id="21" creationId="{93FBF769-4E4F-4308-EBB6-FB2ADBAB7CC3}"/>
          </ac:spMkLst>
        </pc:spChg>
        <pc:spChg chg="add mod">
          <ac:chgData name="Sara Mastrorosa" userId="d159c406-3740-4568-9f4d-6092b2495d2a" providerId="ADAL" clId="{8B86413B-2A1A-4226-BE53-109F0A4E8237}" dt="2023-09-27T12:29:02.647" v="17242" actId="20577"/>
          <ac:spMkLst>
            <pc:docMk/>
            <pc:sldMk cId="2797478439" sldId="275"/>
            <ac:spMk id="27" creationId="{9EB5A7EC-94FB-DCA8-F4E5-398A50AE2A6B}"/>
          </ac:spMkLst>
        </pc:spChg>
        <pc:spChg chg="add mod">
          <ac:chgData name="Sara Mastrorosa" userId="d159c406-3740-4568-9f4d-6092b2495d2a" providerId="ADAL" clId="{8B86413B-2A1A-4226-BE53-109F0A4E8237}" dt="2023-09-27T12:29:23.237" v="17279" actId="1076"/>
          <ac:spMkLst>
            <pc:docMk/>
            <pc:sldMk cId="2797478439" sldId="275"/>
            <ac:spMk id="31" creationId="{DAD735D4-8D10-F2C0-21FC-B8FA8DCBB74C}"/>
          </ac:spMkLst>
        </pc:spChg>
        <pc:spChg chg="add mod">
          <ac:chgData name="Sara Mastrorosa" userId="d159c406-3740-4568-9f4d-6092b2495d2a" providerId="ADAL" clId="{8B86413B-2A1A-4226-BE53-109F0A4E8237}" dt="2023-09-27T12:29:32.391" v="17321" actId="20577"/>
          <ac:spMkLst>
            <pc:docMk/>
            <pc:sldMk cId="2797478439" sldId="275"/>
            <ac:spMk id="33" creationId="{D5A1E6C6-E49D-FCB9-5B47-52BCE47514F0}"/>
          </ac:spMkLst>
        </pc:spChg>
        <pc:grpChg chg="add mod">
          <ac:chgData name="Sara Mastrorosa" userId="d159c406-3740-4568-9f4d-6092b2495d2a" providerId="ADAL" clId="{8B86413B-2A1A-4226-BE53-109F0A4E8237}" dt="2023-09-27T12:24:49.264" v="17042" actId="14100"/>
          <ac:grpSpMkLst>
            <pc:docMk/>
            <pc:sldMk cId="2797478439" sldId="275"/>
            <ac:grpSpMk id="19" creationId="{42C6BD84-D948-82C1-9342-0D8C06D6C807}"/>
          </ac:grpSpMkLst>
        </pc:grpChg>
        <pc:grpChg chg="add mod">
          <ac:chgData name="Sara Mastrorosa" userId="d159c406-3740-4568-9f4d-6092b2495d2a" providerId="ADAL" clId="{8B86413B-2A1A-4226-BE53-109F0A4E8237}" dt="2023-09-27T12:24:35.815" v="17035" actId="1076"/>
          <ac:grpSpMkLst>
            <pc:docMk/>
            <pc:sldMk cId="2797478439" sldId="275"/>
            <ac:grpSpMk id="20" creationId="{FA719E86-A3DF-519E-8C33-166F7226BCEF}"/>
          </ac:grpSpMkLst>
        </pc:grpChg>
        <pc:grpChg chg="add mod">
          <ac:chgData name="Sara Mastrorosa" userId="d159c406-3740-4568-9f4d-6092b2495d2a" providerId="ADAL" clId="{8B86413B-2A1A-4226-BE53-109F0A4E8237}" dt="2023-09-27T12:26:57.567" v="17098" actId="14100"/>
          <ac:grpSpMkLst>
            <pc:docMk/>
            <pc:sldMk cId="2797478439" sldId="275"/>
            <ac:grpSpMk id="24" creationId="{6E6BA9AE-CD69-C4B0-09C4-7935C59E29B5}"/>
          </ac:grpSpMkLst>
        </pc:grpChg>
        <pc:grpChg chg="add del mod">
          <ac:chgData name="Sara Mastrorosa" userId="d159c406-3740-4568-9f4d-6092b2495d2a" providerId="ADAL" clId="{8B86413B-2A1A-4226-BE53-109F0A4E8237}" dt="2023-09-27T12:26:42.181" v="17093" actId="478"/>
          <ac:grpSpMkLst>
            <pc:docMk/>
            <pc:sldMk cId="2797478439" sldId="275"/>
            <ac:grpSpMk id="28" creationId="{B0CAA0EC-110E-BAF2-5D8A-A0DE56AFB3A4}"/>
          </ac:grpSpMkLst>
        </pc:grpChg>
        <pc:picChg chg="del">
          <ac:chgData name="Sara Mastrorosa" userId="d159c406-3740-4568-9f4d-6092b2495d2a" providerId="ADAL" clId="{8B86413B-2A1A-4226-BE53-109F0A4E8237}" dt="2023-09-27T12:16:18.168" v="16700" actId="478"/>
          <ac:picMkLst>
            <pc:docMk/>
            <pc:sldMk cId="2797478439" sldId="275"/>
            <ac:picMk id="16" creationId="{546672E9-9AE4-1259-97E6-6DF1C09961DF}"/>
          </ac:picMkLst>
        </pc:picChg>
        <pc:picChg chg="add del mod">
          <ac:chgData name="Sara Mastrorosa" userId="d159c406-3740-4568-9f4d-6092b2495d2a" providerId="ADAL" clId="{8B86413B-2A1A-4226-BE53-109F0A4E8237}" dt="2023-09-27T12:24:20.513" v="17032" actId="478"/>
          <ac:picMkLst>
            <pc:docMk/>
            <pc:sldMk cId="2797478439" sldId="275"/>
            <ac:picMk id="17" creationId="{CB52D011-3789-4118-339B-CFF8FC300CB6}"/>
          </ac:picMkLst>
        </pc:picChg>
        <pc:picChg chg="add del mod">
          <ac:chgData name="Sara Mastrorosa" userId="d159c406-3740-4568-9f4d-6092b2495d2a" providerId="ADAL" clId="{8B86413B-2A1A-4226-BE53-109F0A4E8237}" dt="2023-09-27T12:24:20.513" v="17032" actId="478"/>
          <ac:picMkLst>
            <pc:docMk/>
            <pc:sldMk cId="2797478439" sldId="275"/>
            <ac:picMk id="18" creationId="{984531E4-5662-B307-A4C8-6469FC44403A}"/>
          </ac:picMkLst>
        </pc:picChg>
        <pc:picChg chg="mod">
          <ac:chgData name="Sara Mastrorosa" userId="d159c406-3740-4568-9f4d-6092b2495d2a" providerId="ADAL" clId="{8B86413B-2A1A-4226-BE53-109F0A4E8237}" dt="2023-09-27T12:24:35.815" v="17035" actId="1076"/>
          <ac:picMkLst>
            <pc:docMk/>
            <pc:sldMk cId="2797478439" sldId="275"/>
            <ac:picMk id="22" creationId="{5DCF5CF0-A989-5EE1-1D25-C7B050C0C2BE}"/>
          </ac:picMkLst>
        </pc:picChg>
        <pc:picChg chg="mod">
          <ac:chgData name="Sara Mastrorosa" userId="d159c406-3740-4568-9f4d-6092b2495d2a" providerId="ADAL" clId="{8B86413B-2A1A-4226-BE53-109F0A4E8237}" dt="2023-09-27T12:24:35.815" v="17035" actId="1076"/>
          <ac:picMkLst>
            <pc:docMk/>
            <pc:sldMk cId="2797478439" sldId="275"/>
            <ac:picMk id="23" creationId="{E41E1B78-3CB2-BAA9-46B9-24F73B9A6612}"/>
          </ac:picMkLst>
        </pc:picChg>
        <pc:picChg chg="mod">
          <ac:chgData name="Sara Mastrorosa" userId="d159c406-3740-4568-9f4d-6092b2495d2a" providerId="ADAL" clId="{8B86413B-2A1A-4226-BE53-109F0A4E8237}" dt="2023-09-27T12:25:30.187" v="17071"/>
          <ac:picMkLst>
            <pc:docMk/>
            <pc:sldMk cId="2797478439" sldId="275"/>
            <ac:picMk id="25" creationId="{9F65B91A-B7DD-0E1F-BE86-08B22A859944}"/>
          </ac:picMkLst>
        </pc:picChg>
        <pc:picChg chg="mod">
          <ac:chgData name="Sara Mastrorosa" userId="d159c406-3740-4568-9f4d-6092b2495d2a" providerId="ADAL" clId="{8B86413B-2A1A-4226-BE53-109F0A4E8237}" dt="2023-09-27T12:25:30.187" v="17071"/>
          <ac:picMkLst>
            <pc:docMk/>
            <pc:sldMk cId="2797478439" sldId="275"/>
            <ac:picMk id="26" creationId="{BB75A22D-F3DC-DC0C-30C9-DBA5C4817CCB}"/>
          </ac:picMkLst>
        </pc:picChg>
        <pc:picChg chg="mod topLvl modCrop">
          <ac:chgData name="Sara Mastrorosa" userId="d159c406-3740-4568-9f4d-6092b2495d2a" providerId="ADAL" clId="{8B86413B-2A1A-4226-BE53-109F0A4E8237}" dt="2023-09-27T12:27:04.939" v="17100" actId="14100"/>
          <ac:picMkLst>
            <pc:docMk/>
            <pc:sldMk cId="2797478439" sldId="275"/>
            <ac:picMk id="29" creationId="{C6218AC1-51FE-0E29-B30A-1EA7AE787DA0}"/>
          </ac:picMkLst>
        </pc:picChg>
        <pc:picChg chg="del mod topLvl">
          <ac:chgData name="Sara Mastrorosa" userId="d159c406-3740-4568-9f4d-6092b2495d2a" providerId="ADAL" clId="{8B86413B-2A1A-4226-BE53-109F0A4E8237}" dt="2023-09-27T12:26:42.181" v="17093" actId="478"/>
          <ac:picMkLst>
            <pc:docMk/>
            <pc:sldMk cId="2797478439" sldId="275"/>
            <ac:picMk id="30" creationId="{073BABD7-0ACE-36CE-34D3-E06D5EF57814}"/>
          </ac:picMkLst>
        </pc:picChg>
        <pc:picChg chg="add mod">
          <ac:chgData name="Sara Mastrorosa" userId="d159c406-3740-4568-9f4d-6092b2495d2a" providerId="ADAL" clId="{8B86413B-2A1A-4226-BE53-109F0A4E8237}" dt="2023-09-27T12:28:43.308" v="17206" actId="1076"/>
          <ac:picMkLst>
            <pc:docMk/>
            <pc:sldMk cId="2797478439" sldId="275"/>
            <ac:picMk id="32" creationId="{A42369D4-3A6E-6678-4678-FB4173403CF7}"/>
          </ac:picMkLst>
        </pc:picChg>
      </pc:sldChg>
      <pc:sldChg chg="addSp delSp modSp add mod">
        <pc:chgData name="Sara Mastrorosa" userId="d159c406-3740-4568-9f4d-6092b2495d2a" providerId="ADAL" clId="{8B86413B-2A1A-4226-BE53-109F0A4E8237}" dt="2023-09-28T09:08:07.484" v="20172" actId="1076"/>
        <pc:sldMkLst>
          <pc:docMk/>
          <pc:sldMk cId="1723061386" sldId="276"/>
        </pc:sldMkLst>
        <pc:spChg chg="add mod">
          <ac:chgData name="Sara Mastrorosa" userId="d159c406-3740-4568-9f4d-6092b2495d2a" providerId="ADAL" clId="{8B86413B-2A1A-4226-BE53-109F0A4E8237}" dt="2023-09-28T09:08:01.534" v="20169"/>
          <ac:spMkLst>
            <pc:docMk/>
            <pc:sldMk cId="1723061386" sldId="276"/>
            <ac:spMk id="3" creationId="{73831613-2240-6FDA-F6CB-FBFE8440D206}"/>
          </ac:spMkLst>
        </pc:spChg>
        <pc:spChg chg="del">
          <ac:chgData name="Sara Mastrorosa" userId="d159c406-3740-4568-9f4d-6092b2495d2a" providerId="ADAL" clId="{8B86413B-2A1A-4226-BE53-109F0A4E8237}" dt="2023-09-27T12:29:41.602" v="17323" actId="478"/>
          <ac:spMkLst>
            <pc:docMk/>
            <pc:sldMk cId="1723061386" sldId="276"/>
            <ac:spMk id="3" creationId="{EEF859FC-D472-63FE-4925-E03253F8725B}"/>
          </ac:spMkLst>
        </pc:spChg>
        <pc:spChg chg="add mod">
          <ac:chgData name="Sara Mastrorosa" userId="d159c406-3740-4568-9f4d-6092b2495d2a" providerId="ADAL" clId="{8B86413B-2A1A-4226-BE53-109F0A4E8237}" dt="2023-09-27T12:42:37.418" v="17975" actId="1036"/>
          <ac:spMkLst>
            <pc:docMk/>
            <pc:sldMk cId="1723061386" sldId="276"/>
            <ac:spMk id="4" creationId="{744E96E6-8A52-A9F9-801D-93E6D23319D6}"/>
          </ac:spMkLst>
        </pc:spChg>
        <pc:spChg chg="mod">
          <ac:chgData name="Sara Mastrorosa" userId="d159c406-3740-4568-9f4d-6092b2495d2a" providerId="ADAL" clId="{8B86413B-2A1A-4226-BE53-109F0A4E8237}" dt="2023-09-28T09:08:07.484" v="20172" actId="1076"/>
          <ac:spMkLst>
            <pc:docMk/>
            <pc:sldMk cId="1723061386" sldId="276"/>
            <ac:spMk id="5" creationId="{08F2B45B-2BC1-44B2-4465-F8FD2B97328F}"/>
          </ac:spMkLst>
        </pc:spChg>
        <pc:spChg chg="add mod">
          <ac:chgData name="Sara Mastrorosa" userId="d159c406-3740-4568-9f4d-6092b2495d2a" providerId="ADAL" clId="{8B86413B-2A1A-4226-BE53-109F0A4E8237}" dt="2023-09-27T12:42:37.418" v="17975" actId="1036"/>
          <ac:spMkLst>
            <pc:docMk/>
            <pc:sldMk cId="1723061386" sldId="276"/>
            <ac:spMk id="7" creationId="{9381F2CA-28C5-1C76-C677-B9C11827C79C}"/>
          </ac:spMkLst>
        </pc:spChg>
        <pc:spChg chg="add mod">
          <ac:chgData name="Sara Mastrorosa" userId="d159c406-3740-4568-9f4d-6092b2495d2a" providerId="ADAL" clId="{8B86413B-2A1A-4226-BE53-109F0A4E8237}" dt="2023-09-28T09:08:01.534" v="20169"/>
          <ac:spMkLst>
            <pc:docMk/>
            <pc:sldMk cId="1723061386" sldId="276"/>
            <ac:spMk id="8" creationId="{6D71F3F7-565F-B14B-CE59-34158D78184F}"/>
          </ac:spMkLst>
        </pc:spChg>
        <pc:spChg chg="del mod">
          <ac:chgData name="Sara Mastrorosa" userId="d159c406-3740-4568-9f4d-6092b2495d2a" providerId="ADAL" clId="{8B86413B-2A1A-4226-BE53-109F0A4E8237}" dt="2023-09-27T12:35:17.633" v="17524" actId="478"/>
          <ac:spMkLst>
            <pc:docMk/>
            <pc:sldMk cId="1723061386" sldId="276"/>
            <ac:spMk id="8" creationId="{B747C4E7-E2A8-2018-F198-C51FADF2FEB2}"/>
          </ac:spMkLst>
        </pc:spChg>
        <pc:spChg chg="mod">
          <ac:chgData name="Sara Mastrorosa" userId="d159c406-3740-4568-9f4d-6092b2495d2a" providerId="ADAL" clId="{8B86413B-2A1A-4226-BE53-109F0A4E8237}" dt="2023-09-27T12:42:10.721" v="17950" actId="1035"/>
          <ac:spMkLst>
            <pc:docMk/>
            <pc:sldMk cId="1723061386" sldId="276"/>
            <ac:spMk id="10" creationId="{C4F03638-642D-8368-64F5-7723289E207F}"/>
          </ac:spMkLst>
        </pc:spChg>
        <pc:spChg chg="add mod">
          <ac:chgData name="Sara Mastrorosa" userId="d159c406-3740-4568-9f4d-6092b2495d2a" providerId="ADAL" clId="{8B86413B-2A1A-4226-BE53-109F0A4E8237}" dt="2023-09-27T12:42:37.418" v="17975" actId="1036"/>
          <ac:spMkLst>
            <pc:docMk/>
            <pc:sldMk cId="1723061386" sldId="276"/>
            <ac:spMk id="11" creationId="{163D7DCE-BBB6-25D6-511B-9E63AAC7D1B9}"/>
          </ac:spMkLst>
        </pc:spChg>
        <pc:spChg chg="mod">
          <ac:chgData name="Sara Mastrorosa" userId="d159c406-3740-4568-9f4d-6092b2495d2a" providerId="ADAL" clId="{8B86413B-2A1A-4226-BE53-109F0A4E8237}" dt="2023-09-27T12:42:10.721" v="17950" actId="1035"/>
          <ac:spMkLst>
            <pc:docMk/>
            <pc:sldMk cId="1723061386" sldId="276"/>
            <ac:spMk id="12" creationId="{EA6059BF-9D05-9E7C-A3F7-3E80C929494A}"/>
          </ac:spMkLst>
        </pc:spChg>
        <pc:spChg chg="add mod">
          <ac:chgData name="Sara Mastrorosa" userId="d159c406-3740-4568-9f4d-6092b2495d2a" providerId="ADAL" clId="{8B86413B-2A1A-4226-BE53-109F0A4E8237}" dt="2023-09-28T07:54:59.363" v="19865" actId="1038"/>
          <ac:spMkLst>
            <pc:docMk/>
            <pc:sldMk cId="1723061386" sldId="276"/>
            <ac:spMk id="16" creationId="{3F919A9B-6D4F-0CF0-DA5A-2EC55DC107E2}"/>
          </ac:spMkLst>
        </pc:spChg>
        <pc:spChg chg="add mod">
          <ac:chgData name="Sara Mastrorosa" userId="d159c406-3740-4568-9f4d-6092b2495d2a" providerId="ADAL" clId="{8B86413B-2A1A-4226-BE53-109F0A4E8237}" dt="2023-09-27T12:46:53.924" v="18027" actId="1076"/>
          <ac:spMkLst>
            <pc:docMk/>
            <pc:sldMk cId="1723061386" sldId="276"/>
            <ac:spMk id="17" creationId="{4BC78183-7061-9BE9-E03D-1EEA92AF47E4}"/>
          </ac:spMkLst>
        </pc:spChg>
        <pc:spChg chg="add mod">
          <ac:chgData name="Sara Mastrorosa" userId="d159c406-3740-4568-9f4d-6092b2495d2a" providerId="ADAL" clId="{8B86413B-2A1A-4226-BE53-109F0A4E8237}" dt="2023-09-28T07:04:50.039" v="18213" actId="20577"/>
          <ac:spMkLst>
            <pc:docMk/>
            <pc:sldMk cId="1723061386" sldId="276"/>
            <ac:spMk id="18" creationId="{C7933087-3B84-6148-8C2D-5D915A7E1DA3}"/>
          </ac:spMkLst>
        </pc:spChg>
        <pc:spChg chg="mod">
          <ac:chgData name="Sara Mastrorosa" userId="d159c406-3740-4568-9f4d-6092b2495d2a" providerId="ADAL" clId="{8B86413B-2A1A-4226-BE53-109F0A4E8237}" dt="2023-09-27T12:42:06.805" v="17915" actId="1036"/>
          <ac:spMkLst>
            <pc:docMk/>
            <pc:sldMk cId="1723061386" sldId="276"/>
            <ac:spMk id="21" creationId="{93FBF769-4E4F-4308-EBB6-FB2ADBAB7CC3}"/>
          </ac:spMkLst>
        </pc:spChg>
        <pc:spChg chg="mod">
          <ac:chgData name="Sara Mastrorosa" userId="d159c406-3740-4568-9f4d-6092b2495d2a" providerId="ADAL" clId="{8B86413B-2A1A-4226-BE53-109F0A4E8237}" dt="2023-09-27T12:42:37.418" v="17975" actId="1036"/>
          <ac:spMkLst>
            <pc:docMk/>
            <pc:sldMk cId="1723061386" sldId="276"/>
            <ac:spMk id="27" creationId="{9EB5A7EC-94FB-DCA8-F4E5-398A50AE2A6B}"/>
          </ac:spMkLst>
        </pc:spChg>
        <pc:spChg chg="mod">
          <ac:chgData name="Sara Mastrorosa" userId="d159c406-3740-4568-9f4d-6092b2495d2a" providerId="ADAL" clId="{8B86413B-2A1A-4226-BE53-109F0A4E8237}" dt="2023-09-27T12:42:37.418" v="17975" actId="1036"/>
          <ac:spMkLst>
            <pc:docMk/>
            <pc:sldMk cId="1723061386" sldId="276"/>
            <ac:spMk id="31" creationId="{DAD735D4-8D10-F2C0-21FC-B8FA8DCBB74C}"/>
          </ac:spMkLst>
        </pc:spChg>
        <pc:spChg chg="mod">
          <ac:chgData name="Sara Mastrorosa" userId="d159c406-3740-4568-9f4d-6092b2495d2a" providerId="ADAL" clId="{8B86413B-2A1A-4226-BE53-109F0A4E8237}" dt="2023-09-27T12:42:37.418" v="17975" actId="1036"/>
          <ac:spMkLst>
            <pc:docMk/>
            <pc:sldMk cId="1723061386" sldId="276"/>
            <ac:spMk id="33" creationId="{D5A1E6C6-E49D-FCB9-5B47-52BCE47514F0}"/>
          </ac:spMkLst>
        </pc:spChg>
        <pc:grpChg chg="mod">
          <ac:chgData name="Sara Mastrorosa" userId="d159c406-3740-4568-9f4d-6092b2495d2a" providerId="ADAL" clId="{8B86413B-2A1A-4226-BE53-109F0A4E8237}" dt="2023-09-27T12:42:10.721" v="17950" actId="1035"/>
          <ac:grpSpMkLst>
            <pc:docMk/>
            <pc:sldMk cId="1723061386" sldId="276"/>
            <ac:grpSpMk id="19" creationId="{42C6BD84-D948-82C1-9342-0D8C06D6C807}"/>
          </ac:grpSpMkLst>
        </pc:grpChg>
        <pc:grpChg chg="mod">
          <ac:chgData name="Sara Mastrorosa" userId="d159c406-3740-4568-9f4d-6092b2495d2a" providerId="ADAL" clId="{8B86413B-2A1A-4226-BE53-109F0A4E8237}" dt="2023-09-27T12:42:06.805" v="17915" actId="1036"/>
          <ac:grpSpMkLst>
            <pc:docMk/>
            <pc:sldMk cId="1723061386" sldId="276"/>
            <ac:grpSpMk id="20" creationId="{FA719E86-A3DF-519E-8C33-166F7226BCEF}"/>
          </ac:grpSpMkLst>
        </pc:grpChg>
        <pc:grpChg chg="mod">
          <ac:chgData name="Sara Mastrorosa" userId="d159c406-3740-4568-9f4d-6092b2495d2a" providerId="ADAL" clId="{8B86413B-2A1A-4226-BE53-109F0A4E8237}" dt="2023-09-27T12:42:37.418" v="17975" actId="1036"/>
          <ac:grpSpMkLst>
            <pc:docMk/>
            <pc:sldMk cId="1723061386" sldId="276"/>
            <ac:grpSpMk id="24" creationId="{6E6BA9AE-CD69-C4B0-09C4-7935C59E29B5}"/>
          </ac:grpSpMkLst>
        </pc:grpChg>
        <pc:picChg chg="add mod">
          <ac:chgData name="Sara Mastrorosa" userId="d159c406-3740-4568-9f4d-6092b2495d2a" providerId="ADAL" clId="{8B86413B-2A1A-4226-BE53-109F0A4E8237}" dt="2023-09-27T12:42:37.418" v="17975" actId="1036"/>
          <ac:picMkLst>
            <pc:docMk/>
            <pc:sldMk cId="1723061386" sldId="276"/>
            <ac:picMk id="2" creationId="{34EE168A-84C8-0AC5-02BF-2DC96A2BD927}"/>
          </ac:picMkLst>
        </pc:picChg>
        <pc:picChg chg="add mod">
          <ac:chgData name="Sara Mastrorosa" userId="d159c406-3740-4568-9f4d-6092b2495d2a" providerId="ADAL" clId="{8B86413B-2A1A-4226-BE53-109F0A4E8237}" dt="2023-09-27T12:42:37.418" v="17975" actId="1036"/>
          <ac:picMkLst>
            <pc:docMk/>
            <pc:sldMk cId="1723061386" sldId="276"/>
            <ac:picMk id="6" creationId="{4B393445-4895-CD97-F4C6-50400BA37D0B}"/>
          </ac:picMkLst>
        </pc:picChg>
        <pc:picChg chg="add del mod">
          <ac:chgData name="Sara Mastrorosa" userId="d159c406-3740-4568-9f4d-6092b2495d2a" providerId="ADAL" clId="{8B86413B-2A1A-4226-BE53-109F0A4E8237}" dt="2023-09-27T12:34:48.642" v="17491" actId="478"/>
          <ac:picMkLst>
            <pc:docMk/>
            <pc:sldMk cId="1723061386" sldId="276"/>
            <ac:picMk id="9" creationId="{959B65BD-5722-FF03-22D4-AEC31520E361}"/>
          </ac:picMkLst>
        </pc:picChg>
        <pc:picChg chg="add mod">
          <ac:chgData name="Sara Mastrorosa" userId="d159c406-3740-4568-9f4d-6092b2495d2a" providerId="ADAL" clId="{8B86413B-2A1A-4226-BE53-109F0A4E8237}" dt="2023-09-28T09:08:01.534" v="20169"/>
          <ac:picMkLst>
            <pc:docMk/>
            <pc:sldMk cId="1723061386" sldId="276"/>
            <ac:picMk id="9" creationId="{968D3B01-4DA7-8A09-BE84-219428DA0E01}"/>
          </ac:picMkLst>
        </pc:picChg>
        <pc:picChg chg="add mod">
          <ac:chgData name="Sara Mastrorosa" userId="d159c406-3740-4568-9f4d-6092b2495d2a" providerId="ADAL" clId="{8B86413B-2A1A-4226-BE53-109F0A4E8237}" dt="2023-09-27T12:42:37.418" v="17975" actId="1036"/>
          <ac:picMkLst>
            <pc:docMk/>
            <pc:sldMk cId="1723061386" sldId="276"/>
            <ac:picMk id="14" creationId="{61DA9600-9913-FB19-239A-0D7F5F8086B5}"/>
          </ac:picMkLst>
        </pc:picChg>
        <pc:picChg chg="mod">
          <ac:chgData name="Sara Mastrorosa" userId="d159c406-3740-4568-9f4d-6092b2495d2a" providerId="ADAL" clId="{8B86413B-2A1A-4226-BE53-109F0A4E8237}" dt="2023-09-27T12:42:06.805" v="17915" actId="1036"/>
          <ac:picMkLst>
            <pc:docMk/>
            <pc:sldMk cId="1723061386" sldId="276"/>
            <ac:picMk id="22" creationId="{5DCF5CF0-A989-5EE1-1D25-C7B050C0C2BE}"/>
          </ac:picMkLst>
        </pc:picChg>
        <pc:picChg chg="mod">
          <ac:chgData name="Sara Mastrorosa" userId="d159c406-3740-4568-9f4d-6092b2495d2a" providerId="ADAL" clId="{8B86413B-2A1A-4226-BE53-109F0A4E8237}" dt="2023-09-27T12:42:06.805" v="17915" actId="1036"/>
          <ac:picMkLst>
            <pc:docMk/>
            <pc:sldMk cId="1723061386" sldId="276"/>
            <ac:picMk id="23" creationId="{E41E1B78-3CB2-BAA9-46B9-24F73B9A6612}"/>
          </ac:picMkLst>
        </pc:picChg>
        <pc:picChg chg="mod">
          <ac:chgData name="Sara Mastrorosa" userId="d159c406-3740-4568-9f4d-6092b2495d2a" providerId="ADAL" clId="{8B86413B-2A1A-4226-BE53-109F0A4E8237}" dt="2023-09-27T12:42:37.418" v="17975" actId="1036"/>
          <ac:picMkLst>
            <pc:docMk/>
            <pc:sldMk cId="1723061386" sldId="276"/>
            <ac:picMk id="25" creationId="{9F65B91A-B7DD-0E1F-BE86-08B22A859944}"/>
          </ac:picMkLst>
        </pc:picChg>
        <pc:picChg chg="mod">
          <ac:chgData name="Sara Mastrorosa" userId="d159c406-3740-4568-9f4d-6092b2495d2a" providerId="ADAL" clId="{8B86413B-2A1A-4226-BE53-109F0A4E8237}" dt="2023-09-27T12:42:37.418" v="17975" actId="1036"/>
          <ac:picMkLst>
            <pc:docMk/>
            <pc:sldMk cId="1723061386" sldId="276"/>
            <ac:picMk id="26" creationId="{BB75A22D-F3DC-DC0C-30C9-DBA5C4817CCB}"/>
          </ac:picMkLst>
        </pc:picChg>
        <pc:picChg chg="mod">
          <ac:chgData name="Sara Mastrorosa" userId="d159c406-3740-4568-9f4d-6092b2495d2a" providerId="ADAL" clId="{8B86413B-2A1A-4226-BE53-109F0A4E8237}" dt="2023-09-27T12:42:37.418" v="17975" actId="1036"/>
          <ac:picMkLst>
            <pc:docMk/>
            <pc:sldMk cId="1723061386" sldId="276"/>
            <ac:picMk id="29" creationId="{C6218AC1-51FE-0E29-B30A-1EA7AE787DA0}"/>
          </ac:picMkLst>
        </pc:picChg>
        <pc:picChg chg="mod">
          <ac:chgData name="Sara Mastrorosa" userId="d159c406-3740-4568-9f4d-6092b2495d2a" providerId="ADAL" clId="{8B86413B-2A1A-4226-BE53-109F0A4E8237}" dt="2023-09-27T12:42:37.418" v="17975" actId="1036"/>
          <ac:picMkLst>
            <pc:docMk/>
            <pc:sldMk cId="1723061386" sldId="276"/>
            <ac:picMk id="32" creationId="{A42369D4-3A6E-6678-4678-FB4173403CF7}"/>
          </ac:picMkLst>
        </pc:picChg>
      </pc:sldChg>
      <pc:sldChg chg="add del mod modShow">
        <pc:chgData name="Sara Mastrorosa" userId="d159c406-3740-4568-9f4d-6092b2495d2a" providerId="ADAL" clId="{8B86413B-2A1A-4226-BE53-109F0A4E8237}" dt="2023-09-28T07:56:44.035" v="19873" actId="47"/>
        <pc:sldMkLst>
          <pc:docMk/>
          <pc:sldMk cId="919606576" sldId="277"/>
        </pc:sldMkLst>
      </pc:sldChg>
      <pc:sldChg chg="addSp delSp modSp add mod">
        <pc:chgData name="Sara Mastrorosa" userId="d159c406-3740-4568-9f4d-6092b2495d2a" providerId="ADAL" clId="{8B86413B-2A1A-4226-BE53-109F0A4E8237}" dt="2023-10-02T10:42:56.415" v="24055" actId="404"/>
        <pc:sldMkLst>
          <pc:docMk/>
          <pc:sldMk cId="2835756511" sldId="277"/>
        </pc:sldMkLst>
        <pc:spChg chg="mod">
          <ac:chgData name="Sara Mastrorosa" userId="d159c406-3740-4568-9f4d-6092b2495d2a" providerId="ADAL" clId="{8B86413B-2A1A-4226-BE53-109F0A4E8237}" dt="2023-09-28T09:06:34.713" v="20146" actId="207"/>
          <ac:spMkLst>
            <pc:docMk/>
            <pc:sldMk cId="2835756511" sldId="277"/>
            <ac:spMk id="3" creationId="{B455CD92-5FF7-D403-33C4-34B4D1689269}"/>
          </ac:spMkLst>
        </pc:spChg>
        <pc:spChg chg="mod">
          <ac:chgData name="Sara Mastrorosa" userId="d159c406-3740-4568-9f4d-6092b2495d2a" providerId="ADAL" clId="{8B86413B-2A1A-4226-BE53-109F0A4E8237}" dt="2023-09-28T14:00:56.673" v="21324" actId="1036"/>
          <ac:spMkLst>
            <pc:docMk/>
            <pc:sldMk cId="2835756511" sldId="277"/>
            <ac:spMk id="4" creationId="{57024B99-24AB-0804-BDD9-F8E770331A20}"/>
          </ac:spMkLst>
        </pc:spChg>
        <pc:spChg chg="add mod">
          <ac:chgData name="Sara Mastrorosa" userId="d159c406-3740-4568-9f4d-6092b2495d2a" providerId="ADAL" clId="{8B86413B-2A1A-4226-BE53-109F0A4E8237}" dt="2023-10-02T10:36:27.334" v="23572" actId="20577"/>
          <ac:spMkLst>
            <pc:docMk/>
            <pc:sldMk cId="2835756511" sldId="277"/>
            <ac:spMk id="9" creationId="{F83BF337-4677-73AE-AF2B-D74251720CE2}"/>
          </ac:spMkLst>
        </pc:spChg>
        <pc:spChg chg="add del mod">
          <ac:chgData name="Sara Mastrorosa" userId="d159c406-3740-4568-9f4d-6092b2495d2a" providerId="ADAL" clId="{8B86413B-2A1A-4226-BE53-109F0A4E8237}" dt="2023-09-28T13:58:32.390" v="21086" actId="478"/>
          <ac:spMkLst>
            <pc:docMk/>
            <pc:sldMk cId="2835756511" sldId="277"/>
            <ac:spMk id="10" creationId="{0A70FF9F-952D-B4B5-C1A6-23C6D1540026}"/>
          </ac:spMkLst>
        </pc:spChg>
        <pc:spChg chg="add del mod">
          <ac:chgData name="Sara Mastrorosa" userId="d159c406-3740-4568-9f4d-6092b2495d2a" providerId="ADAL" clId="{8B86413B-2A1A-4226-BE53-109F0A4E8237}" dt="2023-09-28T09:29:18.776" v="20692" actId="478"/>
          <ac:spMkLst>
            <pc:docMk/>
            <pc:sldMk cId="2835756511" sldId="277"/>
            <ac:spMk id="11" creationId="{60308763-82FC-A599-7CF1-53EE42678376}"/>
          </ac:spMkLst>
        </pc:spChg>
        <pc:spChg chg="add mod">
          <ac:chgData name="Sara Mastrorosa" userId="d159c406-3740-4568-9f4d-6092b2495d2a" providerId="ADAL" clId="{8B86413B-2A1A-4226-BE53-109F0A4E8237}" dt="2023-09-28T09:23:55.738" v="20594" actId="164"/>
          <ac:spMkLst>
            <pc:docMk/>
            <pc:sldMk cId="2835756511" sldId="277"/>
            <ac:spMk id="13" creationId="{38CF20F1-411F-592C-B20D-0C977E564BAB}"/>
          </ac:spMkLst>
        </pc:spChg>
        <pc:spChg chg="add del mod">
          <ac:chgData name="Sara Mastrorosa" userId="d159c406-3740-4568-9f4d-6092b2495d2a" providerId="ADAL" clId="{8B86413B-2A1A-4226-BE53-109F0A4E8237}" dt="2023-09-28T09:26:07.456" v="20653" actId="478"/>
          <ac:spMkLst>
            <pc:docMk/>
            <pc:sldMk cId="2835756511" sldId="277"/>
            <ac:spMk id="16" creationId="{7F6A1880-6E95-D5D1-D258-D9B92A2B5F78}"/>
          </ac:spMkLst>
        </pc:spChg>
        <pc:spChg chg="add mod">
          <ac:chgData name="Sara Mastrorosa" userId="d159c406-3740-4568-9f4d-6092b2495d2a" providerId="ADAL" clId="{8B86413B-2A1A-4226-BE53-109F0A4E8237}" dt="2023-09-28T09:25:54.124" v="20648" actId="21"/>
          <ac:spMkLst>
            <pc:docMk/>
            <pc:sldMk cId="2835756511" sldId="277"/>
            <ac:spMk id="17" creationId="{38158DB7-99B3-E1BA-6906-27F528E8D620}"/>
          </ac:spMkLst>
        </pc:spChg>
        <pc:spChg chg="add mod">
          <ac:chgData name="Sara Mastrorosa" userId="d159c406-3740-4568-9f4d-6092b2495d2a" providerId="ADAL" clId="{8B86413B-2A1A-4226-BE53-109F0A4E8237}" dt="2023-09-28T09:27:04.273" v="20664" actId="1038"/>
          <ac:spMkLst>
            <pc:docMk/>
            <pc:sldMk cId="2835756511" sldId="277"/>
            <ac:spMk id="20" creationId="{5768F51F-29DA-CD01-0878-482B1545A328}"/>
          </ac:spMkLst>
        </pc:spChg>
        <pc:spChg chg="add mod">
          <ac:chgData name="Sara Mastrorosa" userId="d159c406-3740-4568-9f4d-6092b2495d2a" providerId="ADAL" clId="{8B86413B-2A1A-4226-BE53-109F0A4E8237}" dt="2023-09-28T09:57:25.986" v="21031" actId="404"/>
          <ac:spMkLst>
            <pc:docMk/>
            <pc:sldMk cId="2835756511" sldId="277"/>
            <ac:spMk id="21" creationId="{B9C74660-451B-6749-4CDB-761E1B6C8926}"/>
          </ac:spMkLst>
        </pc:spChg>
        <pc:spChg chg="add mod">
          <ac:chgData name="Sara Mastrorosa" userId="d159c406-3740-4568-9f4d-6092b2495d2a" providerId="ADAL" clId="{8B86413B-2A1A-4226-BE53-109F0A4E8237}" dt="2023-09-28T09:24:37.538" v="20606" actId="255"/>
          <ac:spMkLst>
            <pc:docMk/>
            <pc:sldMk cId="2835756511" sldId="277"/>
            <ac:spMk id="22" creationId="{48AEEDA4-6DF2-3AF3-56A3-CC22E9C3FC2F}"/>
          </ac:spMkLst>
        </pc:spChg>
        <pc:spChg chg="add del mod">
          <ac:chgData name="Sara Mastrorosa" userId="d159c406-3740-4568-9f4d-6092b2495d2a" providerId="ADAL" clId="{8B86413B-2A1A-4226-BE53-109F0A4E8237}" dt="2023-09-28T09:58:38.311" v="21045" actId="478"/>
          <ac:spMkLst>
            <pc:docMk/>
            <pc:sldMk cId="2835756511" sldId="277"/>
            <ac:spMk id="25" creationId="{36E1A018-B07B-9B18-7622-0D40FE558569}"/>
          </ac:spMkLst>
        </pc:spChg>
        <pc:spChg chg="add mod ord">
          <ac:chgData name="Sara Mastrorosa" userId="d159c406-3740-4568-9f4d-6092b2495d2a" providerId="ADAL" clId="{8B86413B-2A1A-4226-BE53-109F0A4E8237}" dt="2023-09-28T14:01:07.149" v="21342" actId="1036"/>
          <ac:spMkLst>
            <pc:docMk/>
            <pc:sldMk cId="2835756511" sldId="277"/>
            <ac:spMk id="26" creationId="{CBCB4D98-C706-11E6-E389-8985A1B9AE51}"/>
          </ac:spMkLst>
        </pc:spChg>
        <pc:spChg chg="add del">
          <ac:chgData name="Sara Mastrorosa" userId="d159c406-3740-4568-9f4d-6092b2495d2a" providerId="ADAL" clId="{8B86413B-2A1A-4226-BE53-109F0A4E8237}" dt="2023-09-28T09:34:53.146" v="20756" actId="478"/>
          <ac:spMkLst>
            <pc:docMk/>
            <pc:sldMk cId="2835756511" sldId="277"/>
            <ac:spMk id="27" creationId="{AA22AD40-648D-CA60-C00E-77C5DBCBB41E}"/>
          </ac:spMkLst>
        </pc:spChg>
        <pc:spChg chg="add del mod">
          <ac:chgData name="Sara Mastrorosa" userId="d159c406-3740-4568-9f4d-6092b2495d2a" providerId="ADAL" clId="{8B86413B-2A1A-4226-BE53-109F0A4E8237}" dt="2023-09-28T09:35:34.808" v="20759" actId="478"/>
          <ac:spMkLst>
            <pc:docMk/>
            <pc:sldMk cId="2835756511" sldId="277"/>
            <ac:spMk id="28" creationId="{24B0BB5E-EB71-0549-BF4C-4710A28BBC2F}"/>
          </ac:spMkLst>
        </pc:spChg>
        <pc:spChg chg="add mod">
          <ac:chgData name="Sara Mastrorosa" userId="d159c406-3740-4568-9f4d-6092b2495d2a" providerId="ADAL" clId="{8B86413B-2A1A-4226-BE53-109F0A4E8237}" dt="2023-10-02T10:42:56.415" v="24055" actId="404"/>
          <ac:spMkLst>
            <pc:docMk/>
            <pc:sldMk cId="2835756511" sldId="277"/>
            <ac:spMk id="29" creationId="{F360F3B9-138A-D316-8D6B-1279B34CC70F}"/>
          </ac:spMkLst>
        </pc:spChg>
        <pc:spChg chg="add mod">
          <ac:chgData name="Sara Mastrorosa" userId="d159c406-3740-4568-9f4d-6092b2495d2a" providerId="ADAL" clId="{8B86413B-2A1A-4226-BE53-109F0A4E8237}" dt="2023-09-28T14:01:07.149" v="21342" actId="1036"/>
          <ac:spMkLst>
            <pc:docMk/>
            <pc:sldMk cId="2835756511" sldId="277"/>
            <ac:spMk id="30" creationId="{57803E80-FE2B-072C-2570-A235063170ED}"/>
          </ac:spMkLst>
        </pc:spChg>
        <pc:spChg chg="mod">
          <ac:chgData name="Sara Mastrorosa" userId="d159c406-3740-4568-9f4d-6092b2495d2a" providerId="ADAL" clId="{8B86413B-2A1A-4226-BE53-109F0A4E8237}" dt="2023-09-28T14:01:20.287" v="21365" actId="1038"/>
          <ac:spMkLst>
            <pc:docMk/>
            <pc:sldMk cId="2835756511" sldId="277"/>
            <ac:spMk id="59" creationId="{42681C74-E842-B76D-681B-070473AB539A}"/>
          </ac:spMkLst>
        </pc:spChg>
        <pc:spChg chg="mod">
          <ac:chgData name="Sara Mastrorosa" userId="d159c406-3740-4568-9f4d-6092b2495d2a" providerId="ADAL" clId="{8B86413B-2A1A-4226-BE53-109F0A4E8237}" dt="2023-09-28T14:01:20.287" v="21365" actId="1038"/>
          <ac:spMkLst>
            <pc:docMk/>
            <pc:sldMk cId="2835756511" sldId="277"/>
            <ac:spMk id="62" creationId="{88FA2669-5834-9C4C-EDA4-023CBD202A3D}"/>
          </ac:spMkLst>
        </pc:spChg>
        <pc:spChg chg="mod">
          <ac:chgData name="Sara Mastrorosa" userId="d159c406-3740-4568-9f4d-6092b2495d2a" providerId="ADAL" clId="{8B86413B-2A1A-4226-BE53-109F0A4E8237}" dt="2023-09-28T14:01:20.287" v="21365" actId="1038"/>
          <ac:spMkLst>
            <pc:docMk/>
            <pc:sldMk cId="2835756511" sldId="277"/>
            <ac:spMk id="67" creationId="{7D921E7C-B92F-D321-54E7-51FF844E71E1}"/>
          </ac:spMkLst>
        </pc:spChg>
        <pc:spChg chg="mod">
          <ac:chgData name="Sara Mastrorosa" userId="d159c406-3740-4568-9f4d-6092b2495d2a" providerId="ADAL" clId="{8B86413B-2A1A-4226-BE53-109F0A4E8237}" dt="2023-09-28T14:01:20.287" v="21365" actId="1038"/>
          <ac:spMkLst>
            <pc:docMk/>
            <pc:sldMk cId="2835756511" sldId="277"/>
            <ac:spMk id="68" creationId="{4C8091F6-4B9A-A996-E700-3C644DBCA49A}"/>
          </ac:spMkLst>
        </pc:spChg>
        <pc:spChg chg="mod">
          <ac:chgData name="Sara Mastrorosa" userId="d159c406-3740-4568-9f4d-6092b2495d2a" providerId="ADAL" clId="{8B86413B-2A1A-4226-BE53-109F0A4E8237}" dt="2023-09-28T14:01:20.287" v="21365" actId="1038"/>
          <ac:spMkLst>
            <pc:docMk/>
            <pc:sldMk cId="2835756511" sldId="277"/>
            <ac:spMk id="69" creationId="{AD3297CC-DAA2-771A-CF6E-2D071ED39175}"/>
          </ac:spMkLst>
        </pc:spChg>
        <pc:grpChg chg="add del mod">
          <ac:chgData name="Sara Mastrorosa" userId="d159c406-3740-4568-9f4d-6092b2495d2a" providerId="ADAL" clId="{8B86413B-2A1A-4226-BE53-109F0A4E8237}" dt="2023-09-28T14:01:07.149" v="21342" actId="1036"/>
          <ac:grpSpMkLst>
            <pc:docMk/>
            <pc:sldMk cId="2835756511" sldId="277"/>
            <ac:grpSpMk id="23" creationId="{04DD8F91-16EB-2B8A-5C5D-BE7ABF67DE5E}"/>
          </ac:grpSpMkLst>
        </pc:grpChg>
        <pc:graphicFrameChg chg="mod modGraphic">
          <ac:chgData name="Sara Mastrorosa" userId="d159c406-3740-4568-9f4d-6092b2495d2a" providerId="ADAL" clId="{8B86413B-2A1A-4226-BE53-109F0A4E8237}" dt="2023-09-28T14:01:20.287" v="21365" actId="1038"/>
          <ac:graphicFrameMkLst>
            <pc:docMk/>
            <pc:sldMk cId="2835756511" sldId="277"/>
            <ac:graphicFrameMk id="60" creationId="{345EF9AE-A396-C055-9E2D-D3DC99E628AD}"/>
          </ac:graphicFrameMkLst>
        </pc:graphicFrameChg>
        <pc:graphicFrameChg chg="mod modGraphic">
          <ac:chgData name="Sara Mastrorosa" userId="d159c406-3740-4568-9f4d-6092b2495d2a" providerId="ADAL" clId="{8B86413B-2A1A-4226-BE53-109F0A4E8237}" dt="2023-09-28T14:01:20.287" v="21365" actId="1038"/>
          <ac:graphicFrameMkLst>
            <pc:docMk/>
            <pc:sldMk cId="2835756511" sldId="277"/>
            <ac:graphicFrameMk id="61" creationId="{1E858D49-9F40-3667-4010-A9812F13011C}"/>
          </ac:graphicFrameMkLst>
        </pc:graphicFrameChg>
        <pc:graphicFrameChg chg="del">
          <ac:chgData name="Sara Mastrorosa" userId="d159c406-3740-4568-9f4d-6092b2495d2a" providerId="ADAL" clId="{8B86413B-2A1A-4226-BE53-109F0A4E8237}" dt="2023-09-28T09:18:48.745" v="20336" actId="478"/>
          <ac:graphicFrameMkLst>
            <pc:docMk/>
            <pc:sldMk cId="2835756511" sldId="277"/>
            <ac:graphicFrameMk id="63" creationId="{F83042FF-8F7A-1789-BDC3-57EA05B9A4F0}"/>
          </ac:graphicFrameMkLst>
        </pc:graphicFrameChg>
        <pc:graphicFrameChg chg="del">
          <ac:chgData name="Sara Mastrorosa" userId="d159c406-3740-4568-9f4d-6092b2495d2a" providerId="ADAL" clId="{8B86413B-2A1A-4226-BE53-109F0A4E8237}" dt="2023-09-28T09:18:51.129" v="20337" actId="478"/>
          <ac:graphicFrameMkLst>
            <pc:docMk/>
            <pc:sldMk cId="2835756511" sldId="277"/>
            <ac:graphicFrameMk id="64" creationId="{B8CD51C3-0381-65FF-7CBC-B06A82295CA0}"/>
          </ac:graphicFrameMkLst>
        </pc:graphicFrameChg>
        <pc:graphicFrameChg chg="del">
          <ac:chgData name="Sara Mastrorosa" userId="d159c406-3740-4568-9f4d-6092b2495d2a" providerId="ADAL" clId="{8B86413B-2A1A-4226-BE53-109F0A4E8237}" dt="2023-09-28T09:18:52.521" v="20338" actId="478"/>
          <ac:graphicFrameMkLst>
            <pc:docMk/>
            <pc:sldMk cId="2835756511" sldId="277"/>
            <ac:graphicFrameMk id="65" creationId="{993AD83E-7723-133D-CEB7-208272E69D00}"/>
          </ac:graphicFrameMkLst>
        </pc:graphicFrameChg>
        <pc:graphicFrameChg chg="del">
          <ac:chgData name="Sara Mastrorosa" userId="d159c406-3740-4568-9f4d-6092b2495d2a" providerId="ADAL" clId="{8B86413B-2A1A-4226-BE53-109F0A4E8237}" dt="2023-09-28T09:18:46.387" v="20335" actId="478"/>
          <ac:graphicFrameMkLst>
            <pc:docMk/>
            <pc:sldMk cId="2835756511" sldId="277"/>
            <ac:graphicFrameMk id="66" creationId="{056BCEA4-225C-C625-C1F6-DFC4F5C1C537}"/>
          </ac:graphicFrameMkLst>
        </pc:graphicFrameChg>
        <pc:picChg chg="mod">
          <ac:chgData name="Sara Mastrorosa" userId="d159c406-3740-4568-9f4d-6092b2495d2a" providerId="ADAL" clId="{8B86413B-2A1A-4226-BE53-109F0A4E8237}" dt="2023-09-28T09:06:37.585" v="20147" actId="207"/>
          <ac:picMkLst>
            <pc:docMk/>
            <pc:sldMk cId="2835756511" sldId="277"/>
            <ac:picMk id="7" creationId="{6BCE17D6-1F0E-BF21-9BE3-32AD5F7390FE}"/>
          </ac:picMkLst>
        </pc:picChg>
        <pc:picChg chg="add mod">
          <ac:chgData name="Sara Mastrorosa" userId="d159c406-3740-4568-9f4d-6092b2495d2a" providerId="ADAL" clId="{8B86413B-2A1A-4226-BE53-109F0A4E8237}" dt="2023-09-28T14:01:07.149" v="21342" actId="1036"/>
          <ac:picMkLst>
            <pc:docMk/>
            <pc:sldMk cId="2835756511" sldId="277"/>
            <ac:picMk id="8" creationId="{74922310-ED68-5833-A62A-E3DB8CD6BB62}"/>
          </ac:picMkLst>
        </pc:picChg>
        <pc:picChg chg="add del mod">
          <ac:chgData name="Sara Mastrorosa" userId="d159c406-3740-4568-9f4d-6092b2495d2a" providerId="ADAL" clId="{8B86413B-2A1A-4226-BE53-109F0A4E8237}" dt="2023-09-28T09:20:48.778" v="20350" actId="478"/>
          <ac:picMkLst>
            <pc:docMk/>
            <pc:sldMk cId="2835756511" sldId="277"/>
            <ac:picMk id="12" creationId="{F3BFE38E-C171-B350-B7EB-128E45A2F969}"/>
          </ac:picMkLst>
        </pc:picChg>
        <pc:picChg chg="add mod modCrop">
          <ac:chgData name="Sara Mastrorosa" userId="d159c406-3740-4568-9f4d-6092b2495d2a" providerId="ADAL" clId="{8B86413B-2A1A-4226-BE53-109F0A4E8237}" dt="2023-09-28T09:59:53.384" v="21081" actId="732"/>
          <ac:picMkLst>
            <pc:docMk/>
            <pc:sldMk cId="2835756511" sldId="277"/>
            <ac:picMk id="14" creationId="{442D3CF1-0A39-8FF4-B76B-C7C39DDD1E8E}"/>
          </ac:picMkLst>
        </pc:picChg>
        <pc:picChg chg="add del mod">
          <ac:chgData name="Sara Mastrorosa" userId="d159c406-3740-4568-9f4d-6092b2495d2a" providerId="ADAL" clId="{8B86413B-2A1A-4226-BE53-109F0A4E8237}" dt="2023-09-28T09:25:03.025" v="20609" actId="478"/>
          <ac:picMkLst>
            <pc:docMk/>
            <pc:sldMk cId="2835756511" sldId="277"/>
            <ac:picMk id="15" creationId="{E61BC6EB-2908-7856-1294-C30BEBB17CA8}"/>
          </ac:picMkLst>
        </pc:picChg>
        <pc:picChg chg="add mod">
          <ac:chgData name="Sara Mastrorosa" userId="d159c406-3740-4568-9f4d-6092b2495d2a" providerId="ADAL" clId="{8B86413B-2A1A-4226-BE53-109F0A4E8237}" dt="2023-09-28T09:26:41.048" v="20660" actId="14100"/>
          <ac:picMkLst>
            <pc:docMk/>
            <pc:sldMk cId="2835756511" sldId="277"/>
            <ac:picMk id="18" creationId="{95E70107-1166-FD93-45DD-240FCED83179}"/>
          </ac:picMkLst>
        </pc:picChg>
        <pc:picChg chg="add mod">
          <ac:chgData name="Sara Mastrorosa" userId="d159c406-3740-4568-9f4d-6092b2495d2a" providerId="ADAL" clId="{8B86413B-2A1A-4226-BE53-109F0A4E8237}" dt="2023-09-28T09:23:55.738" v="20594" actId="164"/>
          <ac:picMkLst>
            <pc:docMk/>
            <pc:sldMk cId="2835756511" sldId="277"/>
            <ac:picMk id="19" creationId="{D353B0E9-5BB3-B8D2-44C1-8A635DBC86C2}"/>
          </ac:picMkLst>
        </pc:picChg>
      </pc:sldChg>
      <pc:sldChg chg="addSp delSp modSp add mod ord">
        <pc:chgData name="Sara Mastrorosa" userId="d159c406-3740-4568-9f4d-6092b2495d2a" providerId="ADAL" clId="{8B86413B-2A1A-4226-BE53-109F0A4E8237}" dt="2023-10-02T07:54:09.092" v="22173"/>
        <pc:sldMkLst>
          <pc:docMk/>
          <pc:sldMk cId="2742715823" sldId="278"/>
        </pc:sldMkLst>
        <pc:spChg chg="del">
          <ac:chgData name="Sara Mastrorosa" userId="d159c406-3740-4568-9f4d-6092b2495d2a" providerId="ADAL" clId="{8B86413B-2A1A-4226-BE53-109F0A4E8237}" dt="2023-09-28T09:53:23.992" v="20809" actId="478"/>
          <ac:spMkLst>
            <pc:docMk/>
            <pc:sldMk cId="2742715823" sldId="278"/>
            <ac:spMk id="3" creationId="{73831613-2240-6FDA-F6CB-FBFE8440D206}"/>
          </ac:spMkLst>
        </pc:spChg>
        <pc:spChg chg="del">
          <ac:chgData name="Sara Mastrorosa" userId="d159c406-3740-4568-9f4d-6092b2495d2a" providerId="ADAL" clId="{8B86413B-2A1A-4226-BE53-109F0A4E8237}" dt="2023-09-28T09:53:30.831" v="20811" actId="478"/>
          <ac:spMkLst>
            <pc:docMk/>
            <pc:sldMk cId="2742715823" sldId="278"/>
            <ac:spMk id="4" creationId="{744E96E6-8A52-A9F9-801D-93E6D23319D6}"/>
          </ac:spMkLst>
        </pc:spChg>
        <pc:spChg chg="mod">
          <ac:chgData name="Sara Mastrorosa" userId="d159c406-3740-4568-9f4d-6092b2495d2a" providerId="ADAL" clId="{8B86413B-2A1A-4226-BE53-109F0A4E8237}" dt="2023-09-28T09:56:13.713" v="21018" actId="20577"/>
          <ac:spMkLst>
            <pc:docMk/>
            <pc:sldMk cId="2742715823" sldId="278"/>
            <ac:spMk id="5" creationId="{08F2B45B-2BC1-44B2-4465-F8FD2B97328F}"/>
          </ac:spMkLst>
        </pc:spChg>
        <pc:spChg chg="del">
          <ac:chgData name="Sara Mastrorosa" userId="d159c406-3740-4568-9f4d-6092b2495d2a" providerId="ADAL" clId="{8B86413B-2A1A-4226-BE53-109F0A4E8237}" dt="2023-09-28T09:53:30.831" v="20811" actId="478"/>
          <ac:spMkLst>
            <pc:docMk/>
            <pc:sldMk cId="2742715823" sldId="278"/>
            <ac:spMk id="7" creationId="{9381F2CA-28C5-1C76-C677-B9C11827C79C}"/>
          </ac:spMkLst>
        </pc:spChg>
        <pc:spChg chg="del">
          <ac:chgData name="Sara Mastrorosa" userId="d159c406-3740-4568-9f4d-6092b2495d2a" providerId="ADAL" clId="{8B86413B-2A1A-4226-BE53-109F0A4E8237}" dt="2023-09-28T09:53:23.992" v="20809" actId="478"/>
          <ac:spMkLst>
            <pc:docMk/>
            <pc:sldMk cId="2742715823" sldId="278"/>
            <ac:spMk id="8" creationId="{6D71F3F7-565F-B14B-CE59-34158D78184F}"/>
          </ac:spMkLst>
        </pc:spChg>
        <pc:spChg chg="del">
          <ac:chgData name="Sara Mastrorosa" userId="d159c406-3740-4568-9f4d-6092b2495d2a" providerId="ADAL" clId="{8B86413B-2A1A-4226-BE53-109F0A4E8237}" dt="2023-09-28T09:53:30.831" v="20811" actId="478"/>
          <ac:spMkLst>
            <pc:docMk/>
            <pc:sldMk cId="2742715823" sldId="278"/>
            <ac:spMk id="11" creationId="{163D7DCE-BBB6-25D6-511B-9E63AAC7D1B9}"/>
          </ac:spMkLst>
        </pc:spChg>
        <pc:spChg chg="add del mod">
          <ac:chgData name="Sara Mastrorosa" userId="d159c406-3740-4568-9f4d-6092b2495d2a" providerId="ADAL" clId="{8B86413B-2A1A-4226-BE53-109F0A4E8237}" dt="2023-09-28T14:18:46.064" v="21690" actId="20577"/>
          <ac:spMkLst>
            <pc:docMk/>
            <pc:sldMk cId="2742715823" sldId="278"/>
            <ac:spMk id="16" creationId="{3F919A9B-6D4F-0CF0-DA5A-2EC55DC107E2}"/>
          </ac:spMkLst>
        </pc:spChg>
        <pc:spChg chg="del">
          <ac:chgData name="Sara Mastrorosa" userId="d159c406-3740-4568-9f4d-6092b2495d2a" providerId="ADAL" clId="{8B86413B-2A1A-4226-BE53-109F0A4E8237}" dt="2023-09-28T09:53:30.831" v="20811" actId="478"/>
          <ac:spMkLst>
            <pc:docMk/>
            <pc:sldMk cId="2742715823" sldId="278"/>
            <ac:spMk id="17" creationId="{4BC78183-7061-9BE9-E03D-1EEA92AF47E4}"/>
          </ac:spMkLst>
        </pc:spChg>
        <pc:spChg chg="del">
          <ac:chgData name="Sara Mastrorosa" userId="d159c406-3740-4568-9f4d-6092b2495d2a" providerId="ADAL" clId="{8B86413B-2A1A-4226-BE53-109F0A4E8237}" dt="2023-09-28T09:53:30.831" v="20811" actId="478"/>
          <ac:spMkLst>
            <pc:docMk/>
            <pc:sldMk cId="2742715823" sldId="278"/>
            <ac:spMk id="18" creationId="{C7933087-3B84-6148-8C2D-5D915A7E1DA3}"/>
          </ac:spMkLst>
        </pc:spChg>
        <pc:spChg chg="mod">
          <ac:chgData name="Sara Mastrorosa" userId="d159c406-3740-4568-9f4d-6092b2495d2a" providerId="ADAL" clId="{8B86413B-2A1A-4226-BE53-109F0A4E8237}" dt="2023-09-28T09:53:31.580" v="20812" actId="1076"/>
          <ac:spMkLst>
            <pc:docMk/>
            <pc:sldMk cId="2742715823" sldId="278"/>
            <ac:spMk id="21" creationId="{93FBF769-4E4F-4308-EBB6-FB2ADBAB7CC3}"/>
          </ac:spMkLst>
        </pc:spChg>
        <pc:spChg chg="del">
          <ac:chgData name="Sara Mastrorosa" userId="d159c406-3740-4568-9f4d-6092b2495d2a" providerId="ADAL" clId="{8B86413B-2A1A-4226-BE53-109F0A4E8237}" dt="2023-09-28T09:53:30.831" v="20811" actId="478"/>
          <ac:spMkLst>
            <pc:docMk/>
            <pc:sldMk cId="2742715823" sldId="278"/>
            <ac:spMk id="27" creationId="{9EB5A7EC-94FB-DCA8-F4E5-398A50AE2A6B}"/>
          </ac:spMkLst>
        </pc:spChg>
        <pc:spChg chg="del">
          <ac:chgData name="Sara Mastrorosa" userId="d159c406-3740-4568-9f4d-6092b2495d2a" providerId="ADAL" clId="{8B86413B-2A1A-4226-BE53-109F0A4E8237}" dt="2023-09-28T09:53:30.831" v="20811" actId="478"/>
          <ac:spMkLst>
            <pc:docMk/>
            <pc:sldMk cId="2742715823" sldId="278"/>
            <ac:spMk id="31" creationId="{DAD735D4-8D10-F2C0-21FC-B8FA8DCBB74C}"/>
          </ac:spMkLst>
        </pc:spChg>
        <pc:spChg chg="del">
          <ac:chgData name="Sara Mastrorosa" userId="d159c406-3740-4568-9f4d-6092b2495d2a" providerId="ADAL" clId="{8B86413B-2A1A-4226-BE53-109F0A4E8237}" dt="2023-09-28T09:53:30.831" v="20811" actId="478"/>
          <ac:spMkLst>
            <pc:docMk/>
            <pc:sldMk cId="2742715823" sldId="278"/>
            <ac:spMk id="33" creationId="{D5A1E6C6-E49D-FCB9-5B47-52BCE47514F0}"/>
          </ac:spMkLst>
        </pc:spChg>
        <pc:grpChg chg="del">
          <ac:chgData name="Sara Mastrorosa" userId="d159c406-3740-4568-9f4d-6092b2495d2a" providerId="ADAL" clId="{8B86413B-2A1A-4226-BE53-109F0A4E8237}" dt="2023-09-28T09:53:30.831" v="20811" actId="478"/>
          <ac:grpSpMkLst>
            <pc:docMk/>
            <pc:sldMk cId="2742715823" sldId="278"/>
            <ac:grpSpMk id="19" creationId="{42C6BD84-D948-82C1-9342-0D8C06D6C807}"/>
          </ac:grpSpMkLst>
        </pc:grpChg>
        <pc:grpChg chg="del mod">
          <ac:chgData name="Sara Mastrorosa" userId="d159c406-3740-4568-9f4d-6092b2495d2a" providerId="ADAL" clId="{8B86413B-2A1A-4226-BE53-109F0A4E8237}" dt="2023-09-28T09:53:32.018" v="20813" actId="478"/>
          <ac:grpSpMkLst>
            <pc:docMk/>
            <pc:sldMk cId="2742715823" sldId="278"/>
            <ac:grpSpMk id="20" creationId="{FA719E86-A3DF-519E-8C33-166F7226BCEF}"/>
          </ac:grpSpMkLst>
        </pc:grpChg>
        <pc:grpChg chg="del">
          <ac:chgData name="Sara Mastrorosa" userId="d159c406-3740-4568-9f4d-6092b2495d2a" providerId="ADAL" clId="{8B86413B-2A1A-4226-BE53-109F0A4E8237}" dt="2023-09-28T09:53:30.831" v="20811" actId="478"/>
          <ac:grpSpMkLst>
            <pc:docMk/>
            <pc:sldMk cId="2742715823" sldId="278"/>
            <ac:grpSpMk id="24" creationId="{6E6BA9AE-CD69-C4B0-09C4-7935C59E29B5}"/>
          </ac:grpSpMkLst>
        </pc:grpChg>
        <pc:picChg chg="del">
          <ac:chgData name="Sara Mastrorosa" userId="d159c406-3740-4568-9f4d-6092b2495d2a" providerId="ADAL" clId="{8B86413B-2A1A-4226-BE53-109F0A4E8237}" dt="2023-09-28T09:53:30.831" v="20811" actId="478"/>
          <ac:picMkLst>
            <pc:docMk/>
            <pc:sldMk cId="2742715823" sldId="278"/>
            <ac:picMk id="2" creationId="{34EE168A-84C8-0AC5-02BF-2DC96A2BD927}"/>
          </ac:picMkLst>
        </pc:picChg>
        <pc:picChg chg="del">
          <ac:chgData name="Sara Mastrorosa" userId="d159c406-3740-4568-9f4d-6092b2495d2a" providerId="ADAL" clId="{8B86413B-2A1A-4226-BE53-109F0A4E8237}" dt="2023-09-28T09:53:30.831" v="20811" actId="478"/>
          <ac:picMkLst>
            <pc:docMk/>
            <pc:sldMk cId="2742715823" sldId="278"/>
            <ac:picMk id="6" creationId="{4B393445-4895-CD97-F4C6-50400BA37D0B}"/>
          </ac:picMkLst>
        </pc:picChg>
        <pc:picChg chg="del">
          <ac:chgData name="Sara Mastrorosa" userId="d159c406-3740-4568-9f4d-6092b2495d2a" providerId="ADAL" clId="{8B86413B-2A1A-4226-BE53-109F0A4E8237}" dt="2023-09-28T09:53:23.992" v="20809" actId="478"/>
          <ac:picMkLst>
            <pc:docMk/>
            <pc:sldMk cId="2742715823" sldId="278"/>
            <ac:picMk id="9" creationId="{968D3B01-4DA7-8A09-BE84-219428DA0E01}"/>
          </ac:picMkLst>
        </pc:picChg>
        <pc:picChg chg="del">
          <ac:chgData name="Sara Mastrorosa" userId="d159c406-3740-4568-9f4d-6092b2495d2a" providerId="ADAL" clId="{8B86413B-2A1A-4226-BE53-109F0A4E8237}" dt="2023-09-28T09:53:30.831" v="20811" actId="478"/>
          <ac:picMkLst>
            <pc:docMk/>
            <pc:sldMk cId="2742715823" sldId="278"/>
            <ac:picMk id="14" creationId="{61DA9600-9913-FB19-239A-0D7F5F8086B5}"/>
          </ac:picMkLst>
        </pc:picChg>
        <pc:picChg chg="mod">
          <ac:chgData name="Sara Mastrorosa" userId="d159c406-3740-4568-9f4d-6092b2495d2a" providerId="ADAL" clId="{8B86413B-2A1A-4226-BE53-109F0A4E8237}" dt="2023-09-28T09:53:31.580" v="20812" actId="1076"/>
          <ac:picMkLst>
            <pc:docMk/>
            <pc:sldMk cId="2742715823" sldId="278"/>
            <ac:picMk id="22" creationId="{5DCF5CF0-A989-5EE1-1D25-C7B050C0C2BE}"/>
          </ac:picMkLst>
        </pc:picChg>
        <pc:picChg chg="mod">
          <ac:chgData name="Sara Mastrorosa" userId="d159c406-3740-4568-9f4d-6092b2495d2a" providerId="ADAL" clId="{8B86413B-2A1A-4226-BE53-109F0A4E8237}" dt="2023-09-28T09:53:31.580" v="20812" actId="1076"/>
          <ac:picMkLst>
            <pc:docMk/>
            <pc:sldMk cId="2742715823" sldId="278"/>
            <ac:picMk id="23" creationId="{E41E1B78-3CB2-BAA9-46B9-24F73B9A6612}"/>
          </ac:picMkLst>
        </pc:picChg>
        <pc:picChg chg="del">
          <ac:chgData name="Sara Mastrorosa" userId="d159c406-3740-4568-9f4d-6092b2495d2a" providerId="ADAL" clId="{8B86413B-2A1A-4226-BE53-109F0A4E8237}" dt="2023-09-28T09:53:30.831" v="20811" actId="478"/>
          <ac:picMkLst>
            <pc:docMk/>
            <pc:sldMk cId="2742715823" sldId="278"/>
            <ac:picMk id="29" creationId="{C6218AC1-51FE-0E29-B30A-1EA7AE787DA0}"/>
          </ac:picMkLst>
        </pc:picChg>
        <pc:picChg chg="del">
          <ac:chgData name="Sara Mastrorosa" userId="d159c406-3740-4568-9f4d-6092b2495d2a" providerId="ADAL" clId="{8B86413B-2A1A-4226-BE53-109F0A4E8237}" dt="2023-09-28T09:53:30.831" v="20811" actId="478"/>
          <ac:picMkLst>
            <pc:docMk/>
            <pc:sldMk cId="2742715823" sldId="278"/>
            <ac:picMk id="32" creationId="{A42369D4-3A6E-6678-4678-FB4173403CF7}"/>
          </ac:picMkLst>
        </pc:picChg>
      </pc:sldChg>
      <pc:sldChg chg="add del">
        <pc:chgData name="Sara Mastrorosa" userId="d159c406-3740-4568-9f4d-6092b2495d2a" providerId="ADAL" clId="{8B86413B-2A1A-4226-BE53-109F0A4E8237}" dt="2023-09-26T12:59:31.479" v="7813" actId="47"/>
        <pc:sldMkLst>
          <pc:docMk/>
          <pc:sldMk cId="3704344919" sldId="2147376289"/>
        </pc:sldMkLst>
      </pc:sldChg>
      <pc:sldChg chg="modSp add del mod">
        <pc:chgData name="Sara Mastrorosa" userId="d159c406-3740-4568-9f4d-6092b2495d2a" providerId="ADAL" clId="{8B86413B-2A1A-4226-BE53-109F0A4E8237}" dt="2023-09-26T09:59:20.495" v="6642" actId="47"/>
        <pc:sldMkLst>
          <pc:docMk/>
          <pc:sldMk cId="1100059257" sldId="2147470567"/>
        </pc:sldMkLst>
        <pc:graphicFrameChg chg="modGraphic">
          <ac:chgData name="Sara Mastrorosa" userId="d159c406-3740-4568-9f4d-6092b2495d2a" providerId="ADAL" clId="{8B86413B-2A1A-4226-BE53-109F0A4E8237}" dt="2023-09-26T09:00:07.520" v="4752" actId="5793"/>
          <ac:graphicFrameMkLst>
            <pc:docMk/>
            <pc:sldMk cId="1100059257" sldId="2147470567"/>
            <ac:graphicFrameMk id="5" creationId="{F944B570-1F72-1238-E2AE-39B80CEEBBA4}"/>
          </ac:graphicFrameMkLst>
        </pc:graphicFrameChg>
        <pc:graphicFrameChg chg="modGraphic">
          <ac:chgData name="Sara Mastrorosa" userId="d159c406-3740-4568-9f4d-6092b2495d2a" providerId="ADAL" clId="{8B86413B-2A1A-4226-BE53-109F0A4E8237}" dt="2023-09-26T08:56:49.029" v="4637" actId="20577"/>
          <ac:graphicFrameMkLst>
            <pc:docMk/>
            <pc:sldMk cId="1100059257" sldId="2147470567"/>
            <ac:graphicFrameMk id="23" creationId="{F78421B8-5C66-4B8C-9BEF-2BFC32B26E7C}"/>
          </ac:graphicFrameMkLst>
        </pc:graphicFrameChg>
        <pc:graphicFrameChg chg="modGraphic">
          <ac:chgData name="Sara Mastrorosa" userId="d159c406-3740-4568-9f4d-6092b2495d2a" providerId="ADAL" clId="{8B86413B-2A1A-4226-BE53-109F0A4E8237}" dt="2023-09-26T08:55:39.505" v="4558" actId="20577"/>
          <ac:graphicFrameMkLst>
            <pc:docMk/>
            <pc:sldMk cId="1100059257" sldId="2147470567"/>
            <ac:graphicFrameMk id="25" creationId="{B3CB6AA3-01A9-4390-8E8A-49DB4A037C4C}"/>
          </ac:graphicFrameMkLst>
        </pc:graphicFrameChg>
      </pc:sldChg>
      <pc:sldChg chg="modSp add del mod">
        <pc:chgData name="Sara Mastrorosa" userId="d159c406-3740-4568-9f4d-6092b2495d2a" providerId="ADAL" clId="{8B86413B-2A1A-4226-BE53-109F0A4E8237}" dt="2023-10-02T07:48:07.522" v="22099" actId="47"/>
        <pc:sldMkLst>
          <pc:docMk/>
          <pc:sldMk cId="978817560" sldId="2147476482"/>
        </pc:sldMkLst>
        <pc:spChg chg="mod">
          <ac:chgData name="Sara Mastrorosa" userId="d159c406-3740-4568-9f4d-6092b2495d2a" providerId="ADAL" clId="{8B86413B-2A1A-4226-BE53-109F0A4E8237}" dt="2023-10-02T07:24:54.308" v="21875" actId="27636"/>
          <ac:spMkLst>
            <pc:docMk/>
            <pc:sldMk cId="978817560" sldId="2147476482"/>
            <ac:spMk id="14" creationId="{6E2864BC-E99F-5DC5-DD84-43B7CFE198E2}"/>
          </ac:spMkLst>
        </pc:spChg>
        <pc:graphicFrameChg chg="modGraphic">
          <ac:chgData name="Sara Mastrorosa" userId="d159c406-3740-4568-9f4d-6092b2495d2a" providerId="ADAL" clId="{8B86413B-2A1A-4226-BE53-109F0A4E8237}" dt="2023-10-02T07:26:28.573" v="21946" actId="2166"/>
          <ac:graphicFrameMkLst>
            <pc:docMk/>
            <pc:sldMk cId="978817560" sldId="2147476482"/>
            <ac:graphicFrameMk id="13" creationId="{86EEA1A2-F754-36BC-7045-1429540F7C3F}"/>
          </ac:graphicFrameMkLst>
        </pc:graphicFrameChg>
      </pc:sldChg>
      <pc:sldChg chg="addSp delSp modSp add mod addCm delCm">
        <pc:chgData name="Sara Mastrorosa" userId="d159c406-3740-4568-9f4d-6092b2495d2a" providerId="ADAL" clId="{8B86413B-2A1A-4226-BE53-109F0A4E8237}" dt="2023-10-02T11:13:34.456" v="24360" actId="1076"/>
        <pc:sldMkLst>
          <pc:docMk/>
          <pc:sldMk cId="3262192175" sldId="2147476483"/>
        </pc:sldMkLst>
        <pc:spChg chg="del">
          <ac:chgData name="Sara Mastrorosa" userId="d159c406-3740-4568-9f4d-6092b2495d2a" providerId="ADAL" clId="{8B86413B-2A1A-4226-BE53-109F0A4E8237}" dt="2023-10-02T07:25:09.428" v="21880" actId="478"/>
          <ac:spMkLst>
            <pc:docMk/>
            <pc:sldMk cId="3262192175" sldId="2147476483"/>
            <ac:spMk id="3" creationId="{73831613-2240-6FDA-F6CB-FBFE8440D206}"/>
          </ac:spMkLst>
        </pc:spChg>
        <pc:spChg chg="del">
          <ac:chgData name="Sara Mastrorosa" userId="d159c406-3740-4568-9f4d-6092b2495d2a" providerId="ADAL" clId="{8B86413B-2A1A-4226-BE53-109F0A4E8237}" dt="2023-10-02T07:25:05.809" v="21877" actId="478"/>
          <ac:spMkLst>
            <pc:docMk/>
            <pc:sldMk cId="3262192175" sldId="2147476483"/>
            <ac:spMk id="4" creationId="{744E96E6-8A52-A9F9-801D-93E6D23319D6}"/>
          </ac:spMkLst>
        </pc:spChg>
        <pc:spChg chg="mod">
          <ac:chgData name="Sara Mastrorosa" userId="d159c406-3740-4568-9f4d-6092b2495d2a" providerId="ADAL" clId="{8B86413B-2A1A-4226-BE53-109F0A4E8237}" dt="2023-10-02T07:48:22.775" v="22104" actId="1038"/>
          <ac:spMkLst>
            <pc:docMk/>
            <pc:sldMk cId="3262192175" sldId="2147476483"/>
            <ac:spMk id="5" creationId="{08F2B45B-2BC1-44B2-4465-F8FD2B97328F}"/>
          </ac:spMkLst>
        </pc:spChg>
        <pc:spChg chg="del">
          <ac:chgData name="Sara Mastrorosa" userId="d159c406-3740-4568-9f4d-6092b2495d2a" providerId="ADAL" clId="{8B86413B-2A1A-4226-BE53-109F0A4E8237}" dt="2023-10-02T07:25:05.809" v="21877" actId="478"/>
          <ac:spMkLst>
            <pc:docMk/>
            <pc:sldMk cId="3262192175" sldId="2147476483"/>
            <ac:spMk id="7" creationId="{9381F2CA-28C5-1C76-C677-B9C11827C79C}"/>
          </ac:spMkLst>
        </pc:spChg>
        <pc:spChg chg="del">
          <ac:chgData name="Sara Mastrorosa" userId="d159c406-3740-4568-9f4d-6092b2495d2a" providerId="ADAL" clId="{8B86413B-2A1A-4226-BE53-109F0A4E8237}" dt="2023-10-02T07:25:08.826" v="21879" actId="478"/>
          <ac:spMkLst>
            <pc:docMk/>
            <pc:sldMk cId="3262192175" sldId="2147476483"/>
            <ac:spMk id="8" creationId="{6D71F3F7-565F-B14B-CE59-34158D78184F}"/>
          </ac:spMkLst>
        </pc:spChg>
        <pc:spChg chg="del">
          <ac:chgData name="Sara Mastrorosa" userId="d159c406-3740-4568-9f4d-6092b2495d2a" providerId="ADAL" clId="{8B86413B-2A1A-4226-BE53-109F0A4E8237}" dt="2023-10-02T07:25:05.809" v="21877" actId="478"/>
          <ac:spMkLst>
            <pc:docMk/>
            <pc:sldMk cId="3262192175" sldId="2147476483"/>
            <ac:spMk id="11" creationId="{163D7DCE-BBB6-25D6-511B-9E63AAC7D1B9}"/>
          </ac:spMkLst>
        </pc:spChg>
        <pc:spChg chg="del mod">
          <ac:chgData name="Sara Mastrorosa" userId="d159c406-3740-4568-9f4d-6092b2495d2a" providerId="ADAL" clId="{8B86413B-2A1A-4226-BE53-109F0A4E8237}" dt="2023-10-02T07:28:35.482" v="21948" actId="478"/>
          <ac:spMkLst>
            <pc:docMk/>
            <pc:sldMk cId="3262192175" sldId="2147476483"/>
            <ac:spMk id="16" creationId="{3F919A9B-6D4F-0CF0-DA5A-2EC55DC107E2}"/>
          </ac:spMkLst>
        </pc:spChg>
        <pc:spChg chg="del">
          <ac:chgData name="Sara Mastrorosa" userId="d159c406-3740-4568-9f4d-6092b2495d2a" providerId="ADAL" clId="{8B86413B-2A1A-4226-BE53-109F0A4E8237}" dt="2023-10-02T07:25:05.809" v="21877" actId="478"/>
          <ac:spMkLst>
            <pc:docMk/>
            <pc:sldMk cId="3262192175" sldId="2147476483"/>
            <ac:spMk id="17" creationId="{4BC78183-7061-9BE9-E03D-1EEA92AF47E4}"/>
          </ac:spMkLst>
        </pc:spChg>
        <pc:spChg chg="del">
          <ac:chgData name="Sara Mastrorosa" userId="d159c406-3740-4568-9f4d-6092b2495d2a" providerId="ADAL" clId="{8B86413B-2A1A-4226-BE53-109F0A4E8237}" dt="2023-10-02T07:25:05.809" v="21877" actId="478"/>
          <ac:spMkLst>
            <pc:docMk/>
            <pc:sldMk cId="3262192175" sldId="2147476483"/>
            <ac:spMk id="18" creationId="{C7933087-3B84-6148-8C2D-5D915A7E1DA3}"/>
          </ac:spMkLst>
        </pc:spChg>
        <pc:spChg chg="del">
          <ac:chgData name="Sara Mastrorosa" userId="d159c406-3740-4568-9f4d-6092b2495d2a" providerId="ADAL" clId="{8B86413B-2A1A-4226-BE53-109F0A4E8237}" dt="2023-10-02T07:25:05.809" v="21877" actId="478"/>
          <ac:spMkLst>
            <pc:docMk/>
            <pc:sldMk cId="3262192175" sldId="2147476483"/>
            <ac:spMk id="27" creationId="{9EB5A7EC-94FB-DCA8-F4E5-398A50AE2A6B}"/>
          </ac:spMkLst>
        </pc:spChg>
        <pc:spChg chg="add mod">
          <ac:chgData name="Sara Mastrorosa" userId="d159c406-3740-4568-9f4d-6092b2495d2a" providerId="ADAL" clId="{8B86413B-2A1A-4226-BE53-109F0A4E8237}" dt="2023-10-02T07:48:03.579" v="22098" actId="1036"/>
          <ac:spMkLst>
            <pc:docMk/>
            <pc:sldMk cId="3262192175" sldId="2147476483"/>
            <ac:spMk id="30" creationId="{59BDC5FC-DE88-0754-6273-EE8034C183E3}"/>
          </ac:spMkLst>
        </pc:spChg>
        <pc:spChg chg="del">
          <ac:chgData name="Sara Mastrorosa" userId="d159c406-3740-4568-9f4d-6092b2495d2a" providerId="ADAL" clId="{8B86413B-2A1A-4226-BE53-109F0A4E8237}" dt="2023-10-02T07:25:05.809" v="21877" actId="478"/>
          <ac:spMkLst>
            <pc:docMk/>
            <pc:sldMk cId="3262192175" sldId="2147476483"/>
            <ac:spMk id="31" creationId="{DAD735D4-8D10-F2C0-21FC-B8FA8DCBB74C}"/>
          </ac:spMkLst>
        </pc:spChg>
        <pc:spChg chg="del">
          <ac:chgData name="Sara Mastrorosa" userId="d159c406-3740-4568-9f4d-6092b2495d2a" providerId="ADAL" clId="{8B86413B-2A1A-4226-BE53-109F0A4E8237}" dt="2023-10-02T07:25:05.809" v="21877" actId="478"/>
          <ac:spMkLst>
            <pc:docMk/>
            <pc:sldMk cId="3262192175" sldId="2147476483"/>
            <ac:spMk id="33" creationId="{D5A1E6C6-E49D-FCB9-5B47-52BCE47514F0}"/>
          </ac:spMkLst>
        </pc:spChg>
        <pc:spChg chg="add mod">
          <ac:chgData name="Sara Mastrorosa" userId="d159c406-3740-4568-9f4d-6092b2495d2a" providerId="ADAL" clId="{8B86413B-2A1A-4226-BE53-109F0A4E8237}" dt="2023-10-02T07:48:03.579" v="22098" actId="1036"/>
          <ac:spMkLst>
            <pc:docMk/>
            <pc:sldMk cId="3262192175" sldId="2147476483"/>
            <ac:spMk id="36" creationId="{777B36B2-DAB4-40FC-2D86-8161892F5B80}"/>
          </ac:spMkLst>
        </pc:spChg>
        <pc:spChg chg="add mod">
          <ac:chgData name="Sara Mastrorosa" userId="d159c406-3740-4568-9f4d-6092b2495d2a" providerId="ADAL" clId="{8B86413B-2A1A-4226-BE53-109F0A4E8237}" dt="2023-10-02T07:48:03.579" v="22098" actId="1036"/>
          <ac:spMkLst>
            <pc:docMk/>
            <pc:sldMk cId="3262192175" sldId="2147476483"/>
            <ac:spMk id="38" creationId="{8784901C-DCE8-E033-D0DE-AD9BCB680BF2}"/>
          </ac:spMkLst>
        </pc:spChg>
        <pc:spChg chg="add mod">
          <ac:chgData name="Sara Mastrorosa" userId="d159c406-3740-4568-9f4d-6092b2495d2a" providerId="ADAL" clId="{8B86413B-2A1A-4226-BE53-109F0A4E8237}" dt="2023-10-02T07:48:03.579" v="22098" actId="1036"/>
          <ac:spMkLst>
            <pc:docMk/>
            <pc:sldMk cId="3262192175" sldId="2147476483"/>
            <ac:spMk id="39" creationId="{5C51DE71-51D5-CD9F-E486-F8B1F0726F78}"/>
          </ac:spMkLst>
        </pc:spChg>
        <pc:spChg chg="add mod">
          <ac:chgData name="Sara Mastrorosa" userId="d159c406-3740-4568-9f4d-6092b2495d2a" providerId="ADAL" clId="{8B86413B-2A1A-4226-BE53-109F0A4E8237}" dt="2023-10-02T07:48:03.579" v="22098" actId="1036"/>
          <ac:spMkLst>
            <pc:docMk/>
            <pc:sldMk cId="3262192175" sldId="2147476483"/>
            <ac:spMk id="40" creationId="{BC5D5077-58B0-B112-CF7D-34E5CBF85845}"/>
          </ac:spMkLst>
        </pc:spChg>
        <pc:spChg chg="add mod">
          <ac:chgData name="Sara Mastrorosa" userId="d159c406-3740-4568-9f4d-6092b2495d2a" providerId="ADAL" clId="{8B86413B-2A1A-4226-BE53-109F0A4E8237}" dt="2023-10-02T07:48:03.579" v="22098" actId="1036"/>
          <ac:spMkLst>
            <pc:docMk/>
            <pc:sldMk cId="3262192175" sldId="2147476483"/>
            <ac:spMk id="41" creationId="{44B08EB5-3376-1094-3EE3-4CF6F3422D64}"/>
          </ac:spMkLst>
        </pc:spChg>
        <pc:spChg chg="add mod">
          <ac:chgData name="Sara Mastrorosa" userId="d159c406-3740-4568-9f4d-6092b2495d2a" providerId="ADAL" clId="{8B86413B-2A1A-4226-BE53-109F0A4E8237}" dt="2023-10-02T07:48:03.579" v="22098" actId="1036"/>
          <ac:spMkLst>
            <pc:docMk/>
            <pc:sldMk cId="3262192175" sldId="2147476483"/>
            <ac:spMk id="42" creationId="{07FBC924-7384-CBC4-B42A-43809B7F3F28}"/>
          </ac:spMkLst>
        </pc:spChg>
        <pc:spChg chg="add mod">
          <ac:chgData name="Sara Mastrorosa" userId="d159c406-3740-4568-9f4d-6092b2495d2a" providerId="ADAL" clId="{8B86413B-2A1A-4226-BE53-109F0A4E8237}" dt="2023-10-02T07:47:58.001" v="22091" actId="1076"/>
          <ac:spMkLst>
            <pc:docMk/>
            <pc:sldMk cId="3262192175" sldId="2147476483"/>
            <ac:spMk id="45" creationId="{DDF39047-A654-1197-E21E-ABB7461563A3}"/>
          </ac:spMkLst>
        </pc:spChg>
        <pc:spChg chg="add mod">
          <ac:chgData name="Sara Mastrorosa" userId="d159c406-3740-4568-9f4d-6092b2495d2a" providerId="ADAL" clId="{8B86413B-2A1A-4226-BE53-109F0A4E8237}" dt="2023-10-02T10:54:56.132" v="24259" actId="1037"/>
          <ac:spMkLst>
            <pc:docMk/>
            <pc:sldMk cId="3262192175" sldId="2147476483"/>
            <ac:spMk id="47" creationId="{C408E0B0-7EFA-0772-EFA9-A3CF0948F060}"/>
          </ac:spMkLst>
        </pc:spChg>
        <pc:spChg chg="add mod">
          <ac:chgData name="Sara Mastrorosa" userId="d159c406-3740-4568-9f4d-6092b2495d2a" providerId="ADAL" clId="{8B86413B-2A1A-4226-BE53-109F0A4E8237}" dt="2023-10-02T11:13:34.456" v="24360" actId="1076"/>
          <ac:spMkLst>
            <pc:docMk/>
            <pc:sldMk cId="3262192175" sldId="2147476483"/>
            <ac:spMk id="48" creationId="{758FFF20-1E7C-F02C-AE4E-1CDBA75B769B}"/>
          </ac:spMkLst>
        </pc:spChg>
        <pc:grpChg chg="del">
          <ac:chgData name="Sara Mastrorosa" userId="d159c406-3740-4568-9f4d-6092b2495d2a" providerId="ADAL" clId="{8B86413B-2A1A-4226-BE53-109F0A4E8237}" dt="2023-10-02T07:25:05.809" v="21877" actId="478"/>
          <ac:grpSpMkLst>
            <pc:docMk/>
            <pc:sldMk cId="3262192175" sldId="2147476483"/>
            <ac:grpSpMk id="19" creationId="{42C6BD84-D948-82C1-9342-0D8C06D6C807}"/>
          </ac:grpSpMkLst>
        </pc:grpChg>
        <pc:grpChg chg="del">
          <ac:chgData name="Sara Mastrorosa" userId="d159c406-3740-4568-9f4d-6092b2495d2a" providerId="ADAL" clId="{8B86413B-2A1A-4226-BE53-109F0A4E8237}" dt="2023-10-02T07:25:05.809" v="21877" actId="478"/>
          <ac:grpSpMkLst>
            <pc:docMk/>
            <pc:sldMk cId="3262192175" sldId="2147476483"/>
            <ac:grpSpMk id="20" creationId="{FA719E86-A3DF-519E-8C33-166F7226BCEF}"/>
          </ac:grpSpMkLst>
        </pc:grpChg>
        <pc:grpChg chg="del">
          <ac:chgData name="Sara Mastrorosa" userId="d159c406-3740-4568-9f4d-6092b2495d2a" providerId="ADAL" clId="{8B86413B-2A1A-4226-BE53-109F0A4E8237}" dt="2023-10-02T07:25:05.809" v="21877" actId="478"/>
          <ac:grpSpMkLst>
            <pc:docMk/>
            <pc:sldMk cId="3262192175" sldId="2147476483"/>
            <ac:grpSpMk id="24" creationId="{6E6BA9AE-CD69-C4B0-09C4-7935C59E29B5}"/>
          </ac:grpSpMkLst>
        </pc:grpChg>
        <pc:graphicFrameChg chg="add mod modGraphic">
          <ac:chgData name="Sara Mastrorosa" userId="d159c406-3740-4568-9f4d-6092b2495d2a" providerId="ADAL" clId="{8B86413B-2A1A-4226-BE53-109F0A4E8237}" dt="2023-10-02T07:56:22.626" v="22191" actId="6549"/>
          <ac:graphicFrameMkLst>
            <pc:docMk/>
            <pc:sldMk cId="3262192175" sldId="2147476483"/>
            <ac:graphicFrameMk id="15" creationId="{422CD3EC-2DFF-C195-7652-F4471DFAB6FC}"/>
          </ac:graphicFrameMkLst>
        </pc:graphicFrameChg>
        <pc:graphicFrameChg chg="add mod modGraphic">
          <ac:chgData name="Sara Mastrorosa" userId="d159c406-3740-4568-9f4d-6092b2495d2a" providerId="ADAL" clId="{8B86413B-2A1A-4226-BE53-109F0A4E8237}" dt="2023-10-02T07:48:03.579" v="22098" actId="1036"/>
          <ac:graphicFrameMkLst>
            <pc:docMk/>
            <pc:sldMk cId="3262192175" sldId="2147476483"/>
            <ac:graphicFrameMk id="28" creationId="{E35A65C3-5867-057D-C6AF-3AD1608BAF28}"/>
          </ac:graphicFrameMkLst>
        </pc:graphicFrameChg>
        <pc:graphicFrameChg chg="add mod modGraphic">
          <ac:chgData name="Sara Mastrorosa" userId="d159c406-3740-4568-9f4d-6092b2495d2a" providerId="ADAL" clId="{8B86413B-2A1A-4226-BE53-109F0A4E8237}" dt="2023-10-02T07:48:03.579" v="22098" actId="1036"/>
          <ac:graphicFrameMkLst>
            <pc:docMk/>
            <pc:sldMk cId="3262192175" sldId="2147476483"/>
            <ac:graphicFrameMk id="34" creationId="{E59B4A41-C68C-D6EF-6C37-B9A6D8331F9B}"/>
          </ac:graphicFrameMkLst>
        </pc:graphicFrameChg>
        <pc:graphicFrameChg chg="add mod modGraphic">
          <ac:chgData name="Sara Mastrorosa" userId="d159c406-3740-4568-9f4d-6092b2495d2a" providerId="ADAL" clId="{8B86413B-2A1A-4226-BE53-109F0A4E8237}" dt="2023-10-02T07:48:03.579" v="22098" actId="1036"/>
          <ac:graphicFrameMkLst>
            <pc:docMk/>
            <pc:sldMk cId="3262192175" sldId="2147476483"/>
            <ac:graphicFrameMk id="37" creationId="{40177C9B-43BE-C8AD-5B12-467723050C05}"/>
          </ac:graphicFrameMkLst>
        </pc:graphicFrameChg>
        <pc:graphicFrameChg chg="add mod modGraphic">
          <ac:chgData name="Sara Mastrorosa" userId="d159c406-3740-4568-9f4d-6092b2495d2a" providerId="ADAL" clId="{8B86413B-2A1A-4226-BE53-109F0A4E8237}" dt="2023-10-02T10:57:30.309" v="24292" actId="20577"/>
          <ac:graphicFrameMkLst>
            <pc:docMk/>
            <pc:sldMk cId="3262192175" sldId="2147476483"/>
            <ac:graphicFrameMk id="46" creationId="{E5189586-3EB6-06D3-45F6-E73937ECF832}"/>
          </ac:graphicFrameMkLst>
        </pc:graphicFrameChg>
        <pc:picChg chg="del">
          <ac:chgData name="Sara Mastrorosa" userId="d159c406-3740-4568-9f4d-6092b2495d2a" providerId="ADAL" clId="{8B86413B-2A1A-4226-BE53-109F0A4E8237}" dt="2023-10-02T07:25:05.809" v="21877" actId="478"/>
          <ac:picMkLst>
            <pc:docMk/>
            <pc:sldMk cId="3262192175" sldId="2147476483"/>
            <ac:picMk id="2" creationId="{34EE168A-84C8-0AC5-02BF-2DC96A2BD927}"/>
          </ac:picMkLst>
        </pc:picChg>
        <pc:picChg chg="del">
          <ac:chgData name="Sara Mastrorosa" userId="d159c406-3740-4568-9f4d-6092b2495d2a" providerId="ADAL" clId="{8B86413B-2A1A-4226-BE53-109F0A4E8237}" dt="2023-10-02T07:25:05.809" v="21877" actId="478"/>
          <ac:picMkLst>
            <pc:docMk/>
            <pc:sldMk cId="3262192175" sldId="2147476483"/>
            <ac:picMk id="6" creationId="{4B393445-4895-CD97-F4C6-50400BA37D0B}"/>
          </ac:picMkLst>
        </pc:picChg>
        <pc:picChg chg="del">
          <ac:chgData name="Sara Mastrorosa" userId="d159c406-3740-4568-9f4d-6092b2495d2a" providerId="ADAL" clId="{8B86413B-2A1A-4226-BE53-109F0A4E8237}" dt="2023-10-02T07:25:08.124" v="21878" actId="478"/>
          <ac:picMkLst>
            <pc:docMk/>
            <pc:sldMk cId="3262192175" sldId="2147476483"/>
            <ac:picMk id="9" creationId="{968D3B01-4DA7-8A09-BE84-219428DA0E01}"/>
          </ac:picMkLst>
        </pc:picChg>
        <pc:picChg chg="del">
          <ac:chgData name="Sara Mastrorosa" userId="d159c406-3740-4568-9f4d-6092b2495d2a" providerId="ADAL" clId="{8B86413B-2A1A-4226-BE53-109F0A4E8237}" dt="2023-10-02T07:25:05.809" v="21877" actId="478"/>
          <ac:picMkLst>
            <pc:docMk/>
            <pc:sldMk cId="3262192175" sldId="2147476483"/>
            <ac:picMk id="14" creationId="{61DA9600-9913-FB19-239A-0D7F5F8086B5}"/>
          </ac:picMkLst>
        </pc:picChg>
        <pc:picChg chg="del">
          <ac:chgData name="Sara Mastrorosa" userId="d159c406-3740-4568-9f4d-6092b2495d2a" providerId="ADAL" clId="{8B86413B-2A1A-4226-BE53-109F0A4E8237}" dt="2023-10-02T07:25:05.809" v="21877" actId="478"/>
          <ac:picMkLst>
            <pc:docMk/>
            <pc:sldMk cId="3262192175" sldId="2147476483"/>
            <ac:picMk id="29" creationId="{C6218AC1-51FE-0E29-B30A-1EA7AE787DA0}"/>
          </ac:picMkLst>
        </pc:picChg>
        <pc:picChg chg="del">
          <ac:chgData name="Sara Mastrorosa" userId="d159c406-3740-4568-9f4d-6092b2495d2a" providerId="ADAL" clId="{8B86413B-2A1A-4226-BE53-109F0A4E8237}" dt="2023-10-02T07:25:05.809" v="21877" actId="478"/>
          <ac:picMkLst>
            <pc:docMk/>
            <pc:sldMk cId="3262192175" sldId="2147476483"/>
            <ac:picMk id="32" creationId="{A42369D4-3A6E-6678-4678-FB4173403CF7}"/>
          </ac:picMkLst>
        </pc:picChg>
        <pc:picChg chg="add del mod">
          <ac:chgData name="Sara Mastrorosa" userId="d159c406-3740-4568-9f4d-6092b2495d2a" providerId="ADAL" clId="{8B86413B-2A1A-4226-BE53-109F0A4E8237}" dt="2023-10-02T07:46:41.160" v="22073" actId="478"/>
          <ac:picMkLst>
            <pc:docMk/>
            <pc:sldMk cId="3262192175" sldId="2147476483"/>
            <ac:picMk id="43" creationId="{2261F6D5-8B60-12E2-92A4-F6517D9E4802}"/>
          </ac:picMkLst>
        </pc:picChg>
        <pc:picChg chg="add mod">
          <ac:chgData name="Sara Mastrorosa" userId="d159c406-3740-4568-9f4d-6092b2495d2a" providerId="ADAL" clId="{8B86413B-2A1A-4226-BE53-109F0A4E8237}" dt="2023-10-02T10:54:56.132" v="24259" actId="1037"/>
          <ac:picMkLst>
            <pc:docMk/>
            <pc:sldMk cId="3262192175" sldId="2147476483"/>
            <ac:picMk id="44" creationId="{2C33AD1F-3F14-0CE9-8F88-9E7BB4E192B4}"/>
          </ac:picMkLst>
        </pc:picChg>
      </pc:sldChg>
      <pc:sldMasterChg chg="delSldLayout">
        <pc:chgData name="Sara Mastrorosa" userId="d159c406-3740-4568-9f4d-6092b2495d2a" providerId="ADAL" clId="{8B86413B-2A1A-4226-BE53-109F0A4E8237}" dt="2023-10-02T07:48:07.522" v="22099" actId="47"/>
        <pc:sldMasterMkLst>
          <pc:docMk/>
          <pc:sldMasterMk cId="1858239978" sldId="2147483648"/>
        </pc:sldMasterMkLst>
        <pc:sldLayoutChg chg="del">
          <pc:chgData name="Sara Mastrorosa" userId="d159c406-3740-4568-9f4d-6092b2495d2a" providerId="ADAL" clId="{8B86413B-2A1A-4226-BE53-109F0A4E8237}" dt="2023-10-02T07:48:07.522" v="22099" actId="47"/>
          <pc:sldLayoutMkLst>
            <pc:docMk/>
            <pc:sldMasterMk cId="1858239978" sldId="2147483648"/>
            <pc:sldLayoutMk cId="4011375097" sldId="2147483661"/>
          </pc:sldLayoutMkLst>
        </pc:sldLayoutChg>
      </pc:sldMasterChg>
      <pc:sldMasterChg chg="del delSldLayout">
        <pc:chgData name="Sara Mastrorosa" userId="d159c406-3740-4568-9f4d-6092b2495d2a" providerId="ADAL" clId="{8B86413B-2A1A-4226-BE53-109F0A4E8237}" dt="2023-09-26T12:59:31.479" v="7813" actId="47"/>
        <pc:sldMasterMkLst>
          <pc:docMk/>
          <pc:sldMasterMk cId="140140709" sldId="2147483661"/>
        </pc:sldMasterMkLst>
        <pc:sldLayoutChg chg="del">
          <pc:chgData name="Sara Mastrorosa" userId="d159c406-3740-4568-9f4d-6092b2495d2a" providerId="ADAL" clId="{8B86413B-2A1A-4226-BE53-109F0A4E8237}" dt="2023-09-26T12:59:31.479" v="7813" actId="47"/>
          <pc:sldLayoutMkLst>
            <pc:docMk/>
            <pc:sldMasterMk cId="140140709" sldId="2147483661"/>
            <pc:sldLayoutMk cId="2415261372" sldId="2147483662"/>
          </pc:sldLayoutMkLst>
        </pc:sldLayoutChg>
        <pc:sldLayoutChg chg="del">
          <pc:chgData name="Sara Mastrorosa" userId="d159c406-3740-4568-9f4d-6092b2495d2a" providerId="ADAL" clId="{8B86413B-2A1A-4226-BE53-109F0A4E8237}" dt="2023-09-26T12:59:31.479" v="7813" actId="47"/>
          <pc:sldLayoutMkLst>
            <pc:docMk/>
            <pc:sldMasterMk cId="140140709" sldId="2147483661"/>
            <pc:sldLayoutMk cId="2651107249" sldId="2147483663"/>
          </pc:sldLayoutMkLst>
        </pc:sldLayoutChg>
        <pc:sldLayoutChg chg="del">
          <pc:chgData name="Sara Mastrorosa" userId="d159c406-3740-4568-9f4d-6092b2495d2a" providerId="ADAL" clId="{8B86413B-2A1A-4226-BE53-109F0A4E8237}" dt="2023-09-26T12:59:31.479" v="7813" actId="47"/>
          <pc:sldLayoutMkLst>
            <pc:docMk/>
            <pc:sldMasterMk cId="140140709" sldId="2147483661"/>
            <pc:sldLayoutMk cId="2383468697" sldId="2147483664"/>
          </pc:sldLayoutMkLst>
        </pc:sldLayoutChg>
        <pc:sldLayoutChg chg="del">
          <pc:chgData name="Sara Mastrorosa" userId="d159c406-3740-4568-9f4d-6092b2495d2a" providerId="ADAL" clId="{8B86413B-2A1A-4226-BE53-109F0A4E8237}" dt="2023-09-26T12:59:31.479" v="7813" actId="47"/>
          <pc:sldLayoutMkLst>
            <pc:docMk/>
            <pc:sldMasterMk cId="140140709" sldId="2147483661"/>
            <pc:sldLayoutMk cId="2336774019" sldId="2147483665"/>
          </pc:sldLayoutMkLst>
        </pc:sldLayoutChg>
        <pc:sldLayoutChg chg="del">
          <pc:chgData name="Sara Mastrorosa" userId="d159c406-3740-4568-9f4d-6092b2495d2a" providerId="ADAL" clId="{8B86413B-2A1A-4226-BE53-109F0A4E8237}" dt="2023-09-26T12:59:31.479" v="7813" actId="47"/>
          <pc:sldLayoutMkLst>
            <pc:docMk/>
            <pc:sldMasterMk cId="140140709" sldId="2147483661"/>
            <pc:sldLayoutMk cId="3721822627" sldId="2147483666"/>
          </pc:sldLayoutMkLst>
        </pc:sldLayoutChg>
        <pc:sldLayoutChg chg="del">
          <pc:chgData name="Sara Mastrorosa" userId="d159c406-3740-4568-9f4d-6092b2495d2a" providerId="ADAL" clId="{8B86413B-2A1A-4226-BE53-109F0A4E8237}" dt="2023-09-26T12:59:31.479" v="7813" actId="47"/>
          <pc:sldLayoutMkLst>
            <pc:docMk/>
            <pc:sldMasterMk cId="140140709" sldId="2147483661"/>
            <pc:sldLayoutMk cId="3660720497" sldId="2147483667"/>
          </pc:sldLayoutMkLst>
        </pc:sldLayoutChg>
        <pc:sldLayoutChg chg="del">
          <pc:chgData name="Sara Mastrorosa" userId="d159c406-3740-4568-9f4d-6092b2495d2a" providerId="ADAL" clId="{8B86413B-2A1A-4226-BE53-109F0A4E8237}" dt="2023-09-26T12:59:31.479" v="7813" actId="47"/>
          <pc:sldLayoutMkLst>
            <pc:docMk/>
            <pc:sldMasterMk cId="140140709" sldId="2147483661"/>
            <pc:sldLayoutMk cId="2310536630" sldId="2147483668"/>
          </pc:sldLayoutMkLst>
        </pc:sldLayoutChg>
        <pc:sldLayoutChg chg="del">
          <pc:chgData name="Sara Mastrorosa" userId="d159c406-3740-4568-9f4d-6092b2495d2a" providerId="ADAL" clId="{8B86413B-2A1A-4226-BE53-109F0A4E8237}" dt="2023-09-26T12:59:31.479" v="7813" actId="47"/>
          <pc:sldLayoutMkLst>
            <pc:docMk/>
            <pc:sldMasterMk cId="140140709" sldId="2147483661"/>
            <pc:sldLayoutMk cId="3257246028" sldId="2147483669"/>
          </pc:sldLayoutMkLst>
        </pc:sldLayoutChg>
        <pc:sldLayoutChg chg="del">
          <pc:chgData name="Sara Mastrorosa" userId="d159c406-3740-4568-9f4d-6092b2495d2a" providerId="ADAL" clId="{8B86413B-2A1A-4226-BE53-109F0A4E8237}" dt="2023-09-26T12:59:31.479" v="7813" actId="47"/>
          <pc:sldLayoutMkLst>
            <pc:docMk/>
            <pc:sldMasterMk cId="140140709" sldId="2147483661"/>
            <pc:sldLayoutMk cId="3041293012" sldId="2147483670"/>
          </pc:sldLayoutMkLst>
        </pc:sldLayoutChg>
        <pc:sldLayoutChg chg="del">
          <pc:chgData name="Sara Mastrorosa" userId="d159c406-3740-4568-9f4d-6092b2495d2a" providerId="ADAL" clId="{8B86413B-2A1A-4226-BE53-109F0A4E8237}" dt="2023-09-26T12:59:31.479" v="7813" actId="47"/>
          <pc:sldLayoutMkLst>
            <pc:docMk/>
            <pc:sldMasterMk cId="140140709" sldId="2147483661"/>
            <pc:sldLayoutMk cId="858002855" sldId="2147483671"/>
          </pc:sldLayoutMkLst>
        </pc:sldLayoutChg>
        <pc:sldLayoutChg chg="del">
          <pc:chgData name="Sara Mastrorosa" userId="d159c406-3740-4568-9f4d-6092b2495d2a" providerId="ADAL" clId="{8B86413B-2A1A-4226-BE53-109F0A4E8237}" dt="2023-09-26T12:59:31.479" v="7813" actId="47"/>
          <pc:sldLayoutMkLst>
            <pc:docMk/>
            <pc:sldMasterMk cId="140140709" sldId="2147483661"/>
            <pc:sldLayoutMk cId="490906082" sldId="2147483672"/>
          </pc:sldLayoutMkLst>
        </pc:sldLayoutChg>
        <pc:sldLayoutChg chg="del">
          <pc:chgData name="Sara Mastrorosa" userId="d159c406-3740-4568-9f4d-6092b2495d2a" providerId="ADAL" clId="{8B86413B-2A1A-4226-BE53-109F0A4E8237}" dt="2023-09-26T12:59:31.479" v="7813" actId="47"/>
          <pc:sldLayoutMkLst>
            <pc:docMk/>
            <pc:sldMasterMk cId="140140709" sldId="2147483661"/>
            <pc:sldLayoutMk cId="1610173748" sldId="2147483673"/>
          </pc:sldLayoutMkLst>
        </pc:sldLayoutChg>
        <pc:sldLayoutChg chg="del">
          <pc:chgData name="Sara Mastrorosa" userId="d159c406-3740-4568-9f4d-6092b2495d2a" providerId="ADAL" clId="{8B86413B-2A1A-4226-BE53-109F0A4E8237}" dt="2023-09-26T12:59:31.479" v="7813" actId="47"/>
          <pc:sldLayoutMkLst>
            <pc:docMk/>
            <pc:sldMasterMk cId="140140709" sldId="2147483661"/>
            <pc:sldLayoutMk cId="1977856705" sldId="2147483674"/>
          </pc:sldLayoutMkLst>
        </pc:sldLayoutChg>
      </pc:sldMasterChg>
      <pc:sldMasterChg chg="del delSldLayout">
        <pc:chgData name="Sara Mastrorosa" userId="d159c406-3740-4568-9f4d-6092b2495d2a" providerId="ADAL" clId="{8B86413B-2A1A-4226-BE53-109F0A4E8237}" dt="2023-09-26T09:59:20.495" v="6642" actId="47"/>
        <pc:sldMasterMkLst>
          <pc:docMk/>
          <pc:sldMasterMk cId="371973256" sldId="2147483661"/>
        </pc:sldMasterMkLst>
        <pc:sldLayoutChg chg="del">
          <pc:chgData name="Sara Mastrorosa" userId="d159c406-3740-4568-9f4d-6092b2495d2a" providerId="ADAL" clId="{8B86413B-2A1A-4226-BE53-109F0A4E8237}" dt="2023-09-26T09:59:20.495" v="6642" actId="47"/>
          <pc:sldLayoutMkLst>
            <pc:docMk/>
            <pc:sldMasterMk cId="371973256" sldId="2147483661"/>
            <pc:sldLayoutMk cId="1177710808" sldId="2147483662"/>
          </pc:sldLayoutMkLst>
        </pc:sldLayoutChg>
        <pc:sldLayoutChg chg="del">
          <pc:chgData name="Sara Mastrorosa" userId="d159c406-3740-4568-9f4d-6092b2495d2a" providerId="ADAL" clId="{8B86413B-2A1A-4226-BE53-109F0A4E8237}" dt="2023-09-26T09:59:20.495" v="6642" actId="47"/>
          <pc:sldLayoutMkLst>
            <pc:docMk/>
            <pc:sldMasterMk cId="371973256" sldId="2147483661"/>
            <pc:sldLayoutMk cId="1180840617" sldId="2147483663"/>
          </pc:sldLayoutMkLst>
        </pc:sldLayoutChg>
        <pc:sldLayoutChg chg="del">
          <pc:chgData name="Sara Mastrorosa" userId="d159c406-3740-4568-9f4d-6092b2495d2a" providerId="ADAL" clId="{8B86413B-2A1A-4226-BE53-109F0A4E8237}" dt="2023-09-26T09:59:20.495" v="6642" actId="47"/>
          <pc:sldLayoutMkLst>
            <pc:docMk/>
            <pc:sldMasterMk cId="371973256" sldId="2147483661"/>
            <pc:sldLayoutMk cId="1325261757" sldId="2147483664"/>
          </pc:sldLayoutMkLst>
        </pc:sldLayoutChg>
        <pc:sldLayoutChg chg="del">
          <pc:chgData name="Sara Mastrorosa" userId="d159c406-3740-4568-9f4d-6092b2495d2a" providerId="ADAL" clId="{8B86413B-2A1A-4226-BE53-109F0A4E8237}" dt="2023-09-26T09:59:20.495" v="6642" actId="47"/>
          <pc:sldLayoutMkLst>
            <pc:docMk/>
            <pc:sldMasterMk cId="371973256" sldId="2147483661"/>
            <pc:sldLayoutMk cId="4247479691" sldId="2147483665"/>
          </pc:sldLayoutMkLst>
        </pc:sldLayoutChg>
        <pc:sldLayoutChg chg="del">
          <pc:chgData name="Sara Mastrorosa" userId="d159c406-3740-4568-9f4d-6092b2495d2a" providerId="ADAL" clId="{8B86413B-2A1A-4226-BE53-109F0A4E8237}" dt="2023-09-26T09:59:20.495" v="6642" actId="47"/>
          <pc:sldLayoutMkLst>
            <pc:docMk/>
            <pc:sldMasterMk cId="371973256" sldId="2147483661"/>
            <pc:sldLayoutMk cId="4278046455" sldId="2147483666"/>
          </pc:sldLayoutMkLst>
        </pc:sldLayoutChg>
        <pc:sldLayoutChg chg="del">
          <pc:chgData name="Sara Mastrorosa" userId="d159c406-3740-4568-9f4d-6092b2495d2a" providerId="ADAL" clId="{8B86413B-2A1A-4226-BE53-109F0A4E8237}" dt="2023-09-26T09:59:20.495" v="6642" actId="47"/>
          <pc:sldLayoutMkLst>
            <pc:docMk/>
            <pc:sldMasterMk cId="371973256" sldId="2147483661"/>
            <pc:sldLayoutMk cId="745039035" sldId="2147483667"/>
          </pc:sldLayoutMkLst>
        </pc:sldLayoutChg>
        <pc:sldLayoutChg chg="del">
          <pc:chgData name="Sara Mastrorosa" userId="d159c406-3740-4568-9f4d-6092b2495d2a" providerId="ADAL" clId="{8B86413B-2A1A-4226-BE53-109F0A4E8237}" dt="2023-09-26T09:59:20.495" v="6642" actId="47"/>
          <pc:sldLayoutMkLst>
            <pc:docMk/>
            <pc:sldMasterMk cId="371973256" sldId="2147483661"/>
            <pc:sldLayoutMk cId="3492135576" sldId="2147483668"/>
          </pc:sldLayoutMkLst>
        </pc:sldLayoutChg>
        <pc:sldLayoutChg chg="del">
          <pc:chgData name="Sara Mastrorosa" userId="d159c406-3740-4568-9f4d-6092b2495d2a" providerId="ADAL" clId="{8B86413B-2A1A-4226-BE53-109F0A4E8237}" dt="2023-09-26T09:59:20.495" v="6642" actId="47"/>
          <pc:sldLayoutMkLst>
            <pc:docMk/>
            <pc:sldMasterMk cId="371973256" sldId="2147483661"/>
            <pc:sldLayoutMk cId="3398563574" sldId="2147483669"/>
          </pc:sldLayoutMkLst>
        </pc:sldLayoutChg>
        <pc:sldLayoutChg chg="del">
          <pc:chgData name="Sara Mastrorosa" userId="d159c406-3740-4568-9f4d-6092b2495d2a" providerId="ADAL" clId="{8B86413B-2A1A-4226-BE53-109F0A4E8237}" dt="2023-09-26T09:59:20.495" v="6642" actId="47"/>
          <pc:sldLayoutMkLst>
            <pc:docMk/>
            <pc:sldMasterMk cId="371973256" sldId="2147483661"/>
            <pc:sldLayoutMk cId="1442728883" sldId="2147483670"/>
          </pc:sldLayoutMkLst>
        </pc:sldLayoutChg>
        <pc:sldLayoutChg chg="del">
          <pc:chgData name="Sara Mastrorosa" userId="d159c406-3740-4568-9f4d-6092b2495d2a" providerId="ADAL" clId="{8B86413B-2A1A-4226-BE53-109F0A4E8237}" dt="2023-09-26T09:59:20.495" v="6642" actId="47"/>
          <pc:sldLayoutMkLst>
            <pc:docMk/>
            <pc:sldMasterMk cId="371973256" sldId="2147483661"/>
            <pc:sldLayoutMk cId="2488044364" sldId="2147483671"/>
          </pc:sldLayoutMkLst>
        </pc:sldLayoutChg>
        <pc:sldLayoutChg chg="del">
          <pc:chgData name="Sara Mastrorosa" userId="d159c406-3740-4568-9f4d-6092b2495d2a" providerId="ADAL" clId="{8B86413B-2A1A-4226-BE53-109F0A4E8237}" dt="2023-09-26T09:59:20.495" v="6642" actId="47"/>
          <pc:sldLayoutMkLst>
            <pc:docMk/>
            <pc:sldMasterMk cId="371973256" sldId="2147483661"/>
            <pc:sldLayoutMk cId="2826390885" sldId="2147483672"/>
          </pc:sldLayoutMkLst>
        </pc:sldLayoutChg>
        <pc:sldLayoutChg chg="del">
          <pc:chgData name="Sara Mastrorosa" userId="d159c406-3740-4568-9f4d-6092b2495d2a" providerId="ADAL" clId="{8B86413B-2A1A-4226-BE53-109F0A4E8237}" dt="2023-09-26T09:59:20.495" v="6642" actId="47"/>
          <pc:sldLayoutMkLst>
            <pc:docMk/>
            <pc:sldMasterMk cId="371973256" sldId="2147483661"/>
            <pc:sldLayoutMk cId="3358298952" sldId="2147483673"/>
          </pc:sldLayoutMkLst>
        </pc:sldLayoutChg>
        <pc:sldLayoutChg chg="del">
          <pc:chgData name="Sara Mastrorosa" userId="d159c406-3740-4568-9f4d-6092b2495d2a" providerId="ADAL" clId="{8B86413B-2A1A-4226-BE53-109F0A4E8237}" dt="2023-09-26T09:59:20.495" v="6642" actId="47"/>
          <pc:sldLayoutMkLst>
            <pc:docMk/>
            <pc:sldMasterMk cId="371973256" sldId="2147483661"/>
            <pc:sldLayoutMk cId="2664591050" sldId="2147483674"/>
          </pc:sldLayoutMkLst>
        </pc:sldLayoutChg>
      </pc:sldMasterChg>
    </pc:docChg>
  </pc:docChgLst>
  <pc:docChgLst>
    <pc:chgData name="Sara Mastrorosa" userId="d159c406-3740-4568-9f4d-6092b2495d2a" providerId="ADAL" clId="{12ED7F48-8A43-43A8-A936-2A9BA398726A}"/>
    <pc:docChg chg="undo redo custSel addSld delSld modSld sldOrd">
      <pc:chgData name="Sara Mastrorosa" userId="d159c406-3740-4568-9f4d-6092b2495d2a" providerId="ADAL" clId="{12ED7F48-8A43-43A8-A936-2A9BA398726A}" dt="2023-10-25T07:13:47.733" v="1264" actId="47"/>
      <pc:docMkLst>
        <pc:docMk/>
      </pc:docMkLst>
      <pc:sldChg chg="modSp add del">
        <pc:chgData name="Sara Mastrorosa" userId="d159c406-3740-4568-9f4d-6092b2495d2a" providerId="ADAL" clId="{12ED7F48-8A43-43A8-A936-2A9BA398726A}" dt="2023-10-24T14:47:31.817" v="567" actId="47"/>
        <pc:sldMkLst>
          <pc:docMk/>
          <pc:sldMk cId="348678688" sldId="256"/>
        </pc:sldMkLst>
        <pc:spChg chg="mod">
          <ac:chgData name="Sara Mastrorosa" userId="d159c406-3740-4568-9f4d-6092b2495d2a" providerId="ADAL" clId="{12ED7F48-8A43-43A8-A936-2A9BA398726A}" dt="2023-10-24T14:47:28.726" v="564"/>
          <ac:spMkLst>
            <pc:docMk/>
            <pc:sldMk cId="348678688" sldId="256"/>
            <ac:spMk id="2" creationId="{D7BD6FC9-14F8-4347-ABD4-1892F0E434E3}"/>
          </ac:spMkLst>
        </pc:spChg>
        <pc:grpChg chg="mod">
          <ac:chgData name="Sara Mastrorosa" userId="d159c406-3740-4568-9f4d-6092b2495d2a" providerId="ADAL" clId="{12ED7F48-8A43-43A8-A936-2A9BA398726A}" dt="2023-10-24T14:47:28.727" v="566"/>
          <ac:grpSpMkLst>
            <pc:docMk/>
            <pc:sldMk cId="348678688" sldId="256"/>
            <ac:grpSpMk id="4" creationId="{3FD097ED-390F-4CC8-920D-DD531B985E2E}"/>
          </ac:grpSpMkLst>
        </pc:grpChg>
      </pc:sldChg>
      <pc:sldChg chg="modSp add del">
        <pc:chgData name="Sara Mastrorosa" userId="d159c406-3740-4568-9f4d-6092b2495d2a" providerId="ADAL" clId="{12ED7F48-8A43-43A8-A936-2A9BA398726A}" dt="2023-10-24T14:52:33.185" v="680" actId="47"/>
        <pc:sldMkLst>
          <pc:docMk/>
          <pc:sldMk cId="1083221588" sldId="256"/>
        </pc:sldMkLst>
        <pc:spChg chg="mod">
          <ac:chgData name="Sara Mastrorosa" userId="d159c406-3740-4568-9f4d-6092b2495d2a" providerId="ADAL" clId="{12ED7F48-8A43-43A8-A936-2A9BA398726A}" dt="2023-10-24T14:47:54.142" v="574"/>
          <ac:spMkLst>
            <pc:docMk/>
            <pc:sldMk cId="1083221588" sldId="256"/>
            <ac:spMk id="2" creationId="{B576ADA9-3498-4E97-B124-D387DB7E8B22}"/>
          </ac:spMkLst>
        </pc:spChg>
        <pc:spChg chg="mod">
          <ac:chgData name="Sara Mastrorosa" userId="d159c406-3740-4568-9f4d-6092b2495d2a" providerId="ADAL" clId="{12ED7F48-8A43-43A8-A936-2A9BA398726A}" dt="2023-10-24T14:47:54.142" v="576"/>
          <ac:spMkLst>
            <pc:docMk/>
            <pc:sldMk cId="1083221588" sldId="256"/>
            <ac:spMk id="7" creationId="{35323D3B-9862-4D04-8BD7-272ADD5F83F1}"/>
          </ac:spMkLst>
        </pc:spChg>
        <pc:spChg chg="mod">
          <ac:chgData name="Sara Mastrorosa" userId="d159c406-3740-4568-9f4d-6092b2495d2a" providerId="ADAL" clId="{12ED7F48-8A43-43A8-A936-2A9BA398726A}" dt="2023-10-24T14:47:54.142" v="578"/>
          <ac:spMkLst>
            <pc:docMk/>
            <pc:sldMk cId="1083221588" sldId="256"/>
            <ac:spMk id="13" creationId="{C342AD2C-74F4-4014-BD0A-B214B4E3B7AE}"/>
          </ac:spMkLst>
        </pc:spChg>
        <pc:spChg chg="mod">
          <ac:chgData name="Sara Mastrorosa" userId="d159c406-3740-4568-9f4d-6092b2495d2a" providerId="ADAL" clId="{12ED7F48-8A43-43A8-A936-2A9BA398726A}" dt="2023-10-24T14:47:54.143" v="580"/>
          <ac:spMkLst>
            <pc:docMk/>
            <pc:sldMk cId="1083221588" sldId="256"/>
            <ac:spMk id="19" creationId="{472EF525-C1CD-4589-9E39-9A415385E4CF}"/>
          </ac:spMkLst>
        </pc:spChg>
        <pc:spChg chg="mod">
          <ac:chgData name="Sara Mastrorosa" userId="d159c406-3740-4568-9f4d-6092b2495d2a" providerId="ADAL" clId="{12ED7F48-8A43-43A8-A936-2A9BA398726A}" dt="2023-10-24T14:47:54.143" v="582"/>
          <ac:spMkLst>
            <pc:docMk/>
            <pc:sldMk cId="1083221588" sldId="256"/>
            <ac:spMk id="23" creationId="{8EB1111A-9DC1-4034-AD5B-5F1D84CE8A92}"/>
          </ac:spMkLst>
        </pc:spChg>
        <pc:spChg chg="mod">
          <ac:chgData name="Sara Mastrorosa" userId="d159c406-3740-4568-9f4d-6092b2495d2a" providerId="ADAL" clId="{12ED7F48-8A43-43A8-A936-2A9BA398726A}" dt="2023-10-24T14:47:54.144" v="584"/>
          <ac:spMkLst>
            <pc:docMk/>
            <pc:sldMk cId="1083221588" sldId="256"/>
            <ac:spMk id="38" creationId="{95237ED8-E9D4-49A0-817B-9386ED1EBA9B}"/>
          </ac:spMkLst>
        </pc:spChg>
        <pc:spChg chg="mod">
          <ac:chgData name="Sara Mastrorosa" userId="d159c406-3740-4568-9f4d-6092b2495d2a" providerId="ADAL" clId="{12ED7F48-8A43-43A8-A936-2A9BA398726A}" dt="2023-10-24T14:47:54.144" v="586"/>
          <ac:spMkLst>
            <pc:docMk/>
            <pc:sldMk cId="1083221588" sldId="256"/>
            <ac:spMk id="42" creationId="{0FD3EFEE-C394-4780-A922-77E71207D906}"/>
          </ac:spMkLst>
        </pc:spChg>
        <pc:spChg chg="mod">
          <ac:chgData name="Sara Mastrorosa" userId="d159c406-3740-4568-9f4d-6092b2495d2a" providerId="ADAL" clId="{12ED7F48-8A43-43A8-A936-2A9BA398726A}" dt="2023-10-24T14:47:54.144" v="588"/>
          <ac:spMkLst>
            <pc:docMk/>
            <pc:sldMk cId="1083221588" sldId="256"/>
            <ac:spMk id="55" creationId="{AE9F8D79-1B32-4AE5-AF01-5856E9D068B9}"/>
          </ac:spMkLst>
        </pc:spChg>
        <pc:spChg chg="mod">
          <ac:chgData name="Sara Mastrorosa" userId="d159c406-3740-4568-9f4d-6092b2495d2a" providerId="ADAL" clId="{12ED7F48-8A43-43A8-A936-2A9BA398726A}" dt="2023-10-24T14:47:54.145" v="590"/>
          <ac:spMkLst>
            <pc:docMk/>
            <pc:sldMk cId="1083221588" sldId="256"/>
            <ac:spMk id="56" creationId="{26D6CF10-FBF3-432F-AB95-14ACC853FD50}"/>
          </ac:spMkLst>
        </pc:spChg>
        <pc:spChg chg="mod">
          <ac:chgData name="Sara Mastrorosa" userId="d159c406-3740-4568-9f4d-6092b2495d2a" providerId="ADAL" clId="{12ED7F48-8A43-43A8-A936-2A9BA398726A}" dt="2023-10-24T14:47:54.145" v="592"/>
          <ac:spMkLst>
            <pc:docMk/>
            <pc:sldMk cId="1083221588" sldId="256"/>
            <ac:spMk id="57" creationId="{D35DFBC7-0AB2-44FA-A885-1D50DE24A96B}"/>
          </ac:spMkLst>
        </pc:spChg>
        <pc:spChg chg="mod">
          <ac:chgData name="Sara Mastrorosa" userId="d159c406-3740-4568-9f4d-6092b2495d2a" providerId="ADAL" clId="{12ED7F48-8A43-43A8-A936-2A9BA398726A}" dt="2023-10-24T14:47:54.146" v="594"/>
          <ac:spMkLst>
            <pc:docMk/>
            <pc:sldMk cId="1083221588" sldId="256"/>
            <ac:spMk id="58" creationId="{30F2FD47-3239-4B11-AD1C-893B5C1D72C2}"/>
          </ac:spMkLst>
        </pc:spChg>
        <pc:spChg chg="mod">
          <ac:chgData name="Sara Mastrorosa" userId="d159c406-3740-4568-9f4d-6092b2495d2a" providerId="ADAL" clId="{12ED7F48-8A43-43A8-A936-2A9BA398726A}" dt="2023-10-24T14:47:54.146" v="596"/>
          <ac:spMkLst>
            <pc:docMk/>
            <pc:sldMk cId="1083221588" sldId="256"/>
            <ac:spMk id="59" creationId="{37AD8F73-E959-4D3D-A7DF-DB30A51AE576}"/>
          </ac:spMkLst>
        </pc:spChg>
        <pc:spChg chg="mod">
          <ac:chgData name="Sara Mastrorosa" userId="d159c406-3740-4568-9f4d-6092b2495d2a" providerId="ADAL" clId="{12ED7F48-8A43-43A8-A936-2A9BA398726A}" dt="2023-10-24T14:47:54.146" v="598"/>
          <ac:spMkLst>
            <pc:docMk/>
            <pc:sldMk cId="1083221588" sldId="256"/>
            <ac:spMk id="60" creationId="{5DDA5ACE-06B8-45A6-8CFF-DBA407F0FF94}"/>
          </ac:spMkLst>
        </pc:spChg>
        <pc:spChg chg="mod">
          <ac:chgData name="Sara Mastrorosa" userId="d159c406-3740-4568-9f4d-6092b2495d2a" providerId="ADAL" clId="{12ED7F48-8A43-43A8-A936-2A9BA398726A}" dt="2023-10-24T14:47:54.141" v="572"/>
          <ac:spMkLst>
            <pc:docMk/>
            <pc:sldMk cId="1083221588" sldId="256"/>
            <ac:spMk id="68" creationId="{66EA1DEB-3C43-4248-83D8-CB1029F964B6}"/>
          </ac:spMkLst>
        </pc:spChg>
        <pc:cxnChg chg="mod">
          <ac:chgData name="Sara Mastrorosa" userId="d159c406-3740-4568-9f4d-6092b2495d2a" providerId="ADAL" clId="{12ED7F48-8A43-43A8-A936-2A9BA398726A}" dt="2023-10-24T14:47:54.147" v="600"/>
          <ac:cxnSpMkLst>
            <pc:docMk/>
            <pc:sldMk cId="1083221588" sldId="256"/>
            <ac:cxnSpMk id="15" creationId="{71C1A72F-E821-4F05-82B0-57B062F5BCD6}"/>
          </ac:cxnSpMkLst>
        </pc:cxnChg>
        <pc:cxnChg chg="mod">
          <ac:chgData name="Sara Mastrorosa" userId="d159c406-3740-4568-9f4d-6092b2495d2a" providerId="ADAL" clId="{12ED7F48-8A43-43A8-A936-2A9BA398726A}" dt="2023-10-24T14:47:54.147" v="602"/>
          <ac:cxnSpMkLst>
            <pc:docMk/>
            <pc:sldMk cId="1083221588" sldId="256"/>
            <ac:cxnSpMk id="18" creationId="{8F9C14CA-544C-4658-9324-96274B9945F0}"/>
          </ac:cxnSpMkLst>
        </pc:cxnChg>
        <pc:cxnChg chg="mod">
          <ac:chgData name="Sara Mastrorosa" userId="d159c406-3740-4568-9f4d-6092b2495d2a" providerId="ADAL" clId="{12ED7F48-8A43-43A8-A936-2A9BA398726A}" dt="2023-10-24T14:47:54.148" v="604"/>
          <ac:cxnSpMkLst>
            <pc:docMk/>
            <pc:sldMk cId="1083221588" sldId="256"/>
            <ac:cxnSpMk id="70" creationId="{5B4DF02E-266C-46DF-94B4-FE27EDB9EDF9}"/>
          </ac:cxnSpMkLst>
        </pc:cxnChg>
        <pc:cxnChg chg="mod">
          <ac:chgData name="Sara Mastrorosa" userId="d159c406-3740-4568-9f4d-6092b2495d2a" providerId="ADAL" clId="{12ED7F48-8A43-43A8-A936-2A9BA398726A}" dt="2023-10-24T14:47:54.148" v="606"/>
          <ac:cxnSpMkLst>
            <pc:docMk/>
            <pc:sldMk cId="1083221588" sldId="256"/>
            <ac:cxnSpMk id="72" creationId="{0C98C7E6-4A40-4353-A609-EB75C3471B60}"/>
          </ac:cxnSpMkLst>
        </pc:cxnChg>
        <pc:cxnChg chg="mod">
          <ac:chgData name="Sara Mastrorosa" userId="d159c406-3740-4568-9f4d-6092b2495d2a" providerId="ADAL" clId="{12ED7F48-8A43-43A8-A936-2A9BA398726A}" dt="2023-10-24T14:47:54.148" v="608"/>
          <ac:cxnSpMkLst>
            <pc:docMk/>
            <pc:sldMk cId="1083221588" sldId="256"/>
            <ac:cxnSpMk id="74" creationId="{A4BDA376-6482-47E1-8F41-16AE5CF5E492}"/>
          </ac:cxnSpMkLst>
        </pc:cxnChg>
        <pc:cxnChg chg="mod">
          <ac:chgData name="Sara Mastrorosa" userId="d159c406-3740-4568-9f4d-6092b2495d2a" providerId="ADAL" clId="{12ED7F48-8A43-43A8-A936-2A9BA398726A}" dt="2023-10-24T14:47:54.149" v="610"/>
          <ac:cxnSpMkLst>
            <pc:docMk/>
            <pc:sldMk cId="1083221588" sldId="256"/>
            <ac:cxnSpMk id="76" creationId="{0DC66FFD-5053-4EDB-A26D-64BD441FB94B}"/>
          </ac:cxnSpMkLst>
        </pc:cxnChg>
      </pc:sldChg>
      <pc:sldChg chg="modSp add del">
        <pc:chgData name="Sara Mastrorosa" userId="d159c406-3740-4568-9f4d-6092b2495d2a" providerId="ADAL" clId="{12ED7F48-8A43-43A8-A936-2A9BA398726A}" dt="2023-10-25T06:48:40.874" v="903" actId="47"/>
        <pc:sldMkLst>
          <pc:docMk/>
          <pc:sldMk cId="1719468595" sldId="256"/>
        </pc:sldMkLst>
        <pc:spChg chg="mod">
          <ac:chgData name="Sara Mastrorosa" userId="d159c406-3740-4568-9f4d-6092b2495d2a" providerId="ADAL" clId="{12ED7F48-8A43-43A8-A936-2A9BA398726A}" dt="2023-10-25T06:30:12.146" v="746"/>
          <ac:spMkLst>
            <pc:docMk/>
            <pc:sldMk cId="1719468595" sldId="256"/>
            <ac:spMk id="3" creationId="{00000000-0000-0000-0000-000000000000}"/>
          </ac:spMkLst>
        </pc:spChg>
        <pc:grpChg chg="mod">
          <ac:chgData name="Sara Mastrorosa" userId="d159c406-3740-4568-9f4d-6092b2495d2a" providerId="ADAL" clId="{12ED7F48-8A43-43A8-A936-2A9BA398726A}" dt="2023-10-25T06:30:12.146" v="748"/>
          <ac:grpSpMkLst>
            <pc:docMk/>
            <pc:sldMk cId="1719468595" sldId="256"/>
            <ac:grpSpMk id="23" creationId="{A07A6155-9D51-428F-AAB5-BEDBA1558671}"/>
          </ac:grpSpMkLst>
        </pc:grpChg>
      </pc:sldChg>
      <pc:sldChg chg="modSp add del">
        <pc:chgData name="Sara Mastrorosa" userId="d159c406-3740-4568-9f4d-6092b2495d2a" providerId="ADAL" clId="{12ED7F48-8A43-43A8-A936-2A9BA398726A}" dt="2023-10-23T15:08:58.464" v="230" actId="47"/>
        <pc:sldMkLst>
          <pc:docMk/>
          <pc:sldMk cId="4012732760" sldId="256"/>
        </pc:sldMkLst>
        <pc:spChg chg="mod">
          <ac:chgData name="Sara Mastrorosa" userId="d159c406-3740-4568-9f4d-6092b2495d2a" providerId="ADAL" clId="{12ED7F48-8A43-43A8-A936-2A9BA398726A}" dt="2023-10-23T15:07:26.151" v="152"/>
          <ac:spMkLst>
            <pc:docMk/>
            <pc:sldMk cId="4012732760" sldId="256"/>
            <ac:spMk id="2" creationId="{D7BD6FC9-14F8-4347-ABD4-1892F0E434E3}"/>
          </ac:spMkLst>
        </pc:spChg>
        <pc:grpChg chg="mod">
          <ac:chgData name="Sara Mastrorosa" userId="d159c406-3740-4568-9f4d-6092b2495d2a" providerId="ADAL" clId="{12ED7F48-8A43-43A8-A936-2A9BA398726A}" dt="2023-10-23T15:07:26.151" v="154"/>
          <ac:grpSpMkLst>
            <pc:docMk/>
            <pc:sldMk cId="4012732760" sldId="256"/>
            <ac:grpSpMk id="4" creationId="{3FD097ED-390F-4CC8-920D-DD531B985E2E}"/>
          </ac:grpSpMkLst>
        </pc:grpChg>
      </pc:sldChg>
      <pc:sldChg chg="ord">
        <pc:chgData name="Sara Mastrorosa" userId="d159c406-3740-4568-9f4d-6092b2495d2a" providerId="ADAL" clId="{12ED7F48-8A43-43A8-A936-2A9BA398726A}" dt="2023-10-25T07:12:00.064" v="1239"/>
        <pc:sldMkLst>
          <pc:docMk/>
          <pc:sldMk cId="2742715823" sldId="278"/>
        </pc:sldMkLst>
      </pc:sldChg>
      <pc:sldChg chg="addSp modSp add del mod">
        <pc:chgData name="Sara Mastrorosa" userId="d159c406-3740-4568-9f4d-6092b2495d2a" providerId="ADAL" clId="{12ED7F48-8A43-43A8-A936-2A9BA398726A}" dt="2023-10-25T07:10:15.165" v="1235" actId="47"/>
        <pc:sldMkLst>
          <pc:docMk/>
          <pc:sldMk cId="182087811" sldId="4222"/>
        </pc:sldMkLst>
        <pc:spChg chg="mod">
          <ac:chgData name="Sara Mastrorosa" userId="d159c406-3740-4568-9f4d-6092b2495d2a" providerId="ADAL" clId="{12ED7F48-8A43-43A8-A936-2A9BA398726A}" dt="2023-10-24T14:39:36.413" v="342" actId="207"/>
          <ac:spMkLst>
            <pc:docMk/>
            <pc:sldMk cId="182087811" sldId="4222"/>
            <ac:spMk id="5" creationId="{2D565FB6-0A89-55AF-809A-674317602603}"/>
          </ac:spMkLst>
        </pc:spChg>
        <pc:spChg chg="mod">
          <ac:chgData name="Sara Mastrorosa" userId="d159c406-3740-4568-9f4d-6092b2495d2a" providerId="ADAL" clId="{12ED7F48-8A43-43A8-A936-2A9BA398726A}" dt="2023-10-24T14:39:36.413" v="342" actId="207"/>
          <ac:spMkLst>
            <pc:docMk/>
            <pc:sldMk cId="182087811" sldId="4222"/>
            <ac:spMk id="6" creationId="{CBD52038-3D19-1492-F2F1-7653FC70707B}"/>
          </ac:spMkLst>
        </pc:spChg>
        <pc:spChg chg="mod">
          <ac:chgData name="Sara Mastrorosa" userId="d159c406-3740-4568-9f4d-6092b2495d2a" providerId="ADAL" clId="{12ED7F48-8A43-43A8-A936-2A9BA398726A}" dt="2023-10-24T14:39:36.413" v="342" actId="207"/>
          <ac:spMkLst>
            <pc:docMk/>
            <pc:sldMk cId="182087811" sldId="4222"/>
            <ac:spMk id="12" creationId="{3C4D167F-0C59-5602-6C6A-4E36B31C28C5}"/>
          </ac:spMkLst>
        </pc:spChg>
        <pc:spChg chg="mod">
          <ac:chgData name="Sara Mastrorosa" userId="d159c406-3740-4568-9f4d-6092b2495d2a" providerId="ADAL" clId="{12ED7F48-8A43-43A8-A936-2A9BA398726A}" dt="2023-10-24T14:39:36.413" v="342" actId="207"/>
          <ac:spMkLst>
            <pc:docMk/>
            <pc:sldMk cId="182087811" sldId="4222"/>
            <ac:spMk id="13" creationId="{CCA6E86D-7C01-082C-68DF-CB96772B4CB7}"/>
          </ac:spMkLst>
        </pc:spChg>
        <pc:spChg chg="mod">
          <ac:chgData name="Sara Mastrorosa" userId="d159c406-3740-4568-9f4d-6092b2495d2a" providerId="ADAL" clId="{12ED7F48-8A43-43A8-A936-2A9BA398726A}" dt="2023-10-24T14:39:44.800" v="343" actId="207"/>
          <ac:spMkLst>
            <pc:docMk/>
            <pc:sldMk cId="182087811" sldId="4222"/>
            <ac:spMk id="14" creationId="{47F9D4E5-B07E-77F5-9D62-811077FB7DB9}"/>
          </ac:spMkLst>
        </pc:spChg>
        <pc:spChg chg="mod">
          <ac:chgData name="Sara Mastrorosa" userId="d159c406-3740-4568-9f4d-6092b2495d2a" providerId="ADAL" clId="{12ED7F48-8A43-43A8-A936-2A9BA398726A}" dt="2023-10-24T14:39:36.413" v="342" actId="207"/>
          <ac:spMkLst>
            <pc:docMk/>
            <pc:sldMk cId="182087811" sldId="4222"/>
            <ac:spMk id="16" creationId="{68C8A766-871F-C35E-3C35-9733F63A0686}"/>
          </ac:spMkLst>
        </pc:spChg>
        <pc:spChg chg="add mod">
          <ac:chgData name="Sara Mastrorosa" userId="d159c406-3740-4568-9f4d-6092b2495d2a" providerId="ADAL" clId="{12ED7F48-8A43-43A8-A936-2A9BA398726A}" dt="2023-10-24T14:41:13.338" v="344" actId="571"/>
          <ac:spMkLst>
            <pc:docMk/>
            <pc:sldMk cId="182087811" sldId="4222"/>
            <ac:spMk id="21" creationId="{B21DBD3D-FA72-7EAE-0CC6-6113A45A3CD6}"/>
          </ac:spMkLst>
        </pc:spChg>
        <pc:spChg chg="add mod">
          <ac:chgData name="Sara Mastrorosa" userId="d159c406-3740-4568-9f4d-6092b2495d2a" providerId="ADAL" clId="{12ED7F48-8A43-43A8-A936-2A9BA398726A}" dt="2023-10-24T14:41:13.338" v="344" actId="571"/>
          <ac:spMkLst>
            <pc:docMk/>
            <pc:sldMk cId="182087811" sldId="4222"/>
            <ac:spMk id="22" creationId="{DC7CBAB7-E202-A7CF-3DDF-04FCCDA002D9}"/>
          </ac:spMkLst>
        </pc:spChg>
        <pc:spChg chg="add mod">
          <ac:chgData name="Sara Mastrorosa" userId="d159c406-3740-4568-9f4d-6092b2495d2a" providerId="ADAL" clId="{12ED7F48-8A43-43A8-A936-2A9BA398726A}" dt="2023-10-24T14:41:13.338" v="344" actId="571"/>
          <ac:spMkLst>
            <pc:docMk/>
            <pc:sldMk cId="182087811" sldId="4222"/>
            <ac:spMk id="23" creationId="{98381213-B2AE-E3C2-8DFD-030E5073437F}"/>
          </ac:spMkLst>
        </pc:spChg>
        <pc:picChg chg="add mod">
          <ac:chgData name="Sara Mastrorosa" userId="d159c406-3740-4568-9f4d-6092b2495d2a" providerId="ADAL" clId="{12ED7F48-8A43-43A8-A936-2A9BA398726A}" dt="2023-10-25T07:05:05.202" v="1106"/>
          <ac:picMkLst>
            <pc:docMk/>
            <pc:sldMk cId="182087811" sldId="4222"/>
            <ac:picMk id="24" creationId="{611428A5-58F2-443C-4A3C-5A9C963BD3B9}"/>
          </ac:picMkLst>
        </pc:picChg>
        <pc:picChg chg="add mod">
          <ac:chgData name="Sara Mastrorosa" userId="d159c406-3740-4568-9f4d-6092b2495d2a" providerId="ADAL" clId="{12ED7F48-8A43-43A8-A936-2A9BA398726A}" dt="2023-10-25T07:05:05.202" v="1106"/>
          <ac:picMkLst>
            <pc:docMk/>
            <pc:sldMk cId="182087811" sldId="4222"/>
            <ac:picMk id="25" creationId="{AC68F31B-B7E3-D1C8-2843-6908C900E05B}"/>
          </ac:picMkLst>
        </pc:picChg>
        <pc:picChg chg="add mod">
          <ac:chgData name="Sara Mastrorosa" userId="d159c406-3740-4568-9f4d-6092b2495d2a" providerId="ADAL" clId="{12ED7F48-8A43-43A8-A936-2A9BA398726A}" dt="2023-10-25T07:05:05.202" v="1106"/>
          <ac:picMkLst>
            <pc:docMk/>
            <pc:sldMk cId="182087811" sldId="4222"/>
            <ac:picMk id="26" creationId="{F302A6DA-1D14-6D22-9045-3B121983E2F8}"/>
          </ac:picMkLst>
        </pc:picChg>
      </pc:sldChg>
      <pc:sldChg chg="modSp mod">
        <pc:chgData name="Sara Mastrorosa" userId="d159c406-3740-4568-9f4d-6092b2495d2a" providerId="ADAL" clId="{12ED7F48-8A43-43A8-A936-2A9BA398726A}" dt="2023-10-20T17:35:12.902" v="67" actId="20577"/>
        <pc:sldMkLst>
          <pc:docMk/>
          <pc:sldMk cId="416358408" sldId="2147476491"/>
        </pc:sldMkLst>
        <pc:spChg chg="mod">
          <ac:chgData name="Sara Mastrorosa" userId="d159c406-3740-4568-9f4d-6092b2495d2a" providerId="ADAL" clId="{12ED7F48-8A43-43A8-A936-2A9BA398726A}" dt="2023-10-20T17:35:12.902" v="67" actId="20577"/>
          <ac:spMkLst>
            <pc:docMk/>
            <pc:sldMk cId="416358408" sldId="2147476491"/>
            <ac:spMk id="3" creationId="{855EE29A-3013-5921-FF12-41B654304065}"/>
          </ac:spMkLst>
        </pc:spChg>
      </pc:sldChg>
      <pc:sldChg chg="addSp modSp mod">
        <pc:chgData name="Sara Mastrorosa" userId="d159c406-3740-4568-9f4d-6092b2495d2a" providerId="ADAL" clId="{12ED7F48-8A43-43A8-A936-2A9BA398726A}" dt="2023-10-20T17:33:45.706" v="65" actId="1076"/>
        <pc:sldMkLst>
          <pc:docMk/>
          <pc:sldMk cId="624556791" sldId="2147476497"/>
        </pc:sldMkLst>
        <pc:spChg chg="add mod">
          <ac:chgData name="Sara Mastrorosa" userId="d159c406-3740-4568-9f4d-6092b2495d2a" providerId="ADAL" clId="{12ED7F48-8A43-43A8-A936-2A9BA398726A}" dt="2023-10-20T17:33:45.706" v="65" actId="1076"/>
          <ac:spMkLst>
            <pc:docMk/>
            <pc:sldMk cId="624556791" sldId="2147476497"/>
            <ac:spMk id="2" creationId="{574543AF-F746-5FE4-E317-FFBFDB4C3930}"/>
          </ac:spMkLst>
        </pc:spChg>
      </pc:sldChg>
      <pc:sldChg chg="modSp mod">
        <pc:chgData name="Sara Mastrorosa" userId="d159c406-3740-4568-9f4d-6092b2495d2a" providerId="ADAL" clId="{12ED7F48-8A43-43A8-A936-2A9BA398726A}" dt="2023-10-20T17:37:35.342" v="82" actId="20577"/>
        <pc:sldMkLst>
          <pc:docMk/>
          <pc:sldMk cId="2939217394" sldId="2147476506"/>
        </pc:sldMkLst>
        <pc:spChg chg="mod">
          <ac:chgData name="Sara Mastrorosa" userId="d159c406-3740-4568-9f4d-6092b2495d2a" providerId="ADAL" clId="{12ED7F48-8A43-43A8-A936-2A9BA398726A}" dt="2023-10-20T17:37:35.342" v="82" actId="20577"/>
          <ac:spMkLst>
            <pc:docMk/>
            <pc:sldMk cId="2939217394" sldId="2147476506"/>
            <ac:spMk id="17" creationId="{EF4DE792-6C5D-6E0C-B0DE-2A5691D5A9D9}"/>
          </ac:spMkLst>
        </pc:spChg>
        <pc:spChg chg="mod">
          <ac:chgData name="Sara Mastrorosa" userId="d159c406-3740-4568-9f4d-6092b2495d2a" providerId="ADAL" clId="{12ED7F48-8A43-43A8-A936-2A9BA398726A}" dt="2023-10-20T17:37:12.677" v="71" actId="1036"/>
          <ac:spMkLst>
            <pc:docMk/>
            <pc:sldMk cId="2939217394" sldId="2147476506"/>
            <ac:spMk id="51" creationId="{48EA09DC-2FDC-FE76-4170-012130249CFB}"/>
          </ac:spMkLst>
        </pc:spChg>
        <pc:spChg chg="mod">
          <ac:chgData name="Sara Mastrorosa" userId="d159c406-3740-4568-9f4d-6092b2495d2a" providerId="ADAL" clId="{12ED7F48-8A43-43A8-A936-2A9BA398726A}" dt="2023-10-20T17:37:32.996" v="81" actId="20577"/>
          <ac:spMkLst>
            <pc:docMk/>
            <pc:sldMk cId="2939217394" sldId="2147476506"/>
            <ac:spMk id="72" creationId="{8D008D27-1911-CC27-C004-E0EFA628881F}"/>
          </ac:spMkLst>
        </pc:spChg>
        <pc:spChg chg="mod">
          <ac:chgData name="Sara Mastrorosa" userId="d159c406-3740-4568-9f4d-6092b2495d2a" providerId="ADAL" clId="{12ED7F48-8A43-43A8-A936-2A9BA398726A}" dt="2023-10-20T17:37:31.611" v="80" actId="20577"/>
          <ac:spMkLst>
            <pc:docMk/>
            <pc:sldMk cId="2939217394" sldId="2147476506"/>
            <ac:spMk id="74" creationId="{3D540C4B-65E7-867B-5D75-E4F594CCE06F}"/>
          </ac:spMkLst>
        </pc:spChg>
        <pc:spChg chg="mod">
          <ac:chgData name="Sara Mastrorosa" userId="d159c406-3740-4568-9f4d-6092b2495d2a" providerId="ADAL" clId="{12ED7F48-8A43-43A8-A936-2A9BA398726A}" dt="2023-10-20T17:37:28.234" v="77" actId="20577"/>
          <ac:spMkLst>
            <pc:docMk/>
            <pc:sldMk cId="2939217394" sldId="2147476506"/>
            <ac:spMk id="75" creationId="{599A0C27-1854-68E4-F141-F1A7D1CBAA48}"/>
          </ac:spMkLst>
        </pc:spChg>
        <pc:spChg chg="mod">
          <ac:chgData name="Sara Mastrorosa" userId="d159c406-3740-4568-9f4d-6092b2495d2a" providerId="ADAL" clId="{12ED7F48-8A43-43A8-A936-2A9BA398726A}" dt="2023-10-20T17:37:29.353" v="78" actId="20577"/>
          <ac:spMkLst>
            <pc:docMk/>
            <pc:sldMk cId="2939217394" sldId="2147476506"/>
            <ac:spMk id="76" creationId="{2F64813C-F5A4-2EE2-D720-3320B45C295D}"/>
          </ac:spMkLst>
        </pc:spChg>
        <pc:spChg chg="mod">
          <ac:chgData name="Sara Mastrorosa" userId="d159c406-3740-4568-9f4d-6092b2495d2a" providerId="ADAL" clId="{12ED7F48-8A43-43A8-A936-2A9BA398726A}" dt="2023-10-20T17:37:30.364" v="79" actId="20577"/>
          <ac:spMkLst>
            <pc:docMk/>
            <pc:sldMk cId="2939217394" sldId="2147476506"/>
            <ac:spMk id="97" creationId="{EACB376E-59EE-1B9C-3A55-801BDE9D84D9}"/>
          </ac:spMkLst>
        </pc:spChg>
      </pc:sldChg>
      <pc:sldChg chg="addSp delSp modSp add del mod">
        <pc:chgData name="Sara Mastrorosa" userId="d159c406-3740-4568-9f4d-6092b2495d2a" providerId="ADAL" clId="{12ED7F48-8A43-43A8-A936-2A9BA398726A}" dt="2023-10-23T15:20:18.535" v="314" actId="47"/>
        <pc:sldMkLst>
          <pc:docMk/>
          <pc:sldMk cId="582553512" sldId="2147476507"/>
        </pc:sldMkLst>
        <pc:spChg chg="del">
          <ac:chgData name="Sara Mastrorosa" userId="d159c406-3740-4568-9f4d-6092b2495d2a" providerId="ADAL" clId="{12ED7F48-8A43-43A8-A936-2A9BA398726A}" dt="2023-10-23T14:50:47.142" v="113" actId="478"/>
          <ac:spMkLst>
            <pc:docMk/>
            <pc:sldMk cId="582553512" sldId="2147476507"/>
            <ac:spMk id="2" creationId="{9EFEF520-5244-4819-DD31-76B665454865}"/>
          </ac:spMkLst>
        </pc:spChg>
        <pc:spChg chg="del">
          <ac:chgData name="Sara Mastrorosa" userId="d159c406-3740-4568-9f4d-6092b2495d2a" providerId="ADAL" clId="{12ED7F48-8A43-43A8-A936-2A9BA398726A}" dt="2023-10-23T14:50:47.142" v="113" actId="478"/>
          <ac:spMkLst>
            <pc:docMk/>
            <pc:sldMk cId="582553512" sldId="2147476507"/>
            <ac:spMk id="4" creationId="{F0071D4B-7C67-BF6E-378E-0ECB8EF83409}"/>
          </ac:spMkLst>
        </pc:spChg>
        <pc:spChg chg="mod">
          <ac:chgData name="Sara Mastrorosa" userId="d159c406-3740-4568-9f4d-6092b2495d2a" providerId="ADAL" clId="{12ED7F48-8A43-43A8-A936-2A9BA398726A}" dt="2023-10-23T14:50:41.757" v="112" actId="20577"/>
          <ac:spMkLst>
            <pc:docMk/>
            <pc:sldMk cId="582553512" sldId="2147476507"/>
            <ac:spMk id="5" creationId="{08F2B45B-2BC1-44B2-4465-F8FD2B97328F}"/>
          </ac:spMkLst>
        </pc:spChg>
        <pc:spChg chg="del">
          <ac:chgData name="Sara Mastrorosa" userId="d159c406-3740-4568-9f4d-6092b2495d2a" providerId="ADAL" clId="{12ED7F48-8A43-43A8-A936-2A9BA398726A}" dt="2023-10-23T14:50:47.142" v="113" actId="478"/>
          <ac:spMkLst>
            <pc:docMk/>
            <pc:sldMk cId="582553512" sldId="2147476507"/>
            <ac:spMk id="7" creationId="{2FAEE8AC-8D75-56F5-1DC5-7ED0B27E6821}"/>
          </ac:spMkLst>
        </pc:spChg>
        <pc:spChg chg="del">
          <ac:chgData name="Sara Mastrorosa" userId="d159c406-3740-4568-9f4d-6092b2495d2a" providerId="ADAL" clId="{12ED7F48-8A43-43A8-A936-2A9BA398726A}" dt="2023-10-23T14:50:47.142" v="113" actId="478"/>
          <ac:spMkLst>
            <pc:docMk/>
            <pc:sldMk cId="582553512" sldId="2147476507"/>
            <ac:spMk id="8" creationId="{E2457DC9-3EAC-2BF7-3FBF-77C9553E2D83}"/>
          </ac:spMkLst>
        </pc:spChg>
        <pc:spChg chg="del">
          <ac:chgData name="Sara Mastrorosa" userId="d159c406-3740-4568-9f4d-6092b2495d2a" providerId="ADAL" clId="{12ED7F48-8A43-43A8-A936-2A9BA398726A}" dt="2023-10-23T14:50:47.142" v="113" actId="478"/>
          <ac:spMkLst>
            <pc:docMk/>
            <pc:sldMk cId="582553512" sldId="2147476507"/>
            <ac:spMk id="9" creationId="{C25695B7-F62D-3FF8-9DE2-349A49A7122E}"/>
          </ac:spMkLst>
        </pc:spChg>
        <pc:spChg chg="del">
          <ac:chgData name="Sara Mastrorosa" userId="d159c406-3740-4568-9f4d-6092b2495d2a" providerId="ADAL" clId="{12ED7F48-8A43-43A8-A936-2A9BA398726A}" dt="2023-10-23T14:50:47.142" v="113" actId="478"/>
          <ac:spMkLst>
            <pc:docMk/>
            <pc:sldMk cId="582553512" sldId="2147476507"/>
            <ac:spMk id="10" creationId="{367D835D-4A4F-B0DB-C4D5-11B2AAC09904}"/>
          </ac:spMkLst>
        </pc:spChg>
        <pc:spChg chg="del">
          <ac:chgData name="Sara Mastrorosa" userId="d159c406-3740-4568-9f4d-6092b2495d2a" providerId="ADAL" clId="{12ED7F48-8A43-43A8-A936-2A9BA398726A}" dt="2023-10-23T14:50:47.142" v="113" actId="478"/>
          <ac:spMkLst>
            <pc:docMk/>
            <pc:sldMk cId="582553512" sldId="2147476507"/>
            <ac:spMk id="11" creationId="{CA6604CE-E156-E357-5E98-960E26C3B7AE}"/>
          </ac:spMkLst>
        </pc:spChg>
        <pc:spChg chg="del">
          <ac:chgData name="Sara Mastrorosa" userId="d159c406-3740-4568-9f4d-6092b2495d2a" providerId="ADAL" clId="{12ED7F48-8A43-43A8-A936-2A9BA398726A}" dt="2023-10-23T14:50:47.142" v="113" actId="478"/>
          <ac:spMkLst>
            <pc:docMk/>
            <pc:sldMk cId="582553512" sldId="2147476507"/>
            <ac:spMk id="12" creationId="{56DAE976-D2BA-3824-9F50-77FE1557A7E9}"/>
          </ac:spMkLst>
        </pc:spChg>
        <pc:spChg chg="del">
          <ac:chgData name="Sara Mastrorosa" userId="d159c406-3740-4568-9f4d-6092b2495d2a" providerId="ADAL" clId="{12ED7F48-8A43-43A8-A936-2A9BA398726A}" dt="2023-10-23T14:50:47.142" v="113" actId="478"/>
          <ac:spMkLst>
            <pc:docMk/>
            <pc:sldMk cId="582553512" sldId="2147476507"/>
            <ac:spMk id="13" creationId="{5C1D8CDE-BD48-743E-5CF4-54670514E615}"/>
          </ac:spMkLst>
        </pc:spChg>
        <pc:spChg chg="del">
          <ac:chgData name="Sara Mastrorosa" userId="d159c406-3740-4568-9f4d-6092b2495d2a" providerId="ADAL" clId="{12ED7F48-8A43-43A8-A936-2A9BA398726A}" dt="2023-10-23T14:50:47.142" v="113" actId="478"/>
          <ac:spMkLst>
            <pc:docMk/>
            <pc:sldMk cId="582553512" sldId="2147476507"/>
            <ac:spMk id="14" creationId="{5D327C5D-FA31-5877-9895-D57159B89DAA}"/>
          </ac:spMkLst>
        </pc:spChg>
        <pc:spChg chg="del">
          <ac:chgData name="Sara Mastrorosa" userId="d159c406-3740-4568-9f4d-6092b2495d2a" providerId="ADAL" clId="{12ED7F48-8A43-43A8-A936-2A9BA398726A}" dt="2023-10-23T14:50:47.142" v="113" actId="478"/>
          <ac:spMkLst>
            <pc:docMk/>
            <pc:sldMk cId="582553512" sldId="2147476507"/>
            <ac:spMk id="15" creationId="{9546402D-F929-FED9-EAF7-2EC7BF9387E9}"/>
          </ac:spMkLst>
        </pc:spChg>
        <pc:spChg chg="del">
          <ac:chgData name="Sara Mastrorosa" userId="d159c406-3740-4568-9f4d-6092b2495d2a" providerId="ADAL" clId="{12ED7F48-8A43-43A8-A936-2A9BA398726A}" dt="2023-10-23T14:50:47.142" v="113" actId="478"/>
          <ac:spMkLst>
            <pc:docMk/>
            <pc:sldMk cId="582553512" sldId="2147476507"/>
            <ac:spMk id="16" creationId="{A76465BC-8D6C-CA49-874D-86578693B60F}"/>
          </ac:spMkLst>
        </pc:spChg>
        <pc:spChg chg="del">
          <ac:chgData name="Sara Mastrorosa" userId="d159c406-3740-4568-9f4d-6092b2495d2a" providerId="ADAL" clId="{12ED7F48-8A43-43A8-A936-2A9BA398726A}" dt="2023-10-23T14:50:47.142" v="113" actId="478"/>
          <ac:spMkLst>
            <pc:docMk/>
            <pc:sldMk cId="582553512" sldId="2147476507"/>
            <ac:spMk id="27" creationId="{21AB6530-1AEC-948F-7EDC-227E08E9D6B7}"/>
          </ac:spMkLst>
        </pc:spChg>
        <pc:spChg chg="del">
          <ac:chgData name="Sara Mastrorosa" userId="d159c406-3740-4568-9f4d-6092b2495d2a" providerId="ADAL" clId="{12ED7F48-8A43-43A8-A936-2A9BA398726A}" dt="2023-10-23T14:50:49.586" v="114" actId="478"/>
          <ac:spMkLst>
            <pc:docMk/>
            <pc:sldMk cId="582553512" sldId="2147476507"/>
            <ac:spMk id="28" creationId="{F6D566D4-5728-B63F-330B-04CF3F0DEEF8}"/>
          </ac:spMkLst>
        </pc:spChg>
        <pc:spChg chg="del">
          <ac:chgData name="Sara Mastrorosa" userId="d159c406-3740-4568-9f4d-6092b2495d2a" providerId="ADAL" clId="{12ED7F48-8A43-43A8-A936-2A9BA398726A}" dt="2023-10-23T14:50:28.903" v="86" actId="478"/>
          <ac:spMkLst>
            <pc:docMk/>
            <pc:sldMk cId="582553512" sldId="2147476507"/>
            <ac:spMk id="29" creationId="{806BBFA7-B73B-88B0-84E9-BF9573CD6853}"/>
          </ac:spMkLst>
        </pc:spChg>
        <pc:spChg chg="del">
          <ac:chgData name="Sara Mastrorosa" userId="d159c406-3740-4568-9f4d-6092b2495d2a" providerId="ADAL" clId="{12ED7F48-8A43-43A8-A936-2A9BA398726A}" dt="2023-10-23T14:50:47.142" v="113" actId="478"/>
          <ac:spMkLst>
            <pc:docMk/>
            <pc:sldMk cId="582553512" sldId="2147476507"/>
            <ac:spMk id="30" creationId="{218EE9D3-E816-1EBD-AAB2-7C59D5110888}"/>
          </ac:spMkLst>
        </pc:spChg>
        <pc:spChg chg="del">
          <ac:chgData name="Sara Mastrorosa" userId="d159c406-3740-4568-9f4d-6092b2495d2a" providerId="ADAL" clId="{12ED7F48-8A43-43A8-A936-2A9BA398726A}" dt="2023-10-23T14:50:47.142" v="113" actId="478"/>
          <ac:spMkLst>
            <pc:docMk/>
            <pc:sldMk cId="582553512" sldId="2147476507"/>
            <ac:spMk id="31" creationId="{6D2D662F-3D4B-0639-1BCF-4071E255EE7F}"/>
          </ac:spMkLst>
        </pc:spChg>
        <pc:spChg chg="del">
          <ac:chgData name="Sara Mastrorosa" userId="d159c406-3740-4568-9f4d-6092b2495d2a" providerId="ADAL" clId="{12ED7F48-8A43-43A8-A936-2A9BA398726A}" dt="2023-10-23T14:50:47.142" v="113" actId="478"/>
          <ac:spMkLst>
            <pc:docMk/>
            <pc:sldMk cId="582553512" sldId="2147476507"/>
            <ac:spMk id="32" creationId="{4F9777F5-705F-2148-74EB-49E065997FC3}"/>
          </ac:spMkLst>
        </pc:spChg>
        <pc:spChg chg="mod">
          <ac:chgData name="Sara Mastrorosa" userId="d159c406-3740-4568-9f4d-6092b2495d2a" providerId="ADAL" clId="{12ED7F48-8A43-43A8-A936-2A9BA398726A}" dt="2023-10-23T15:08:49.534" v="229" actId="1038"/>
          <ac:spMkLst>
            <pc:docMk/>
            <pc:sldMk cId="582553512" sldId="2147476507"/>
            <ac:spMk id="38" creationId="{A482C7E7-701E-9458-A143-80AB37D25F5C}"/>
          </ac:spMkLst>
        </pc:spChg>
        <pc:spChg chg="mod">
          <ac:chgData name="Sara Mastrorosa" userId="d159c406-3740-4568-9f4d-6092b2495d2a" providerId="ADAL" clId="{12ED7F48-8A43-43A8-A936-2A9BA398726A}" dt="2023-10-23T15:08:28.829" v="202" actId="1037"/>
          <ac:spMkLst>
            <pc:docMk/>
            <pc:sldMk cId="582553512" sldId="2147476507"/>
            <ac:spMk id="39" creationId="{0EA767A9-73A1-3FC9-A7AA-24DD36578E8A}"/>
          </ac:spMkLst>
        </pc:spChg>
        <pc:spChg chg="mod">
          <ac:chgData name="Sara Mastrorosa" userId="d159c406-3740-4568-9f4d-6092b2495d2a" providerId="ADAL" clId="{12ED7F48-8A43-43A8-A936-2A9BA398726A}" dt="2023-10-23T15:08:49.534" v="229" actId="1038"/>
          <ac:spMkLst>
            <pc:docMk/>
            <pc:sldMk cId="582553512" sldId="2147476507"/>
            <ac:spMk id="40" creationId="{0FF1DAA7-32F0-5B61-D486-B840D9F17222}"/>
          </ac:spMkLst>
        </pc:spChg>
        <pc:spChg chg="mod">
          <ac:chgData name="Sara Mastrorosa" userId="d159c406-3740-4568-9f4d-6092b2495d2a" providerId="ADAL" clId="{12ED7F48-8A43-43A8-A936-2A9BA398726A}" dt="2023-10-23T15:08:28.829" v="202" actId="1037"/>
          <ac:spMkLst>
            <pc:docMk/>
            <pc:sldMk cId="582553512" sldId="2147476507"/>
            <ac:spMk id="41" creationId="{B3122220-8609-E650-3B71-CB4A69D6A765}"/>
          </ac:spMkLst>
        </pc:spChg>
        <pc:spChg chg="del mod">
          <ac:chgData name="Sara Mastrorosa" userId="d159c406-3740-4568-9f4d-6092b2495d2a" providerId="ADAL" clId="{12ED7F48-8A43-43A8-A936-2A9BA398726A}" dt="2023-10-23T15:07:47.936" v="158" actId="478"/>
          <ac:spMkLst>
            <pc:docMk/>
            <pc:sldMk cId="582553512" sldId="2147476507"/>
            <ac:spMk id="42" creationId="{A0C05322-D682-3C13-452D-FB69C7C3982B}"/>
          </ac:spMkLst>
        </pc:spChg>
        <pc:spChg chg="mod">
          <ac:chgData name="Sara Mastrorosa" userId="d159c406-3740-4568-9f4d-6092b2495d2a" providerId="ADAL" clId="{12ED7F48-8A43-43A8-A936-2A9BA398726A}" dt="2023-10-23T15:08:28.829" v="202" actId="1037"/>
          <ac:spMkLst>
            <pc:docMk/>
            <pc:sldMk cId="582553512" sldId="2147476507"/>
            <ac:spMk id="43" creationId="{3FBD959B-4FCD-17CE-E349-FF0611E8EF39}"/>
          </ac:spMkLst>
        </pc:spChg>
        <pc:spChg chg="mod">
          <ac:chgData name="Sara Mastrorosa" userId="d159c406-3740-4568-9f4d-6092b2495d2a" providerId="ADAL" clId="{12ED7F48-8A43-43A8-A936-2A9BA398726A}" dt="2023-10-23T15:08:28.829" v="202" actId="1037"/>
          <ac:spMkLst>
            <pc:docMk/>
            <pc:sldMk cId="582553512" sldId="2147476507"/>
            <ac:spMk id="44" creationId="{06304F2F-5DC8-22EA-E80B-7BF846D32D8F}"/>
          </ac:spMkLst>
        </pc:spChg>
        <pc:spChg chg="mod">
          <ac:chgData name="Sara Mastrorosa" userId="d159c406-3740-4568-9f4d-6092b2495d2a" providerId="ADAL" clId="{12ED7F48-8A43-43A8-A936-2A9BA398726A}" dt="2023-10-23T15:08:49.534" v="229" actId="1038"/>
          <ac:spMkLst>
            <pc:docMk/>
            <pc:sldMk cId="582553512" sldId="2147476507"/>
            <ac:spMk id="45" creationId="{F48D2838-A747-24D3-04C7-02E44D366FDB}"/>
          </ac:spMkLst>
        </pc:spChg>
        <pc:spChg chg="mod">
          <ac:chgData name="Sara Mastrorosa" userId="d159c406-3740-4568-9f4d-6092b2495d2a" providerId="ADAL" clId="{12ED7F48-8A43-43A8-A936-2A9BA398726A}" dt="2023-10-23T15:08:49.534" v="229" actId="1038"/>
          <ac:spMkLst>
            <pc:docMk/>
            <pc:sldMk cId="582553512" sldId="2147476507"/>
            <ac:spMk id="46" creationId="{541F1130-2F8F-C5B6-5F7B-FF143E681DF3}"/>
          </ac:spMkLst>
        </pc:spChg>
        <pc:spChg chg="mod">
          <ac:chgData name="Sara Mastrorosa" userId="d159c406-3740-4568-9f4d-6092b2495d2a" providerId="ADAL" clId="{12ED7F48-8A43-43A8-A936-2A9BA398726A}" dt="2023-10-23T15:08:09.207" v="165" actId="1037"/>
          <ac:spMkLst>
            <pc:docMk/>
            <pc:sldMk cId="582553512" sldId="2147476507"/>
            <ac:spMk id="47" creationId="{F75EED3E-8899-517F-9DBF-4D12B0CA6FBD}"/>
          </ac:spMkLst>
        </pc:spChg>
        <pc:spChg chg="mod">
          <ac:chgData name="Sara Mastrorosa" userId="d159c406-3740-4568-9f4d-6092b2495d2a" providerId="ADAL" clId="{12ED7F48-8A43-43A8-A936-2A9BA398726A}" dt="2023-10-23T15:08:28.829" v="202" actId="1037"/>
          <ac:spMkLst>
            <pc:docMk/>
            <pc:sldMk cId="582553512" sldId="2147476507"/>
            <ac:spMk id="48" creationId="{F9F47388-41D3-5A62-437B-52C926C89ABA}"/>
          </ac:spMkLst>
        </pc:spChg>
        <pc:spChg chg="mod">
          <ac:chgData name="Sara Mastrorosa" userId="d159c406-3740-4568-9f4d-6092b2495d2a" providerId="ADAL" clId="{12ED7F48-8A43-43A8-A936-2A9BA398726A}" dt="2023-10-23T15:08:49.534" v="229" actId="1038"/>
          <ac:spMkLst>
            <pc:docMk/>
            <pc:sldMk cId="582553512" sldId="2147476507"/>
            <ac:spMk id="49" creationId="{1C626FB6-AC04-FF09-3641-0910EFCBC386}"/>
          </ac:spMkLst>
        </pc:spChg>
        <pc:spChg chg="mod">
          <ac:chgData name="Sara Mastrorosa" userId="d159c406-3740-4568-9f4d-6092b2495d2a" providerId="ADAL" clId="{12ED7F48-8A43-43A8-A936-2A9BA398726A}" dt="2023-10-23T15:08:49.534" v="229" actId="1038"/>
          <ac:spMkLst>
            <pc:docMk/>
            <pc:sldMk cId="582553512" sldId="2147476507"/>
            <ac:spMk id="50" creationId="{65B09F45-63DA-8FB2-E098-A3E437C877BE}"/>
          </ac:spMkLst>
        </pc:spChg>
        <pc:spChg chg="mod">
          <ac:chgData name="Sara Mastrorosa" userId="d159c406-3740-4568-9f4d-6092b2495d2a" providerId="ADAL" clId="{12ED7F48-8A43-43A8-A936-2A9BA398726A}" dt="2023-10-23T15:08:49.534" v="229" actId="1038"/>
          <ac:spMkLst>
            <pc:docMk/>
            <pc:sldMk cId="582553512" sldId="2147476507"/>
            <ac:spMk id="51" creationId="{964DA836-AB5C-BC14-4C27-6AC06C4DD45D}"/>
          </ac:spMkLst>
        </pc:spChg>
        <pc:spChg chg="mod">
          <ac:chgData name="Sara Mastrorosa" userId="d159c406-3740-4568-9f4d-6092b2495d2a" providerId="ADAL" clId="{12ED7F48-8A43-43A8-A936-2A9BA398726A}" dt="2023-10-23T15:08:28.829" v="202" actId="1037"/>
          <ac:spMkLst>
            <pc:docMk/>
            <pc:sldMk cId="582553512" sldId="2147476507"/>
            <ac:spMk id="52" creationId="{CF9279AF-F7F5-3C66-38D3-70785CB3F890}"/>
          </ac:spMkLst>
        </pc:spChg>
        <pc:spChg chg="mod">
          <ac:chgData name="Sara Mastrorosa" userId="d159c406-3740-4568-9f4d-6092b2495d2a" providerId="ADAL" clId="{12ED7F48-8A43-43A8-A936-2A9BA398726A}" dt="2023-10-23T15:08:28.829" v="202" actId="1037"/>
          <ac:spMkLst>
            <pc:docMk/>
            <pc:sldMk cId="582553512" sldId="2147476507"/>
            <ac:spMk id="53" creationId="{F1F5B2C7-81CE-DDB1-EDBB-E7A635B03478}"/>
          </ac:spMkLst>
        </pc:spChg>
        <pc:spChg chg="mod">
          <ac:chgData name="Sara Mastrorosa" userId="d159c406-3740-4568-9f4d-6092b2495d2a" providerId="ADAL" clId="{12ED7F48-8A43-43A8-A936-2A9BA398726A}" dt="2023-10-23T15:08:28.829" v="202" actId="1037"/>
          <ac:spMkLst>
            <pc:docMk/>
            <pc:sldMk cId="582553512" sldId="2147476507"/>
            <ac:spMk id="54" creationId="{F681A03A-7ECB-C097-3B30-E505D1509B7B}"/>
          </ac:spMkLst>
        </pc:spChg>
        <pc:spChg chg="del mod">
          <ac:chgData name="Sara Mastrorosa" userId="d159c406-3740-4568-9f4d-6092b2495d2a" providerId="ADAL" clId="{12ED7F48-8A43-43A8-A936-2A9BA398726A}" dt="2023-10-23T15:07:46.494" v="157" actId="478"/>
          <ac:spMkLst>
            <pc:docMk/>
            <pc:sldMk cId="582553512" sldId="2147476507"/>
            <ac:spMk id="55" creationId="{A748037D-88B4-1E5F-4413-9C85977434DA}"/>
          </ac:spMkLst>
        </pc:spChg>
        <pc:spChg chg="mod">
          <ac:chgData name="Sara Mastrorosa" userId="d159c406-3740-4568-9f4d-6092b2495d2a" providerId="ADAL" clId="{12ED7F48-8A43-43A8-A936-2A9BA398726A}" dt="2023-10-23T15:08:28.829" v="202" actId="1037"/>
          <ac:spMkLst>
            <pc:docMk/>
            <pc:sldMk cId="582553512" sldId="2147476507"/>
            <ac:spMk id="56" creationId="{43859023-2C13-292A-4A84-ED0F40C1A337}"/>
          </ac:spMkLst>
        </pc:spChg>
        <pc:spChg chg="mod">
          <ac:chgData name="Sara Mastrorosa" userId="d159c406-3740-4568-9f4d-6092b2495d2a" providerId="ADAL" clId="{12ED7F48-8A43-43A8-A936-2A9BA398726A}" dt="2023-10-23T15:08:49.534" v="229" actId="1038"/>
          <ac:spMkLst>
            <pc:docMk/>
            <pc:sldMk cId="582553512" sldId="2147476507"/>
            <ac:spMk id="57" creationId="{2EAAD270-7CBC-0199-AA97-BD51B1F833ED}"/>
          </ac:spMkLst>
        </pc:spChg>
        <pc:spChg chg="mod">
          <ac:chgData name="Sara Mastrorosa" userId="d159c406-3740-4568-9f4d-6092b2495d2a" providerId="ADAL" clId="{12ED7F48-8A43-43A8-A936-2A9BA398726A}" dt="2023-10-23T15:08:49.534" v="229" actId="1038"/>
          <ac:spMkLst>
            <pc:docMk/>
            <pc:sldMk cId="582553512" sldId="2147476507"/>
            <ac:spMk id="58" creationId="{0E3E82CD-88AE-B4DD-9789-90DDC0BFDB21}"/>
          </ac:spMkLst>
        </pc:spChg>
        <pc:spChg chg="mod">
          <ac:chgData name="Sara Mastrorosa" userId="d159c406-3740-4568-9f4d-6092b2495d2a" providerId="ADAL" clId="{12ED7F48-8A43-43A8-A936-2A9BA398726A}" dt="2023-10-23T15:08:49.534" v="229" actId="1038"/>
          <ac:spMkLst>
            <pc:docMk/>
            <pc:sldMk cId="582553512" sldId="2147476507"/>
            <ac:spMk id="59" creationId="{D25E53AC-9B2F-8D7B-1437-A464F860B706}"/>
          </ac:spMkLst>
        </pc:spChg>
        <pc:grpChg chg="add mod">
          <ac:chgData name="Sara Mastrorosa" userId="d159c406-3740-4568-9f4d-6092b2495d2a" providerId="ADAL" clId="{12ED7F48-8A43-43A8-A936-2A9BA398726A}" dt="2023-10-23T15:07:38.232" v="155" actId="1076"/>
          <ac:grpSpMkLst>
            <pc:docMk/>
            <pc:sldMk cId="582553512" sldId="2147476507"/>
            <ac:grpSpMk id="36" creationId="{CD1099B4-8700-E1B5-A3C3-6EE8D6837694}"/>
          </ac:grpSpMkLst>
        </pc:grpChg>
        <pc:grpChg chg="add mod">
          <ac:chgData name="Sara Mastrorosa" userId="d159c406-3740-4568-9f4d-6092b2495d2a" providerId="ADAL" clId="{12ED7F48-8A43-43A8-A936-2A9BA398726A}" dt="2023-10-23T15:07:57.413" v="160" actId="1076"/>
          <ac:grpSpMkLst>
            <pc:docMk/>
            <pc:sldMk cId="582553512" sldId="2147476507"/>
            <ac:grpSpMk id="37" creationId="{3DF600EF-DE64-5C65-2F8F-5150BBCE1098}"/>
          </ac:grpSpMkLst>
        </pc:grpChg>
        <pc:picChg chg="del">
          <ac:chgData name="Sara Mastrorosa" userId="d159c406-3740-4568-9f4d-6092b2495d2a" providerId="ADAL" clId="{12ED7F48-8A43-43A8-A936-2A9BA398726A}" dt="2023-10-23T14:50:47.142" v="113" actId="478"/>
          <ac:picMkLst>
            <pc:docMk/>
            <pc:sldMk cId="582553512" sldId="2147476507"/>
            <ac:picMk id="6" creationId="{203F1CE8-DD08-1AE8-0A6E-0D17DF7DB7BF}"/>
          </ac:picMkLst>
        </pc:picChg>
        <pc:picChg chg="del">
          <ac:chgData name="Sara Mastrorosa" userId="d159c406-3740-4568-9f4d-6092b2495d2a" providerId="ADAL" clId="{12ED7F48-8A43-43A8-A936-2A9BA398726A}" dt="2023-10-23T14:50:47.142" v="113" actId="478"/>
          <ac:picMkLst>
            <pc:docMk/>
            <pc:sldMk cId="582553512" sldId="2147476507"/>
            <ac:picMk id="18" creationId="{96C72BAD-394B-8409-6AA3-733B8742A678}"/>
          </ac:picMkLst>
        </pc:picChg>
        <pc:picChg chg="add mod">
          <ac:chgData name="Sara Mastrorosa" userId="d159c406-3740-4568-9f4d-6092b2495d2a" providerId="ADAL" clId="{12ED7F48-8A43-43A8-A936-2A9BA398726A}" dt="2023-10-23T15:04:59.902" v="146" actId="164"/>
          <ac:picMkLst>
            <pc:docMk/>
            <pc:sldMk cId="582553512" sldId="2147476507"/>
            <ac:picMk id="19" creationId="{F026910C-52D3-ABB3-4CE7-71EA80E7C4D8}"/>
          </ac:picMkLst>
        </pc:picChg>
        <pc:picChg chg="add mod">
          <ac:chgData name="Sara Mastrorosa" userId="d159c406-3740-4568-9f4d-6092b2495d2a" providerId="ADAL" clId="{12ED7F48-8A43-43A8-A936-2A9BA398726A}" dt="2023-10-23T15:04:59.902" v="146" actId="164"/>
          <ac:picMkLst>
            <pc:docMk/>
            <pc:sldMk cId="582553512" sldId="2147476507"/>
            <ac:picMk id="21" creationId="{01D05200-D5BA-5CD0-671E-9C500F225F07}"/>
          </ac:picMkLst>
        </pc:picChg>
        <pc:picChg chg="add mod">
          <ac:chgData name="Sara Mastrorosa" userId="d159c406-3740-4568-9f4d-6092b2495d2a" providerId="ADAL" clId="{12ED7F48-8A43-43A8-A936-2A9BA398726A}" dt="2023-10-23T15:04:59.902" v="146" actId="164"/>
          <ac:picMkLst>
            <pc:docMk/>
            <pc:sldMk cId="582553512" sldId="2147476507"/>
            <ac:picMk id="22" creationId="{C8996B20-1218-5134-1818-77144C07B457}"/>
          </ac:picMkLst>
        </pc:picChg>
        <pc:picChg chg="add mod">
          <ac:chgData name="Sara Mastrorosa" userId="d159c406-3740-4568-9f4d-6092b2495d2a" providerId="ADAL" clId="{12ED7F48-8A43-43A8-A936-2A9BA398726A}" dt="2023-10-23T15:04:59.902" v="146" actId="164"/>
          <ac:picMkLst>
            <pc:docMk/>
            <pc:sldMk cId="582553512" sldId="2147476507"/>
            <ac:picMk id="23" creationId="{4151F2B4-890B-1EA7-182D-71E8B8D003AF}"/>
          </ac:picMkLst>
        </pc:picChg>
        <pc:picChg chg="del">
          <ac:chgData name="Sara Mastrorosa" userId="d159c406-3740-4568-9f4d-6092b2495d2a" providerId="ADAL" clId="{12ED7F48-8A43-43A8-A936-2A9BA398726A}" dt="2023-10-23T14:50:47.142" v="113" actId="478"/>
          <ac:picMkLst>
            <pc:docMk/>
            <pc:sldMk cId="582553512" sldId="2147476507"/>
            <ac:picMk id="24" creationId="{B2320A0C-ECD0-1E5B-D1C6-E62F0D7A5603}"/>
          </ac:picMkLst>
        </pc:picChg>
        <pc:picChg chg="add mod">
          <ac:chgData name="Sara Mastrorosa" userId="d159c406-3740-4568-9f4d-6092b2495d2a" providerId="ADAL" clId="{12ED7F48-8A43-43A8-A936-2A9BA398726A}" dt="2023-10-23T15:04:59.902" v="146" actId="164"/>
          <ac:picMkLst>
            <pc:docMk/>
            <pc:sldMk cId="582553512" sldId="2147476507"/>
            <ac:picMk id="25" creationId="{6B47B5F0-9B76-821E-3716-2F4B04B5678C}"/>
          </ac:picMkLst>
        </pc:picChg>
        <pc:picChg chg="del">
          <ac:chgData name="Sara Mastrorosa" userId="d159c406-3740-4568-9f4d-6092b2495d2a" providerId="ADAL" clId="{12ED7F48-8A43-43A8-A936-2A9BA398726A}" dt="2023-10-23T14:50:47.142" v="113" actId="478"/>
          <ac:picMkLst>
            <pc:docMk/>
            <pc:sldMk cId="582553512" sldId="2147476507"/>
            <ac:picMk id="26" creationId="{F315E41D-9436-F02D-CB25-4229A1A8DEDD}"/>
          </ac:picMkLst>
        </pc:picChg>
        <pc:picChg chg="add mod">
          <ac:chgData name="Sara Mastrorosa" userId="d159c406-3740-4568-9f4d-6092b2495d2a" providerId="ADAL" clId="{12ED7F48-8A43-43A8-A936-2A9BA398726A}" dt="2023-10-23T15:04:59.902" v="146" actId="164"/>
          <ac:picMkLst>
            <pc:docMk/>
            <pc:sldMk cId="582553512" sldId="2147476507"/>
            <ac:picMk id="33" creationId="{59EAC6A8-2E1F-E708-0A4F-BE0B9BF6EF6B}"/>
          </ac:picMkLst>
        </pc:picChg>
        <pc:picChg chg="add mod">
          <ac:chgData name="Sara Mastrorosa" userId="d159c406-3740-4568-9f4d-6092b2495d2a" providerId="ADAL" clId="{12ED7F48-8A43-43A8-A936-2A9BA398726A}" dt="2023-10-23T15:04:59.902" v="146" actId="164"/>
          <ac:picMkLst>
            <pc:docMk/>
            <pc:sldMk cId="582553512" sldId="2147476507"/>
            <ac:picMk id="34" creationId="{3C75CC03-7A3A-BF08-98B1-6FE2F2820834}"/>
          </ac:picMkLst>
        </pc:picChg>
      </pc:sldChg>
      <pc:sldChg chg="add del">
        <pc:chgData name="Sara Mastrorosa" userId="d159c406-3740-4568-9f4d-6092b2495d2a" providerId="ADAL" clId="{12ED7F48-8A43-43A8-A936-2A9BA398726A}" dt="2023-10-23T15:20:25.437" v="315" actId="47"/>
        <pc:sldMkLst>
          <pc:docMk/>
          <pc:sldMk cId="0" sldId="2147476508"/>
        </pc:sldMkLst>
      </pc:sldChg>
      <pc:sldChg chg="addSp delSp modSp add del mod">
        <pc:chgData name="Sara Mastrorosa" userId="d159c406-3740-4568-9f4d-6092b2495d2a" providerId="ADAL" clId="{12ED7F48-8A43-43A8-A936-2A9BA398726A}" dt="2023-10-25T06:27:44.881" v="731" actId="47"/>
        <pc:sldMkLst>
          <pc:docMk/>
          <pc:sldMk cId="3353519111" sldId="2147476509"/>
        </pc:sldMkLst>
        <pc:spChg chg="mod ord">
          <ac:chgData name="Sara Mastrorosa" userId="d159c406-3740-4568-9f4d-6092b2495d2a" providerId="ADAL" clId="{12ED7F48-8A43-43A8-A936-2A9BA398726A}" dt="2023-10-24T14:46:17.871" v="557" actId="166"/>
          <ac:spMkLst>
            <pc:docMk/>
            <pc:sldMk cId="3353519111" sldId="2147476509"/>
            <ac:spMk id="4" creationId="{358532F6-3DCD-FA70-74D8-C2B59B51BC61}"/>
          </ac:spMkLst>
        </pc:spChg>
        <pc:spChg chg="mod">
          <ac:chgData name="Sara Mastrorosa" userId="d159c406-3740-4568-9f4d-6092b2495d2a" providerId="ADAL" clId="{12ED7F48-8A43-43A8-A936-2A9BA398726A}" dt="2023-10-24T14:56:08.703" v="716" actId="14100"/>
          <ac:spMkLst>
            <pc:docMk/>
            <pc:sldMk cId="3353519111" sldId="2147476509"/>
            <ac:spMk id="5" creationId="{08F2B45B-2BC1-44B2-4465-F8FD2B97328F}"/>
          </ac:spMkLst>
        </pc:spChg>
        <pc:spChg chg="mod">
          <ac:chgData name="Sara Mastrorosa" userId="d159c406-3740-4568-9f4d-6092b2495d2a" providerId="ADAL" clId="{12ED7F48-8A43-43A8-A936-2A9BA398726A}" dt="2023-10-23T15:13:44.612" v="234"/>
          <ac:spMkLst>
            <pc:docMk/>
            <pc:sldMk cId="3353519111" sldId="2147476509"/>
            <ac:spMk id="6" creationId="{BD5AE9BD-1FCA-EC4C-19FC-33CB51867F2B}"/>
          </ac:spMkLst>
        </pc:spChg>
        <pc:spChg chg="add del mod">
          <ac:chgData name="Sara Mastrorosa" userId="d159c406-3740-4568-9f4d-6092b2495d2a" providerId="ADAL" clId="{12ED7F48-8A43-43A8-A936-2A9BA398726A}" dt="2023-10-24T14:51:02.401" v="663" actId="478"/>
          <ac:spMkLst>
            <pc:docMk/>
            <pc:sldMk cId="3353519111" sldId="2147476509"/>
            <ac:spMk id="7" creationId="{4840079D-90CD-55C1-E8EF-6E9C9A8C5769}"/>
          </ac:spMkLst>
        </pc:spChg>
        <pc:spChg chg="del mod">
          <ac:chgData name="Sara Mastrorosa" userId="d159c406-3740-4568-9f4d-6092b2495d2a" providerId="ADAL" clId="{12ED7F48-8A43-43A8-A936-2A9BA398726A}" dt="2023-10-23T15:20:54.148" v="322" actId="478"/>
          <ac:spMkLst>
            <pc:docMk/>
            <pc:sldMk cId="3353519111" sldId="2147476509"/>
            <ac:spMk id="7" creationId="{58380827-F926-9A96-F90E-C61D21A7BBB1}"/>
          </ac:spMkLst>
        </pc:spChg>
        <pc:spChg chg="mod">
          <ac:chgData name="Sara Mastrorosa" userId="d159c406-3740-4568-9f4d-6092b2495d2a" providerId="ADAL" clId="{12ED7F48-8A43-43A8-A936-2A9BA398726A}" dt="2023-10-23T15:13:44.612" v="234"/>
          <ac:spMkLst>
            <pc:docMk/>
            <pc:sldMk cId="3353519111" sldId="2147476509"/>
            <ac:spMk id="8" creationId="{5C550C6D-7D06-4DF6-D65B-93A234DF98DE}"/>
          </ac:spMkLst>
        </pc:spChg>
        <pc:spChg chg="mod">
          <ac:chgData name="Sara Mastrorosa" userId="d159c406-3740-4568-9f4d-6092b2495d2a" providerId="ADAL" clId="{12ED7F48-8A43-43A8-A936-2A9BA398726A}" dt="2023-10-23T15:13:44.612" v="234"/>
          <ac:spMkLst>
            <pc:docMk/>
            <pc:sldMk cId="3353519111" sldId="2147476509"/>
            <ac:spMk id="9" creationId="{1632AE36-8428-3D83-7E47-FC610DB7B320}"/>
          </ac:spMkLst>
        </pc:spChg>
        <pc:spChg chg="mod">
          <ac:chgData name="Sara Mastrorosa" userId="d159c406-3740-4568-9f4d-6092b2495d2a" providerId="ADAL" clId="{12ED7F48-8A43-43A8-A936-2A9BA398726A}" dt="2023-10-23T15:13:44.612" v="234"/>
          <ac:spMkLst>
            <pc:docMk/>
            <pc:sldMk cId="3353519111" sldId="2147476509"/>
            <ac:spMk id="10" creationId="{1BAB393D-C101-918B-0AD6-2164ECA5DB98}"/>
          </ac:spMkLst>
        </pc:spChg>
        <pc:spChg chg="mod">
          <ac:chgData name="Sara Mastrorosa" userId="d159c406-3740-4568-9f4d-6092b2495d2a" providerId="ADAL" clId="{12ED7F48-8A43-43A8-A936-2A9BA398726A}" dt="2023-10-23T15:13:44.612" v="234"/>
          <ac:spMkLst>
            <pc:docMk/>
            <pc:sldMk cId="3353519111" sldId="2147476509"/>
            <ac:spMk id="11" creationId="{E5EC500E-0D6F-65E0-E5CE-2E19C34C2982}"/>
          </ac:spMkLst>
        </pc:spChg>
        <pc:spChg chg="mod">
          <ac:chgData name="Sara Mastrorosa" userId="d159c406-3740-4568-9f4d-6092b2495d2a" providerId="ADAL" clId="{12ED7F48-8A43-43A8-A936-2A9BA398726A}" dt="2023-10-23T15:13:44.612" v="234"/>
          <ac:spMkLst>
            <pc:docMk/>
            <pc:sldMk cId="3353519111" sldId="2147476509"/>
            <ac:spMk id="12" creationId="{952831A2-76B6-DF02-C7DD-1A18D6D1CA6D}"/>
          </ac:spMkLst>
        </pc:spChg>
        <pc:spChg chg="mod">
          <ac:chgData name="Sara Mastrorosa" userId="d159c406-3740-4568-9f4d-6092b2495d2a" providerId="ADAL" clId="{12ED7F48-8A43-43A8-A936-2A9BA398726A}" dt="2023-10-23T15:13:44.612" v="234"/>
          <ac:spMkLst>
            <pc:docMk/>
            <pc:sldMk cId="3353519111" sldId="2147476509"/>
            <ac:spMk id="13" creationId="{116F0759-B4B3-F684-65AE-8AB472CEFE3E}"/>
          </ac:spMkLst>
        </pc:spChg>
        <pc:spChg chg="mod">
          <ac:chgData name="Sara Mastrorosa" userId="d159c406-3740-4568-9f4d-6092b2495d2a" providerId="ADAL" clId="{12ED7F48-8A43-43A8-A936-2A9BA398726A}" dt="2023-10-23T15:13:44.612" v="234"/>
          <ac:spMkLst>
            <pc:docMk/>
            <pc:sldMk cId="3353519111" sldId="2147476509"/>
            <ac:spMk id="14" creationId="{60FE5A6E-4147-FCBC-A2FA-AB4F9D306D8A}"/>
          </ac:spMkLst>
        </pc:spChg>
        <pc:spChg chg="mod">
          <ac:chgData name="Sara Mastrorosa" userId="d159c406-3740-4568-9f4d-6092b2495d2a" providerId="ADAL" clId="{12ED7F48-8A43-43A8-A936-2A9BA398726A}" dt="2023-10-23T15:13:44.612" v="234"/>
          <ac:spMkLst>
            <pc:docMk/>
            <pc:sldMk cId="3353519111" sldId="2147476509"/>
            <ac:spMk id="15" creationId="{22350A58-F076-932E-4EDA-C95446594B82}"/>
          </ac:spMkLst>
        </pc:spChg>
        <pc:spChg chg="mod">
          <ac:chgData name="Sara Mastrorosa" userId="d159c406-3740-4568-9f4d-6092b2495d2a" providerId="ADAL" clId="{12ED7F48-8A43-43A8-A936-2A9BA398726A}" dt="2023-10-23T15:13:44.612" v="234"/>
          <ac:spMkLst>
            <pc:docMk/>
            <pc:sldMk cId="3353519111" sldId="2147476509"/>
            <ac:spMk id="16" creationId="{1D9F516C-B5A8-6090-F0E0-828E2373AF07}"/>
          </ac:spMkLst>
        </pc:spChg>
        <pc:spChg chg="mod">
          <ac:chgData name="Sara Mastrorosa" userId="d159c406-3740-4568-9f4d-6092b2495d2a" providerId="ADAL" clId="{12ED7F48-8A43-43A8-A936-2A9BA398726A}" dt="2023-10-23T15:13:44.612" v="234"/>
          <ac:spMkLst>
            <pc:docMk/>
            <pc:sldMk cId="3353519111" sldId="2147476509"/>
            <ac:spMk id="17" creationId="{791C4493-FFF1-33AF-1D36-60EA72072A5A}"/>
          </ac:spMkLst>
        </pc:spChg>
        <pc:spChg chg="mod">
          <ac:chgData name="Sara Mastrorosa" userId="d159c406-3740-4568-9f4d-6092b2495d2a" providerId="ADAL" clId="{12ED7F48-8A43-43A8-A936-2A9BA398726A}" dt="2023-10-23T15:13:44.612" v="234"/>
          <ac:spMkLst>
            <pc:docMk/>
            <pc:sldMk cId="3353519111" sldId="2147476509"/>
            <ac:spMk id="18" creationId="{304EBD68-979E-4FB3-4F72-717E61F775C5}"/>
          </ac:spMkLst>
        </pc:spChg>
        <pc:spChg chg="add del mod">
          <ac:chgData name="Sara Mastrorosa" userId="d159c406-3740-4568-9f4d-6092b2495d2a" providerId="ADAL" clId="{12ED7F48-8A43-43A8-A936-2A9BA398726A}" dt="2023-10-24T14:46:07.923" v="555" actId="478"/>
          <ac:spMkLst>
            <pc:docMk/>
            <pc:sldMk cId="3353519111" sldId="2147476509"/>
            <ac:spMk id="19" creationId="{49E5A08E-8996-70C3-73BE-BF419AFB22E8}"/>
          </ac:spMkLst>
        </pc:spChg>
        <pc:spChg chg="mod">
          <ac:chgData name="Sara Mastrorosa" userId="d159c406-3740-4568-9f4d-6092b2495d2a" providerId="ADAL" clId="{12ED7F48-8A43-43A8-A936-2A9BA398726A}" dt="2023-10-23T15:13:44.612" v="234"/>
          <ac:spMkLst>
            <pc:docMk/>
            <pc:sldMk cId="3353519111" sldId="2147476509"/>
            <ac:spMk id="20" creationId="{A40534B3-C76E-CEDE-D43F-9C0BB81686B8}"/>
          </ac:spMkLst>
        </pc:spChg>
        <pc:spChg chg="add del mod">
          <ac:chgData name="Sara Mastrorosa" userId="d159c406-3740-4568-9f4d-6092b2495d2a" providerId="ADAL" clId="{12ED7F48-8A43-43A8-A936-2A9BA398726A}" dt="2023-10-24T14:46:05.945" v="554" actId="478"/>
          <ac:spMkLst>
            <pc:docMk/>
            <pc:sldMk cId="3353519111" sldId="2147476509"/>
            <ac:spMk id="21" creationId="{C0C1E7E6-CCF3-2517-96F4-179E9D05C3F7}"/>
          </ac:spMkLst>
        </pc:spChg>
        <pc:spChg chg="add del mod ord">
          <ac:chgData name="Sara Mastrorosa" userId="d159c406-3740-4568-9f4d-6092b2495d2a" providerId="ADAL" clId="{12ED7F48-8A43-43A8-A936-2A9BA398726A}" dt="2023-10-24T14:45:46.077" v="550" actId="478"/>
          <ac:spMkLst>
            <pc:docMk/>
            <pc:sldMk cId="3353519111" sldId="2147476509"/>
            <ac:spMk id="22" creationId="{129D5F5E-32EC-E247-05F8-245814EEAFAA}"/>
          </ac:spMkLst>
        </pc:spChg>
        <pc:spChg chg="add del mod ord">
          <ac:chgData name="Sara Mastrorosa" userId="d159c406-3740-4568-9f4d-6092b2495d2a" providerId="ADAL" clId="{12ED7F48-8A43-43A8-A936-2A9BA398726A}" dt="2023-10-24T14:45:48.183" v="551" actId="478"/>
          <ac:spMkLst>
            <pc:docMk/>
            <pc:sldMk cId="3353519111" sldId="2147476509"/>
            <ac:spMk id="23" creationId="{DD5FD85F-B03D-8EB8-7860-B4342F18BB3A}"/>
          </ac:spMkLst>
        </pc:spChg>
        <pc:spChg chg="mod">
          <ac:chgData name="Sara Mastrorosa" userId="d159c406-3740-4568-9f4d-6092b2495d2a" providerId="ADAL" clId="{12ED7F48-8A43-43A8-A936-2A9BA398726A}" dt="2023-10-23T15:13:44.612" v="234"/>
          <ac:spMkLst>
            <pc:docMk/>
            <pc:sldMk cId="3353519111" sldId="2147476509"/>
            <ac:spMk id="24" creationId="{52BDF0FE-EA01-938C-5AA2-F99939684371}"/>
          </ac:spMkLst>
        </pc:spChg>
        <pc:spChg chg="add del mod">
          <ac:chgData name="Sara Mastrorosa" userId="d159c406-3740-4568-9f4d-6092b2495d2a" providerId="ADAL" clId="{12ED7F48-8A43-43A8-A936-2A9BA398726A}" dt="2023-10-24T14:51:02.401" v="663" actId="478"/>
          <ac:spMkLst>
            <pc:docMk/>
            <pc:sldMk cId="3353519111" sldId="2147476509"/>
            <ac:spMk id="25" creationId="{FECE32CF-92AD-2980-F104-E8BE4A95CFD3}"/>
          </ac:spMkLst>
        </pc:spChg>
        <pc:spChg chg="mod">
          <ac:chgData name="Sara Mastrorosa" userId="d159c406-3740-4568-9f4d-6092b2495d2a" providerId="ADAL" clId="{12ED7F48-8A43-43A8-A936-2A9BA398726A}" dt="2023-10-23T15:13:44.612" v="234"/>
          <ac:spMkLst>
            <pc:docMk/>
            <pc:sldMk cId="3353519111" sldId="2147476509"/>
            <ac:spMk id="26" creationId="{43103BEE-DCE7-F82D-BA14-A2BB1C17D4E7}"/>
          </ac:spMkLst>
        </pc:spChg>
        <pc:spChg chg="del mod">
          <ac:chgData name="Sara Mastrorosa" userId="d159c406-3740-4568-9f4d-6092b2495d2a" providerId="ADAL" clId="{12ED7F48-8A43-43A8-A936-2A9BA398726A}" dt="2023-10-23T15:16:45.230" v="257" actId="478"/>
          <ac:spMkLst>
            <pc:docMk/>
            <pc:sldMk cId="3353519111" sldId="2147476509"/>
            <ac:spMk id="27" creationId="{BC9D34FB-8069-1FB4-954A-09E4C47651EA}"/>
          </ac:spMkLst>
        </pc:spChg>
        <pc:spChg chg="mod">
          <ac:chgData name="Sara Mastrorosa" userId="d159c406-3740-4568-9f4d-6092b2495d2a" providerId="ADAL" clId="{12ED7F48-8A43-43A8-A936-2A9BA398726A}" dt="2023-10-23T15:13:44.612" v="234"/>
          <ac:spMkLst>
            <pc:docMk/>
            <pc:sldMk cId="3353519111" sldId="2147476509"/>
            <ac:spMk id="28" creationId="{84A9E8E3-EBBF-BA57-B1A7-CB264A2ECB5E}"/>
          </ac:spMkLst>
        </pc:spChg>
        <pc:spChg chg="mod">
          <ac:chgData name="Sara Mastrorosa" userId="d159c406-3740-4568-9f4d-6092b2495d2a" providerId="ADAL" clId="{12ED7F48-8A43-43A8-A936-2A9BA398726A}" dt="2023-10-23T15:13:44.612" v="234"/>
          <ac:spMkLst>
            <pc:docMk/>
            <pc:sldMk cId="3353519111" sldId="2147476509"/>
            <ac:spMk id="29" creationId="{AE7DE209-8519-0EFC-A363-E3D6B22D53D1}"/>
          </ac:spMkLst>
        </pc:spChg>
        <pc:spChg chg="mod">
          <ac:chgData name="Sara Mastrorosa" userId="d159c406-3740-4568-9f4d-6092b2495d2a" providerId="ADAL" clId="{12ED7F48-8A43-43A8-A936-2A9BA398726A}" dt="2023-10-23T15:13:44.612" v="234"/>
          <ac:spMkLst>
            <pc:docMk/>
            <pc:sldMk cId="3353519111" sldId="2147476509"/>
            <ac:spMk id="30" creationId="{9943A313-3EEE-00CF-1A6D-1F672B98EDBF}"/>
          </ac:spMkLst>
        </pc:spChg>
        <pc:spChg chg="mod">
          <ac:chgData name="Sara Mastrorosa" userId="d159c406-3740-4568-9f4d-6092b2495d2a" providerId="ADAL" clId="{12ED7F48-8A43-43A8-A936-2A9BA398726A}" dt="2023-10-23T15:13:44.612" v="234"/>
          <ac:spMkLst>
            <pc:docMk/>
            <pc:sldMk cId="3353519111" sldId="2147476509"/>
            <ac:spMk id="31" creationId="{106ADF83-53A6-F6C1-16B4-5E5AC1F704AA}"/>
          </ac:spMkLst>
        </pc:spChg>
        <pc:spChg chg="mod">
          <ac:chgData name="Sara Mastrorosa" userId="d159c406-3740-4568-9f4d-6092b2495d2a" providerId="ADAL" clId="{12ED7F48-8A43-43A8-A936-2A9BA398726A}" dt="2023-10-23T15:13:44.612" v="234"/>
          <ac:spMkLst>
            <pc:docMk/>
            <pc:sldMk cId="3353519111" sldId="2147476509"/>
            <ac:spMk id="32" creationId="{999AE222-6F52-CFBB-8262-C176DA377614}"/>
          </ac:spMkLst>
        </pc:spChg>
        <pc:spChg chg="mod">
          <ac:chgData name="Sara Mastrorosa" userId="d159c406-3740-4568-9f4d-6092b2495d2a" providerId="ADAL" clId="{12ED7F48-8A43-43A8-A936-2A9BA398726A}" dt="2023-10-24T14:42:09.515" v="390" actId="571"/>
          <ac:spMkLst>
            <pc:docMk/>
            <pc:sldMk cId="3353519111" sldId="2147476509"/>
            <ac:spMk id="34" creationId="{3F2E2027-FDAA-50B0-2122-7F860345208D}"/>
          </ac:spMkLst>
        </pc:spChg>
        <pc:spChg chg="mod">
          <ac:chgData name="Sara Mastrorosa" userId="d159c406-3740-4568-9f4d-6092b2495d2a" providerId="ADAL" clId="{12ED7F48-8A43-43A8-A936-2A9BA398726A}" dt="2023-10-24T14:42:09.515" v="390" actId="571"/>
          <ac:spMkLst>
            <pc:docMk/>
            <pc:sldMk cId="3353519111" sldId="2147476509"/>
            <ac:spMk id="36" creationId="{55FEF376-5AB3-E751-09F3-220C735DB200}"/>
          </ac:spMkLst>
        </pc:spChg>
        <pc:spChg chg="mod">
          <ac:chgData name="Sara Mastrorosa" userId="d159c406-3740-4568-9f4d-6092b2495d2a" providerId="ADAL" clId="{12ED7F48-8A43-43A8-A936-2A9BA398726A}" dt="2023-10-23T15:13:44.612" v="234"/>
          <ac:spMkLst>
            <pc:docMk/>
            <pc:sldMk cId="3353519111" sldId="2147476509"/>
            <ac:spMk id="42" creationId="{B451AD0F-257D-725C-0CCD-AABA75A138D0}"/>
          </ac:spMkLst>
        </pc:spChg>
        <pc:spChg chg="mod">
          <ac:chgData name="Sara Mastrorosa" userId="d159c406-3740-4568-9f4d-6092b2495d2a" providerId="ADAL" clId="{12ED7F48-8A43-43A8-A936-2A9BA398726A}" dt="2023-10-23T15:13:44.612" v="234"/>
          <ac:spMkLst>
            <pc:docMk/>
            <pc:sldMk cId="3353519111" sldId="2147476509"/>
            <ac:spMk id="55" creationId="{7DDB88A8-6E59-8D33-CACF-9212C81D38FD}"/>
          </ac:spMkLst>
        </pc:spChg>
        <pc:spChg chg="mod">
          <ac:chgData name="Sara Mastrorosa" userId="d159c406-3740-4568-9f4d-6092b2495d2a" providerId="ADAL" clId="{12ED7F48-8A43-43A8-A936-2A9BA398726A}" dt="2023-10-23T15:13:44.612" v="234"/>
          <ac:spMkLst>
            <pc:docMk/>
            <pc:sldMk cId="3353519111" sldId="2147476509"/>
            <ac:spMk id="60" creationId="{9369D9AD-621F-5AFF-C489-D03282C23101}"/>
          </ac:spMkLst>
        </pc:spChg>
        <pc:spChg chg="mod">
          <ac:chgData name="Sara Mastrorosa" userId="d159c406-3740-4568-9f4d-6092b2495d2a" providerId="ADAL" clId="{12ED7F48-8A43-43A8-A936-2A9BA398726A}" dt="2023-10-23T15:13:44.612" v="234"/>
          <ac:spMkLst>
            <pc:docMk/>
            <pc:sldMk cId="3353519111" sldId="2147476509"/>
            <ac:spMk id="61" creationId="{FAD6F2DC-4380-D78B-5552-2F516616CA94}"/>
          </ac:spMkLst>
        </pc:spChg>
        <pc:spChg chg="mod">
          <ac:chgData name="Sara Mastrorosa" userId="d159c406-3740-4568-9f4d-6092b2495d2a" providerId="ADAL" clId="{12ED7F48-8A43-43A8-A936-2A9BA398726A}" dt="2023-10-23T15:13:44.612" v="234"/>
          <ac:spMkLst>
            <pc:docMk/>
            <pc:sldMk cId="3353519111" sldId="2147476509"/>
            <ac:spMk id="62" creationId="{8F6BF3B2-CE27-9C69-6345-C6EDFD3FE62E}"/>
          </ac:spMkLst>
        </pc:spChg>
        <pc:spChg chg="mod">
          <ac:chgData name="Sara Mastrorosa" userId="d159c406-3740-4568-9f4d-6092b2495d2a" providerId="ADAL" clId="{12ED7F48-8A43-43A8-A936-2A9BA398726A}" dt="2023-10-23T15:13:44.612" v="234"/>
          <ac:spMkLst>
            <pc:docMk/>
            <pc:sldMk cId="3353519111" sldId="2147476509"/>
            <ac:spMk id="63" creationId="{1C4B4C63-7511-A9AE-9A23-36DAA34B47EC}"/>
          </ac:spMkLst>
        </pc:spChg>
        <pc:spChg chg="mod">
          <ac:chgData name="Sara Mastrorosa" userId="d159c406-3740-4568-9f4d-6092b2495d2a" providerId="ADAL" clId="{12ED7F48-8A43-43A8-A936-2A9BA398726A}" dt="2023-10-23T15:13:44.612" v="234"/>
          <ac:spMkLst>
            <pc:docMk/>
            <pc:sldMk cId="3353519111" sldId="2147476509"/>
            <ac:spMk id="64" creationId="{C9142638-F090-D3F1-CE0A-3329B17EFEDA}"/>
          </ac:spMkLst>
        </pc:spChg>
        <pc:spChg chg="mod">
          <ac:chgData name="Sara Mastrorosa" userId="d159c406-3740-4568-9f4d-6092b2495d2a" providerId="ADAL" clId="{12ED7F48-8A43-43A8-A936-2A9BA398726A}" dt="2023-10-23T15:13:44.612" v="234"/>
          <ac:spMkLst>
            <pc:docMk/>
            <pc:sldMk cId="3353519111" sldId="2147476509"/>
            <ac:spMk id="65" creationId="{0186ECC7-7D01-473A-C409-68E8B2C0C262}"/>
          </ac:spMkLst>
        </pc:spChg>
        <pc:spChg chg="mod">
          <ac:chgData name="Sara Mastrorosa" userId="d159c406-3740-4568-9f4d-6092b2495d2a" providerId="ADAL" clId="{12ED7F48-8A43-43A8-A936-2A9BA398726A}" dt="2023-10-23T15:13:44.612" v="234"/>
          <ac:spMkLst>
            <pc:docMk/>
            <pc:sldMk cId="3353519111" sldId="2147476509"/>
            <ac:spMk id="66" creationId="{D24AD987-ACA0-5DEE-F5C6-1A0FABD04260}"/>
          </ac:spMkLst>
        </pc:spChg>
        <pc:spChg chg="mod">
          <ac:chgData name="Sara Mastrorosa" userId="d159c406-3740-4568-9f4d-6092b2495d2a" providerId="ADAL" clId="{12ED7F48-8A43-43A8-A936-2A9BA398726A}" dt="2023-10-23T15:13:44.612" v="234"/>
          <ac:spMkLst>
            <pc:docMk/>
            <pc:sldMk cId="3353519111" sldId="2147476509"/>
            <ac:spMk id="67" creationId="{47DFB158-2221-6865-61F2-48ADCCFD111D}"/>
          </ac:spMkLst>
        </pc:spChg>
        <pc:spChg chg="mod">
          <ac:chgData name="Sara Mastrorosa" userId="d159c406-3740-4568-9f4d-6092b2495d2a" providerId="ADAL" clId="{12ED7F48-8A43-43A8-A936-2A9BA398726A}" dt="2023-10-23T15:13:44.612" v="234"/>
          <ac:spMkLst>
            <pc:docMk/>
            <pc:sldMk cId="3353519111" sldId="2147476509"/>
            <ac:spMk id="68" creationId="{D41986D3-853B-7E8E-3576-1FC71B65EE67}"/>
          </ac:spMkLst>
        </pc:spChg>
        <pc:spChg chg="mod">
          <ac:chgData name="Sara Mastrorosa" userId="d159c406-3740-4568-9f4d-6092b2495d2a" providerId="ADAL" clId="{12ED7F48-8A43-43A8-A936-2A9BA398726A}" dt="2023-10-23T15:13:44.612" v="234"/>
          <ac:spMkLst>
            <pc:docMk/>
            <pc:sldMk cId="3353519111" sldId="2147476509"/>
            <ac:spMk id="69" creationId="{282FEC65-67AB-0913-ACC5-99CBDEA6EF3A}"/>
          </ac:spMkLst>
        </pc:spChg>
        <pc:spChg chg="mod">
          <ac:chgData name="Sara Mastrorosa" userId="d159c406-3740-4568-9f4d-6092b2495d2a" providerId="ADAL" clId="{12ED7F48-8A43-43A8-A936-2A9BA398726A}" dt="2023-10-23T15:13:44.612" v="234"/>
          <ac:spMkLst>
            <pc:docMk/>
            <pc:sldMk cId="3353519111" sldId="2147476509"/>
            <ac:spMk id="70" creationId="{60EA81C1-A811-F207-ED37-3F5E0CB609E8}"/>
          </ac:spMkLst>
        </pc:spChg>
        <pc:spChg chg="mod">
          <ac:chgData name="Sara Mastrorosa" userId="d159c406-3740-4568-9f4d-6092b2495d2a" providerId="ADAL" clId="{12ED7F48-8A43-43A8-A936-2A9BA398726A}" dt="2023-10-23T15:13:44.612" v="234"/>
          <ac:spMkLst>
            <pc:docMk/>
            <pc:sldMk cId="3353519111" sldId="2147476509"/>
            <ac:spMk id="71" creationId="{B8147A46-FE81-D5EF-2EDC-24494D0B9AB2}"/>
          </ac:spMkLst>
        </pc:spChg>
        <pc:spChg chg="mod">
          <ac:chgData name="Sara Mastrorosa" userId="d159c406-3740-4568-9f4d-6092b2495d2a" providerId="ADAL" clId="{12ED7F48-8A43-43A8-A936-2A9BA398726A}" dt="2023-10-23T15:13:44.612" v="234"/>
          <ac:spMkLst>
            <pc:docMk/>
            <pc:sldMk cId="3353519111" sldId="2147476509"/>
            <ac:spMk id="72" creationId="{3508EB46-88EC-B292-AE67-CC6B4378C901}"/>
          </ac:spMkLst>
        </pc:spChg>
        <pc:spChg chg="mod">
          <ac:chgData name="Sara Mastrorosa" userId="d159c406-3740-4568-9f4d-6092b2495d2a" providerId="ADAL" clId="{12ED7F48-8A43-43A8-A936-2A9BA398726A}" dt="2023-10-23T15:13:44.612" v="234"/>
          <ac:spMkLst>
            <pc:docMk/>
            <pc:sldMk cId="3353519111" sldId="2147476509"/>
            <ac:spMk id="73" creationId="{17BE6B27-3152-86B8-A5B8-905395EB303B}"/>
          </ac:spMkLst>
        </pc:spChg>
        <pc:spChg chg="mod">
          <ac:chgData name="Sara Mastrorosa" userId="d159c406-3740-4568-9f4d-6092b2495d2a" providerId="ADAL" clId="{12ED7F48-8A43-43A8-A936-2A9BA398726A}" dt="2023-10-23T15:13:44.612" v="234"/>
          <ac:spMkLst>
            <pc:docMk/>
            <pc:sldMk cId="3353519111" sldId="2147476509"/>
            <ac:spMk id="74" creationId="{412D4F50-544D-420F-16FA-2D5EEF9A0E70}"/>
          </ac:spMkLst>
        </pc:spChg>
        <pc:spChg chg="mod">
          <ac:chgData name="Sara Mastrorosa" userId="d159c406-3740-4568-9f4d-6092b2495d2a" providerId="ADAL" clId="{12ED7F48-8A43-43A8-A936-2A9BA398726A}" dt="2023-10-23T15:13:44.612" v="234"/>
          <ac:spMkLst>
            <pc:docMk/>
            <pc:sldMk cId="3353519111" sldId="2147476509"/>
            <ac:spMk id="75" creationId="{0DF78283-25E3-8AC3-7AF8-5878F5AD1ACE}"/>
          </ac:spMkLst>
        </pc:spChg>
        <pc:spChg chg="mod">
          <ac:chgData name="Sara Mastrorosa" userId="d159c406-3740-4568-9f4d-6092b2495d2a" providerId="ADAL" clId="{12ED7F48-8A43-43A8-A936-2A9BA398726A}" dt="2023-10-23T15:15:41.509" v="239" actId="207"/>
          <ac:spMkLst>
            <pc:docMk/>
            <pc:sldMk cId="3353519111" sldId="2147476509"/>
            <ac:spMk id="76" creationId="{743B0914-BE4C-D2A7-343F-458697DD9C84}"/>
          </ac:spMkLst>
        </pc:spChg>
        <pc:spChg chg="mod">
          <ac:chgData name="Sara Mastrorosa" userId="d159c406-3740-4568-9f4d-6092b2495d2a" providerId="ADAL" clId="{12ED7F48-8A43-43A8-A936-2A9BA398726A}" dt="2023-10-23T15:13:44.612" v="234"/>
          <ac:spMkLst>
            <pc:docMk/>
            <pc:sldMk cId="3353519111" sldId="2147476509"/>
            <ac:spMk id="77" creationId="{5A7F916E-23A9-83A4-CB4B-ADAD9B64DF21}"/>
          </ac:spMkLst>
        </pc:spChg>
        <pc:spChg chg="del mod">
          <ac:chgData name="Sara Mastrorosa" userId="d159c406-3740-4568-9f4d-6092b2495d2a" providerId="ADAL" clId="{12ED7F48-8A43-43A8-A936-2A9BA398726A}" dt="2023-10-23T15:20:51.700" v="321" actId="478"/>
          <ac:spMkLst>
            <pc:docMk/>
            <pc:sldMk cId="3353519111" sldId="2147476509"/>
            <ac:spMk id="78" creationId="{098C6CCE-5B0C-80C2-BCDD-BC515E9F7A82}"/>
          </ac:spMkLst>
        </pc:spChg>
        <pc:spChg chg="mod">
          <ac:chgData name="Sara Mastrorosa" userId="d159c406-3740-4568-9f4d-6092b2495d2a" providerId="ADAL" clId="{12ED7F48-8A43-43A8-A936-2A9BA398726A}" dt="2023-10-24T14:42:09.515" v="390" actId="571"/>
          <ac:spMkLst>
            <pc:docMk/>
            <pc:sldMk cId="3353519111" sldId="2147476509"/>
            <ac:spMk id="78" creationId="{DD47DECA-D70E-E134-3776-2D5D28FA2D3E}"/>
          </ac:spMkLst>
        </pc:spChg>
        <pc:spChg chg="del mod">
          <ac:chgData name="Sara Mastrorosa" userId="d159c406-3740-4568-9f4d-6092b2495d2a" providerId="ADAL" clId="{12ED7F48-8A43-43A8-A936-2A9BA398726A}" dt="2023-10-23T15:20:49.710" v="320" actId="478"/>
          <ac:spMkLst>
            <pc:docMk/>
            <pc:sldMk cId="3353519111" sldId="2147476509"/>
            <ac:spMk id="79" creationId="{69401D69-6399-BCA5-A3EA-2E16B49667EB}"/>
          </ac:spMkLst>
        </pc:spChg>
        <pc:spChg chg="mod">
          <ac:chgData name="Sara Mastrorosa" userId="d159c406-3740-4568-9f4d-6092b2495d2a" providerId="ADAL" clId="{12ED7F48-8A43-43A8-A936-2A9BA398726A}" dt="2023-10-24T14:42:09.515" v="390" actId="571"/>
          <ac:spMkLst>
            <pc:docMk/>
            <pc:sldMk cId="3353519111" sldId="2147476509"/>
            <ac:spMk id="79" creationId="{B9122A90-BBEB-5D76-5E1B-3DA4BC154B10}"/>
          </ac:spMkLst>
        </pc:spChg>
        <pc:spChg chg="del mod">
          <ac:chgData name="Sara Mastrorosa" userId="d159c406-3740-4568-9f4d-6092b2495d2a" providerId="ADAL" clId="{12ED7F48-8A43-43A8-A936-2A9BA398726A}" dt="2023-10-23T15:20:47.788" v="319" actId="478"/>
          <ac:spMkLst>
            <pc:docMk/>
            <pc:sldMk cId="3353519111" sldId="2147476509"/>
            <ac:spMk id="80" creationId="{832EB35E-E733-C963-CED0-14274BB5987F}"/>
          </ac:spMkLst>
        </pc:spChg>
        <pc:spChg chg="mod">
          <ac:chgData name="Sara Mastrorosa" userId="d159c406-3740-4568-9f4d-6092b2495d2a" providerId="ADAL" clId="{12ED7F48-8A43-43A8-A936-2A9BA398726A}" dt="2023-10-24T14:42:09.515" v="390" actId="571"/>
          <ac:spMkLst>
            <pc:docMk/>
            <pc:sldMk cId="3353519111" sldId="2147476509"/>
            <ac:spMk id="80" creationId="{E5463FA7-603A-6E58-953C-ECD937D24E71}"/>
          </ac:spMkLst>
        </pc:spChg>
        <pc:spChg chg="del mod">
          <ac:chgData name="Sara Mastrorosa" userId="d159c406-3740-4568-9f4d-6092b2495d2a" providerId="ADAL" clId="{12ED7F48-8A43-43A8-A936-2A9BA398726A}" dt="2023-10-23T15:20:42.593" v="316" actId="478"/>
          <ac:spMkLst>
            <pc:docMk/>
            <pc:sldMk cId="3353519111" sldId="2147476509"/>
            <ac:spMk id="81" creationId="{1643F25D-0D9E-B4BF-5B0F-8890732DE02F}"/>
          </ac:spMkLst>
        </pc:spChg>
        <pc:spChg chg="add del mod">
          <ac:chgData name="Sara Mastrorosa" userId="d159c406-3740-4568-9f4d-6092b2495d2a" providerId="ADAL" clId="{12ED7F48-8A43-43A8-A936-2A9BA398726A}" dt="2023-10-24T14:52:13.374" v="676" actId="478"/>
          <ac:spMkLst>
            <pc:docMk/>
            <pc:sldMk cId="3353519111" sldId="2147476509"/>
            <ac:spMk id="81" creationId="{5527AFF2-0F3B-45CB-3456-20FD5E3FAD50}"/>
          </ac:spMkLst>
        </pc:spChg>
        <pc:spChg chg="mod">
          <ac:chgData name="Sara Mastrorosa" userId="d159c406-3740-4568-9f4d-6092b2495d2a" providerId="ADAL" clId="{12ED7F48-8A43-43A8-A936-2A9BA398726A}" dt="2023-10-23T15:13:44.612" v="234"/>
          <ac:spMkLst>
            <pc:docMk/>
            <pc:sldMk cId="3353519111" sldId="2147476509"/>
            <ac:spMk id="82" creationId="{776745CD-CA77-1A4B-BBE6-94E236D97C9A}"/>
          </ac:spMkLst>
        </pc:spChg>
        <pc:spChg chg="mod">
          <ac:chgData name="Sara Mastrorosa" userId="d159c406-3740-4568-9f4d-6092b2495d2a" providerId="ADAL" clId="{12ED7F48-8A43-43A8-A936-2A9BA398726A}" dt="2023-10-23T15:13:44.612" v="234"/>
          <ac:spMkLst>
            <pc:docMk/>
            <pc:sldMk cId="3353519111" sldId="2147476509"/>
            <ac:spMk id="83" creationId="{43AC3BE3-0511-9A00-1200-6A89F9DBF937}"/>
          </ac:spMkLst>
        </pc:spChg>
        <pc:spChg chg="mod">
          <ac:chgData name="Sara Mastrorosa" userId="d159c406-3740-4568-9f4d-6092b2495d2a" providerId="ADAL" clId="{12ED7F48-8A43-43A8-A936-2A9BA398726A}" dt="2023-10-23T15:13:44.612" v="234"/>
          <ac:spMkLst>
            <pc:docMk/>
            <pc:sldMk cId="3353519111" sldId="2147476509"/>
            <ac:spMk id="84" creationId="{A6301EEF-BF11-8B6B-698C-113E60274313}"/>
          </ac:spMkLst>
        </pc:spChg>
        <pc:spChg chg="mod">
          <ac:chgData name="Sara Mastrorosa" userId="d159c406-3740-4568-9f4d-6092b2495d2a" providerId="ADAL" clId="{12ED7F48-8A43-43A8-A936-2A9BA398726A}" dt="2023-10-23T15:13:44.612" v="234"/>
          <ac:spMkLst>
            <pc:docMk/>
            <pc:sldMk cId="3353519111" sldId="2147476509"/>
            <ac:spMk id="85" creationId="{1152C518-68AD-E1DA-4D05-6794E8818316}"/>
          </ac:spMkLst>
        </pc:spChg>
        <pc:spChg chg="mod">
          <ac:chgData name="Sara Mastrorosa" userId="d159c406-3740-4568-9f4d-6092b2495d2a" providerId="ADAL" clId="{12ED7F48-8A43-43A8-A936-2A9BA398726A}" dt="2023-10-23T15:13:44.612" v="234"/>
          <ac:spMkLst>
            <pc:docMk/>
            <pc:sldMk cId="3353519111" sldId="2147476509"/>
            <ac:spMk id="86" creationId="{34A31DC6-4CDB-8FC3-0A82-721040199565}"/>
          </ac:spMkLst>
        </pc:spChg>
        <pc:spChg chg="mod">
          <ac:chgData name="Sara Mastrorosa" userId="d159c406-3740-4568-9f4d-6092b2495d2a" providerId="ADAL" clId="{12ED7F48-8A43-43A8-A936-2A9BA398726A}" dt="2023-10-23T15:13:44.612" v="234"/>
          <ac:spMkLst>
            <pc:docMk/>
            <pc:sldMk cId="3353519111" sldId="2147476509"/>
            <ac:spMk id="87" creationId="{7135CF0F-EADB-A60C-324A-58CB4F42783F}"/>
          </ac:spMkLst>
        </pc:spChg>
        <pc:spChg chg="mod">
          <ac:chgData name="Sara Mastrorosa" userId="d159c406-3740-4568-9f4d-6092b2495d2a" providerId="ADAL" clId="{12ED7F48-8A43-43A8-A936-2A9BA398726A}" dt="2023-10-23T15:13:44.612" v="234"/>
          <ac:spMkLst>
            <pc:docMk/>
            <pc:sldMk cId="3353519111" sldId="2147476509"/>
            <ac:spMk id="88" creationId="{FAEB6007-AEC3-C57A-7487-516B364B41BD}"/>
          </ac:spMkLst>
        </pc:spChg>
        <pc:spChg chg="mod">
          <ac:chgData name="Sara Mastrorosa" userId="d159c406-3740-4568-9f4d-6092b2495d2a" providerId="ADAL" clId="{12ED7F48-8A43-43A8-A936-2A9BA398726A}" dt="2023-10-23T15:13:44.612" v="234"/>
          <ac:spMkLst>
            <pc:docMk/>
            <pc:sldMk cId="3353519111" sldId="2147476509"/>
            <ac:spMk id="89" creationId="{6E10CE8C-3C52-E210-7939-D795EB07D7F6}"/>
          </ac:spMkLst>
        </pc:spChg>
        <pc:spChg chg="mod">
          <ac:chgData name="Sara Mastrorosa" userId="d159c406-3740-4568-9f4d-6092b2495d2a" providerId="ADAL" clId="{12ED7F48-8A43-43A8-A936-2A9BA398726A}" dt="2023-10-23T15:13:44.612" v="234"/>
          <ac:spMkLst>
            <pc:docMk/>
            <pc:sldMk cId="3353519111" sldId="2147476509"/>
            <ac:spMk id="90" creationId="{69758773-7A76-B064-1A54-55D4A2219E67}"/>
          </ac:spMkLst>
        </pc:spChg>
        <pc:spChg chg="mod">
          <ac:chgData name="Sara Mastrorosa" userId="d159c406-3740-4568-9f4d-6092b2495d2a" providerId="ADAL" clId="{12ED7F48-8A43-43A8-A936-2A9BA398726A}" dt="2023-10-23T15:13:44.612" v="234"/>
          <ac:spMkLst>
            <pc:docMk/>
            <pc:sldMk cId="3353519111" sldId="2147476509"/>
            <ac:spMk id="91" creationId="{E1A9D925-8CB7-370D-0202-EA38DB00B49B}"/>
          </ac:spMkLst>
        </pc:spChg>
        <pc:spChg chg="mod">
          <ac:chgData name="Sara Mastrorosa" userId="d159c406-3740-4568-9f4d-6092b2495d2a" providerId="ADAL" clId="{12ED7F48-8A43-43A8-A936-2A9BA398726A}" dt="2023-10-23T15:13:44.612" v="234"/>
          <ac:spMkLst>
            <pc:docMk/>
            <pc:sldMk cId="3353519111" sldId="2147476509"/>
            <ac:spMk id="92" creationId="{101C3152-456A-F283-CF76-9AF7F55AC2B9}"/>
          </ac:spMkLst>
        </pc:spChg>
        <pc:spChg chg="mod">
          <ac:chgData name="Sara Mastrorosa" userId="d159c406-3740-4568-9f4d-6092b2495d2a" providerId="ADAL" clId="{12ED7F48-8A43-43A8-A936-2A9BA398726A}" dt="2023-10-23T15:13:44.612" v="234"/>
          <ac:spMkLst>
            <pc:docMk/>
            <pc:sldMk cId="3353519111" sldId="2147476509"/>
            <ac:spMk id="93" creationId="{BB899B94-8DEB-DF60-826A-B739EF1FA20A}"/>
          </ac:spMkLst>
        </pc:spChg>
        <pc:spChg chg="mod">
          <ac:chgData name="Sara Mastrorosa" userId="d159c406-3740-4568-9f4d-6092b2495d2a" providerId="ADAL" clId="{12ED7F48-8A43-43A8-A936-2A9BA398726A}" dt="2023-10-23T15:13:44.612" v="234"/>
          <ac:spMkLst>
            <pc:docMk/>
            <pc:sldMk cId="3353519111" sldId="2147476509"/>
            <ac:spMk id="94" creationId="{75E61E9C-9002-AD2E-F535-6469B468FD51}"/>
          </ac:spMkLst>
        </pc:spChg>
        <pc:spChg chg="mod">
          <ac:chgData name="Sara Mastrorosa" userId="d159c406-3740-4568-9f4d-6092b2495d2a" providerId="ADAL" clId="{12ED7F48-8A43-43A8-A936-2A9BA398726A}" dt="2023-10-23T15:13:44.612" v="234"/>
          <ac:spMkLst>
            <pc:docMk/>
            <pc:sldMk cId="3353519111" sldId="2147476509"/>
            <ac:spMk id="95" creationId="{B3F90B3A-0AAC-84EC-6868-776777AE3BBF}"/>
          </ac:spMkLst>
        </pc:spChg>
        <pc:spChg chg="mod">
          <ac:chgData name="Sara Mastrorosa" userId="d159c406-3740-4568-9f4d-6092b2495d2a" providerId="ADAL" clId="{12ED7F48-8A43-43A8-A936-2A9BA398726A}" dt="2023-10-23T15:13:44.612" v="234"/>
          <ac:spMkLst>
            <pc:docMk/>
            <pc:sldMk cId="3353519111" sldId="2147476509"/>
            <ac:spMk id="96" creationId="{1C3537D6-CB07-FFB5-BC0F-35197F171029}"/>
          </ac:spMkLst>
        </pc:spChg>
        <pc:spChg chg="mod">
          <ac:chgData name="Sara Mastrorosa" userId="d159c406-3740-4568-9f4d-6092b2495d2a" providerId="ADAL" clId="{12ED7F48-8A43-43A8-A936-2A9BA398726A}" dt="2023-10-23T15:13:44.612" v="234"/>
          <ac:spMkLst>
            <pc:docMk/>
            <pc:sldMk cId="3353519111" sldId="2147476509"/>
            <ac:spMk id="97" creationId="{7B30ED19-380A-795C-7C26-FF363613E48D}"/>
          </ac:spMkLst>
        </pc:spChg>
        <pc:spChg chg="mod">
          <ac:chgData name="Sara Mastrorosa" userId="d159c406-3740-4568-9f4d-6092b2495d2a" providerId="ADAL" clId="{12ED7F48-8A43-43A8-A936-2A9BA398726A}" dt="2023-10-23T15:13:44.612" v="234"/>
          <ac:spMkLst>
            <pc:docMk/>
            <pc:sldMk cId="3353519111" sldId="2147476509"/>
            <ac:spMk id="98" creationId="{402ABF24-766D-3884-4D62-E306B580C87F}"/>
          </ac:spMkLst>
        </pc:spChg>
        <pc:spChg chg="mod">
          <ac:chgData name="Sara Mastrorosa" userId="d159c406-3740-4568-9f4d-6092b2495d2a" providerId="ADAL" clId="{12ED7F48-8A43-43A8-A936-2A9BA398726A}" dt="2023-10-23T15:13:44.612" v="234"/>
          <ac:spMkLst>
            <pc:docMk/>
            <pc:sldMk cId="3353519111" sldId="2147476509"/>
            <ac:spMk id="99" creationId="{6705EDB2-E7C3-FEB7-5236-31C201E43A8E}"/>
          </ac:spMkLst>
        </pc:spChg>
        <pc:spChg chg="mod">
          <ac:chgData name="Sara Mastrorosa" userId="d159c406-3740-4568-9f4d-6092b2495d2a" providerId="ADAL" clId="{12ED7F48-8A43-43A8-A936-2A9BA398726A}" dt="2023-10-23T15:13:44.612" v="234"/>
          <ac:spMkLst>
            <pc:docMk/>
            <pc:sldMk cId="3353519111" sldId="2147476509"/>
            <ac:spMk id="100" creationId="{028F8C2A-5306-A60C-F82B-4AAF802F1116}"/>
          </ac:spMkLst>
        </pc:spChg>
        <pc:spChg chg="mod">
          <ac:chgData name="Sara Mastrorosa" userId="d159c406-3740-4568-9f4d-6092b2495d2a" providerId="ADAL" clId="{12ED7F48-8A43-43A8-A936-2A9BA398726A}" dt="2023-10-23T15:13:44.612" v="234"/>
          <ac:spMkLst>
            <pc:docMk/>
            <pc:sldMk cId="3353519111" sldId="2147476509"/>
            <ac:spMk id="101" creationId="{AA22733D-2DBB-4C7D-DA18-2DBB10E15ECC}"/>
          </ac:spMkLst>
        </pc:spChg>
        <pc:spChg chg="mod">
          <ac:chgData name="Sara Mastrorosa" userId="d159c406-3740-4568-9f4d-6092b2495d2a" providerId="ADAL" clId="{12ED7F48-8A43-43A8-A936-2A9BA398726A}" dt="2023-10-23T15:13:44.612" v="234"/>
          <ac:spMkLst>
            <pc:docMk/>
            <pc:sldMk cId="3353519111" sldId="2147476509"/>
            <ac:spMk id="102" creationId="{649AB376-95D5-A084-CD9B-BC41E3166E24}"/>
          </ac:spMkLst>
        </pc:spChg>
        <pc:spChg chg="del mod">
          <ac:chgData name="Sara Mastrorosa" userId="d159c406-3740-4568-9f4d-6092b2495d2a" providerId="ADAL" clId="{12ED7F48-8A43-43A8-A936-2A9BA398726A}" dt="2023-10-23T15:21:07.643" v="327" actId="478"/>
          <ac:spMkLst>
            <pc:docMk/>
            <pc:sldMk cId="3353519111" sldId="2147476509"/>
            <ac:spMk id="103" creationId="{72DBDC53-0678-CF82-56D9-613180823127}"/>
          </ac:spMkLst>
        </pc:spChg>
        <pc:spChg chg="mod">
          <ac:chgData name="Sara Mastrorosa" userId="d159c406-3740-4568-9f4d-6092b2495d2a" providerId="ADAL" clId="{12ED7F48-8A43-43A8-A936-2A9BA398726A}" dt="2023-10-23T15:13:44.612" v="234"/>
          <ac:spMkLst>
            <pc:docMk/>
            <pc:sldMk cId="3353519111" sldId="2147476509"/>
            <ac:spMk id="104" creationId="{B18F0DA8-0EC2-6A55-4B0D-C01184264110}"/>
          </ac:spMkLst>
        </pc:spChg>
        <pc:spChg chg="mod">
          <ac:chgData name="Sara Mastrorosa" userId="d159c406-3740-4568-9f4d-6092b2495d2a" providerId="ADAL" clId="{12ED7F48-8A43-43A8-A936-2A9BA398726A}" dt="2023-10-24T14:42:09.515" v="390" actId="571"/>
          <ac:spMkLst>
            <pc:docMk/>
            <pc:sldMk cId="3353519111" sldId="2147476509"/>
            <ac:spMk id="105" creationId="{53658F06-EFA5-09C6-C8B6-73C89620D342}"/>
          </ac:spMkLst>
        </pc:spChg>
        <pc:spChg chg="del mod">
          <ac:chgData name="Sara Mastrorosa" userId="d159c406-3740-4568-9f4d-6092b2495d2a" providerId="ADAL" clId="{12ED7F48-8A43-43A8-A936-2A9BA398726A}" dt="2023-10-23T15:21:05.407" v="326" actId="478"/>
          <ac:spMkLst>
            <pc:docMk/>
            <pc:sldMk cId="3353519111" sldId="2147476509"/>
            <ac:spMk id="105" creationId="{938B26F9-3269-7861-E73E-713DEC77E147}"/>
          </ac:spMkLst>
        </pc:spChg>
        <pc:spChg chg="mod">
          <ac:chgData name="Sara Mastrorosa" userId="d159c406-3740-4568-9f4d-6092b2495d2a" providerId="ADAL" clId="{12ED7F48-8A43-43A8-A936-2A9BA398726A}" dt="2023-10-23T15:13:44.612" v="234"/>
          <ac:spMkLst>
            <pc:docMk/>
            <pc:sldMk cId="3353519111" sldId="2147476509"/>
            <ac:spMk id="106" creationId="{7CE9F474-A656-1711-AF58-E88DC9210B49}"/>
          </ac:spMkLst>
        </pc:spChg>
        <pc:spChg chg="mod">
          <ac:chgData name="Sara Mastrorosa" userId="d159c406-3740-4568-9f4d-6092b2495d2a" providerId="ADAL" clId="{12ED7F48-8A43-43A8-A936-2A9BA398726A}" dt="2023-10-23T15:13:44.612" v="234"/>
          <ac:spMkLst>
            <pc:docMk/>
            <pc:sldMk cId="3353519111" sldId="2147476509"/>
            <ac:spMk id="107" creationId="{201FBE58-ECCD-4653-7039-B60040953E59}"/>
          </ac:spMkLst>
        </pc:spChg>
        <pc:spChg chg="mod">
          <ac:chgData name="Sara Mastrorosa" userId="d159c406-3740-4568-9f4d-6092b2495d2a" providerId="ADAL" clId="{12ED7F48-8A43-43A8-A936-2A9BA398726A}" dt="2023-10-23T15:13:44.612" v="234"/>
          <ac:spMkLst>
            <pc:docMk/>
            <pc:sldMk cId="3353519111" sldId="2147476509"/>
            <ac:spMk id="108" creationId="{85F0440A-C20D-D27C-B80B-446DCE5D1554}"/>
          </ac:spMkLst>
        </pc:spChg>
        <pc:spChg chg="mod">
          <ac:chgData name="Sara Mastrorosa" userId="d159c406-3740-4568-9f4d-6092b2495d2a" providerId="ADAL" clId="{12ED7F48-8A43-43A8-A936-2A9BA398726A}" dt="2023-10-23T15:13:44.612" v="234"/>
          <ac:spMkLst>
            <pc:docMk/>
            <pc:sldMk cId="3353519111" sldId="2147476509"/>
            <ac:spMk id="109" creationId="{48724B6B-BA16-C816-88BB-B1501818567B}"/>
          </ac:spMkLst>
        </pc:spChg>
        <pc:spChg chg="mod">
          <ac:chgData name="Sara Mastrorosa" userId="d159c406-3740-4568-9f4d-6092b2495d2a" providerId="ADAL" clId="{12ED7F48-8A43-43A8-A936-2A9BA398726A}" dt="2023-10-23T15:13:44.612" v="234"/>
          <ac:spMkLst>
            <pc:docMk/>
            <pc:sldMk cId="3353519111" sldId="2147476509"/>
            <ac:spMk id="110" creationId="{0BCE082E-B61B-FA55-FE59-110F9B550B7F}"/>
          </ac:spMkLst>
        </pc:spChg>
        <pc:spChg chg="del mod">
          <ac:chgData name="Sara Mastrorosa" userId="d159c406-3740-4568-9f4d-6092b2495d2a" providerId="ADAL" clId="{12ED7F48-8A43-43A8-A936-2A9BA398726A}" dt="2023-10-23T15:21:02.040" v="325" actId="478"/>
          <ac:spMkLst>
            <pc:docMk/>
            <pc:sldMk cId="3353519111" sldId="2147476509"/>
            <ac:spMk id="111" creationId="{28A65CEF-EA66-EE86-7621-C989EA07FA3D}"/>
          </ac:spMkLst>
        </pc:spChg>
        <pc:spChg chg="mod">
          <ac:chgData name="Sara Mastrorosa" userId="d159c406-3740-4568-9f4d-6092b2495d2a" providerId="ADAL" clId="{12ED7F48-8A43-43A8-A936-2A9BA398726A}" dt="2023-10-24T14:42:09.515" v="390" actId="571"/>
          <ac:spMkLst>
            <pc:docMk/>
            <pc:sldMk cId="3353519111" sldId="2147476509"/>
            <ac:spMk id="111" creationId="{B9E59BB5-07D6-01CD-15D9-E4A68F102B30}"/>
          </ac:spMkLst>
        </pc:spChg>
        <pc:spChg chg="del mod">
          <ac:chgData name="Sara Mastrorosa" userId="d159c406-3740-4568-9f4d-6092b2495d2a" providerId="ADAL" clId="{12ED7F48-8A43-43A8-A936-2A9BA398726A}" dt="2023-10-23T15:21:00.520" v="324" actId="478"/>
          <ac:spMkLst>
            <pc:docMk/>
            <pc:sldMk cId="3353519111" sldId="2147476509"/>
            <ac:spMk id="112" creationId="{382532AA-8838-F16F-900E-ACA9DF4CA270}"/>
          </ac:spMkLst>
        </pc:spChg>
        <pc:spChg chg="mod">
          <ac:chgData name="Sara Mastrorosa" userId="d159c406-3740-4568-9f4d-6092b2495d2a" providerId="ADAL" clId="{12ED7F48-8A43-43A8-A936-2A9BA398726A}" dt="2023-10-24T14:42:09.515" v="390" actId="571"/>
          <ac:spMkLst>
            <pc:docMk/>
            <pc:sldMk cId="3353519111" sldId="2147476509"/>
            <ac:spMk id="112" creationId="{D7C9EE49-B783-A07B-244E-389C4EF96501}"/>
          </ac:spMkLst>
        </pc:spChg>
        <pc:spChg chg="del mod">
          <ac:chgData name="Sara Mastrorosa" userId="d159c406-3740-4568-9f4d-6092b2495d2a" providerId="ADAL" clId="{12ED7F48-8A43-43A8-A936-2A9BA398726A}" dt="2023-10-23T15:20:58.630" v="323" actId="478"/>
          <ac:spMkLst>
            <pc:docMk/>
            <pc:sldMk cId="3353519111" sldId="2147476509"/>
            <ac:spMk id="113" creationId="{ABF48620-D21B-B909-0BFF-6640224AB24F}"/>
          </ac:spMkLst>
        </pc:spChg>
        <pc:spChg chg="mod">
          <ac:chgData name="Sara Mastrorosa" userId="d159c406-3740-4568-9f4d-6092b2495d2a" providerId="ADAL" clId="{12ED7F48-8A43-43A8-A936-2A9BA398726A}" dt="2023-10-24T14:42:09.515" v="390" actId="571"/>
          <ac:spMkLst>
            <pc:docMk/>
            <pc:sldMk cId="3353519111" sldId="2147476509"/>
            <ac:spMk id="113" creationId="{E809C37E-853B-E173-78C9-DB2F9CBC63D3}"/>
          </ac:spMkLst>
        </pc:spChg>
        <pc:spChg chg="mod">
          <ac:chgData name="Sara Mastrorosa" userId="d159c406-3740-4568-9f4d-6092b2495d2a" providerId="ADAL" clId="{12ED7F48-8A43-43A8-A936-2A9BA398726A}" dt="2023-10-23T15:13:44.612" v="234"/>
          <ac:spMkLst>
            <pc:docMk/>
            <pc:sldMk cId="3353519111" sldId="2147476509"/>
            <ac:spMk id="114" creationId="{6FEAE617-E592-7537-DAAB-C09782CF0E8F}"/>
          </ac:spMkLst>
        </pc:spChg>
        <pc:spChg chg="mod">
          <ac:chgData name="Sara Mastrorosa" userId="d159c406-3740-4568-9f4d-6092b2495d2a" providerId="ADAL" clId="{12ED7F48-8A43-43A8-A936-2A9BA398726A}" dt="2023-10-23T15:13:44.612" v="234"/>
          <ac:spMkLst>
            <pc:docMk/>
            <pc:sldMk cId="3353519111" sldId="2147476509"/>
            <ac:spMk id="115" creationId="{AFC7BF32-E5D5-561C-42D9-9B287C4C1585}"/>
          </ac:spMkLst>
        </pc:spChg>
        <pc:spChg chg="mod">
          <ac:chgData name="Sara Mastrorosa" userId="d159c406-3740-4568-9f4d-6092b2495d2a" providerId="ADAL" clId="{12ED7F48-8A43-43A8-A936-2A9BA398726A}" dt="2023-10-23T15:13:44.612" v="234"/>
          <ac:spMkLst>
            <pc:docMk/>
            <pc:sldMk cId="3353519111" sldId="2147476509"/>
            <ac:spMk id="116" creationId="{179CA72A-5F80-EF1F-35ED-8F7F27BE825A}"/>
          </ac:spMkLst>
        </pc:spChg>
        <pc:spChg chg="mod">
          <ac:chgData name="Sara Mastrorosa" userId="d159c406-3740-4568-9f4d-6092b2495d2a" providerId="ADAL" clId="{12ED7F48-8A43-43A8-A936-2A9BA398726A}" dt="2023-10-23T15:13:44.612" v="234"/>
          <ac:spMkLst>
            <pc:docMk/>
            <pc:sldMk cId="3353519111" sldId="2147476509"/>
            <ac:spMk id="117" creationId="{65B02C09-6971-982D-45F9-A70834C66098}"/>
          </ac:spMkLst>
        </pc:spChg>
        <pc:spChg chg="mod">
          <ac:chgData name="Sara Mastrorosa" userId="d159c406-3740-4568-9f4d-6092b2495d2a" providerId="ADAL" clId="{12ED7F48-8A43-43A8-A936-2A9BA398726A}" dt="2023-10-23T15:13:44.612" v="234"/>
          <ac:spMkLst>
            <pc:docMk/>
            <pc:sldMk cId="3353519111" sldId="2147476509"/>
            <ac:spMk id="118" creationId="{0911DB33-465B-E97E-7282-1090DE40FBDE}"/>
          </ac:spMkLst>
        </pc:spChg>
        <pc:spChg chg="mod">
          <ac:chgData name="Sara Mastrorosa" userId="d159c406-3740-4568-9f4d-6092b2495d2a" providerId="ADAL" clId="{12ED7F48-8A43-43A8-A936-2A9BA398726A}" dt="2023-10-23T15:13:44.612" v="234"/>
          <ac:spMkLst>
            <pc:docMk/>
            <pc:sldMk cId="3353519111" sldId="2147476509"/>
            <ac:spMk id="119" creationId="{091B01E8-5F7A-678E-729E-863A7F1ACA7D}"/>
          </ac:spMkLst>
        </pc:spChg>
        <pc:spChg chg="mod">
          <ac:chgData name="Sara Mastrorosa" userId="d159c406-3740-4568-9f4d-6092b2495d2a" providerId="ADAL" clId="{12ED7F48-8A43-43A8-A936-2A9BA398726A}" dt="2023-10-23T15:13:44.612" v="234"/>
          <ac:spMkLst>
            <pc:docMk/>
            <pc:sldMk cId="3353519111" sldId="2147476509"/>
            <ac:spMk id="120" creationId="{ED4AB0C0-59D6-5094-996A-5E9F7778DC33}"/>
          </ac:spMkLst>
        </pc:spChg>
        <pc:spChg chg="mod">
          <ac:chgData name="Sara Mastrorosa" userId="d159c406-3740-4568-9f4d-6092b2495d2a" providerId="ADAL" clId="{12ED7F48-8A43-43A8-A936-2A9BA398726A}" dt="2023-10-23T15:13:44.612" v="234"/>
          <ac:spMkLst>
            <pc:docMk/>
            <pc:sldMk cId="3353519111" sldId="2147476509"/>
            <ac:spMk id="121" creationId="{8B4912A6-B158-8457-2604-60E904CA374D}"/>
          </ac:spMkLst>
        </pc:spChg>
        <pc:spChg chg="mod">
          <ac:chgData name="Sara Mastrorosa" userId="d159c406-3740-4568-9f4d-6092b2495d2a" providerId="ADAL" clId="{12ED7F48-8A43-43A8-A936-2A9BA398726A}" dt="2023-10-23T15:13:44.612" v="234"/>
          <ac:spMkLst>
            <pc:docMk/>
            <pc:sldMk cId="3353519111" sldId="2147476509"/>
            <ac:spMk id="122" creationId="{7F07BC5D-992B-9EB0-0C7B-E0AEA2CEDC63}"/>
          </ac:spMkLst>
        </pc:spChg>
        <pc:spChg chg="mod">
          <ac:chgData name="Sara Mastrorosa" userId="d159c406-3740-4568-9f4d-6092b2495d2a" providerId="ADAL" clId="{12ED7F48-8A43-43A8-A936-2A9BA398726A}" dt="2023-10-23T15:13:44.612" v="234"/>
          <ac:spMkLst>
            <pc:docMk/>
            <pc:sldMk cId="3353519111" sldId="2147476509"/>
            <ac:spMk id="123" creationId="{809F6D23-50FE-E4F9-0B1D-B2BF04B32F26}"/>
          </ac:spMkLst>
        </pc:spChg>
        <pc:spChg chg="mod">
          <ac:chgData name="Sara Mastrorosa" userId="d159c406-3740-4568-9f4d-6092b2495d2a" providerId="ADAL" clId="{12ED7F48-8A43-43A8-A936-2A9BA398726A}" dt="2023-10-23T15:16:06.818" v="248" actId="207"/>
          <ac:spMkLst>
            <pc:docMk/>
            <pc:sldMk cId="3353519111" sldId="2147476509"/>
            <ac:spMk id="124" creationId="{219E0B00-EA3A-801E-3BCF-82C58EE09EB3}"/>
          </ac:spMkLst>
        </pc:spChg>
        <pc:spChg chg="mod">
          <ac:chgData name="Sara Mastrorosa" userId="d159c406-3740-4568-9f4d-6092b2495d2a" providerId="ADAL" clId="{12ED7F48-8A43-43A8-A936-2A9BA398726A}" dt="2023-10-23T15:16:01.360" v="247" actId="207"/>
          <ac:spMkLst>
            <pc:docMk/>
            <pc:sldMk cId="3353519111" sldId="2147476509"/>
            <ac:spMk id="125" creationId="{E8C11EE4-2A6A-E8AF-507D-769B73F6A489}"/>
          </ac:spMkLst>
        </pc:spChg>
        <pc:spChg chg="mod">
          <ac:chgData name="Sara Mastrorosa" userId="d159c406-3740-4568-9f4d-6092b2495d2a" providerId="ADAL" clId="{12ED7F48-8A43-43A8-A936-2A9BA398726A}" dt="2023-10-23T15:13:44.612" v="234"/>
          <ac:spMkLst>
            <pc:docMk/>
            <pc:sldMk cId="3353519111" sldId="2147476509"/>
            <ac:spMk id="126" creationId="{57B58888-F2DB-54C0-4319-6BFCA895AA7D}"/>
          </ac:spMkLst>
        </pc:spChg>
        <pc:spChg chg="mod">
          <ac:chgData name="Sara Mastrorosa" userId="d159c406-3740-4568-9f4d-6092b2495d2a" providerId="ADAL" clId="{12ED7F48-8A43-43A8-A936-2A9BA398726A}" dt="2023-10-23T15:13:44.612" v="234"/>
          <ac:spMkLst>
            <pc:docMk/>
            <pc:sldMk cId="3353519111" sldId="2147476509"/>
            <ac:spMk id="127" creationId="{09C53FD0-0008-590C-2AB0-E543F783AD01}"/>
          </ac:spMkLst>
        </pc:spChg>
        <pc:spChg chg="mod">
          <ac:chgData name="Sara Mastrorosa" userId="d159c406-3740-4568-9f4d-6092b2495d2a" providerId="ADAL" clId="{12ED7F48-8A43-43A8-A936-2A9BA398726A}" dt="2023-10-23T15:15:41.509" v="239" actId="207"/>
          <ac:spMkLst>
            <pc:docMk/>
            <pc:sldMk cId="3353519111" sldId="2147476509"/>
            <ac:spMk id="128" creationId="{B6C215CE-F5A8-7E66-F82B-CE73936DB1F8}"/>
          </ac:spMkLst>
        </pc:spChg>
        <pc:spChg chg="mod">
          <ac:chgData name="Sara Mastrorosa" userId="d159c406-3740-4568-9f4d-6092b2495d2a" providerId="ADAL" clId="{12ED7F48-8A43-43A8-A936-2A9BA398726A}" dt="2023-10-23T15:13:44.612" v="234"/>
          <ac:spMkLst>
            <pc:docMk/>
            <pc:sldMk cId="3353519111" sldId="2147476509"/>
            <ac:spMk id="129" creationId="{6783F82B-D402-10AC-3272-B416A682784D}"/>
          </ac:spMkLst>
        </pc:spChg>
        <pc:spChg chg="mod">
          <ac:chgData name="Sara Mastrorosa" userId="d159c406-3740-4568-9f4d-6092b2495d2a" providerId="ADAL" clId="{12ED7F48-8A43-43A8-A936-2A9BA398726A}" dt="2023-10-23T15:13:44.612" v="234"/>
          <ac:spMkLst>
            <pc:docMk/>
            <pc:sldMk cId="3353519111" sldId="2147476509"/>
            <ac:spMk id="130" creationId="{4E48B114-7CD0-7AE2-38CE-4A63568F0915}"/>
          </ac:spMkLst>
        </pc:spChg>
        <pc:spChg chg="mod">
          <ac:chgData name="Sara Mastrorosa" userId="d159c406-3740-4568-9f4d-6092b2495d2a" providerId="ADAL" clId="{12ED7F48-8A43-43A8-A936-2A9BA398726A}" dt="2023-10-23T15:13:44.612" v="234"/>
          <ac:spMkLst>
            <pc:docMk/>
            <pc:sldMk cId="3353519111" sldId="2147476509"/>
            <ac:spMk id="131" creationId="{C5B1A8D5-1DD5-6E1F-94B2-DD7A5BC0487E}"/>
          </ac:spMkLst>
        </pc:spChg>
        <pc:spChg chg="mod">
          <ac:chgData name="Sara Mastrorosa" userId="d159c406-3740-4568-9f4d-6092b2495d2a" providerId="ADAL" clId="{12ED7F48-8A43-43A8-A936-2A9BA398726A}" dt="2023-10-23T15:15:41.509" v="239" actId="207"/>
          <ac:spMkLst>
            <pc:docMk/>
            <pc:sldMk cId="3353519111" sldId="2147476509"/>
            <ac:spMk id="132" creationId="{12AC6F36-1FC3-B216-79EB-726CDC901D9E}"/>
          </ac:spMkLst>
        </pc:spChg>
        <pc:spChg chg="mod">
          <ac:chgData name="Sara Mastrorosa" userId="d159c406-3740-4568-9f4d-6092b2495d2a" providerId="ADAL" clId="{12ED7F48-8A43-43A8-A936-2A9BA398726A}" dt="2023-10-23T15:13:44.612" v="234"/>
          <ac:spMkLst>
            <pc:docMk/>
            <pc:sldMk cId="3353519111" sldId="2147476509"/>
            <ac:spMk id="133" creationId="{F490424F-68C1-B069-BB5D-94C4C115408B}"/>
          </ac:spMkLst>
        </pc:spChg>
        <pc:spChg chg="mod">
          <ac:chgData name="Sara Mastrorosa" userId="d159c406-3740-4568-9f4d-6092b2495d2a" providerId="ADAL" clId="{12ED7F48-8A43-43A8-A936-2A9BA398726A}" dt="2023-10-23T15:13:44.612" v="234"/>
          <ac:spMkLst>
            <pc:docMk/>
            <pc:sldMk cId="3353519111" sldId="2147476509"/>
            <ac:spMk id="134" creationId="{FCABB35C-CE44-4C90-5121-F5C34F7A5551}"/>
          </ac:spMkLst>
        </pc:spChg>
        <pc:spChg chg="mod">
          <ac:chgData name="Sara Mastrorosa" userId="d159c406-3740-4568-9f4d-6092b2495d2a" providerId="ADAL" clId="{12ED7F48-8A43-43A8-A936-2A9BA398726A}" dt="2023-10-23T15:13:44.612" v="234"/>
          <ac:spMkLst>
            <pc:docMk/>
            <pc:sldMk cId="3353519111" sldId="2147476509"/>
            <ac:spMk id="135" creationId="{BA585384-0BE2-C849-0E0C-314119F33AF2}"/>
          </ac:spMkLst>
        </pc:spChg>
        <pc:spChg chg="mod">
          <ac:chgData name="Sara Mastrorosa" userId="d159c406-3740-4568-9f4d-6092b2495d2a" providerId="ADAL" clId="{12ED7F48-8A43-43A8-A936-2A9BA398726A}" dt="2023-10-23T15:17:08.852" v="274" actId="207"/>
          <ac:spMkLst>
            <pc:docMk/>
            <pc:sldMk cId="3353519111" sldId="2147476509"/>
            <ac:spMk id="136" creationId="{A6171832-E5DD-2887-3EEF-81B74168BC94}"/>
          </ac:spMkLst>
        </pc:spChg>
        <pc:spChg chg="mod">
          <ac:chgData name="Sara Mastrorosa" userId="d159c406-3740-4568-9f4d-6092b2495d2a" providerId="ADAL" clId="{12ED7F48-8A43-43A8-A936-2A9BA398726A}" dt="2023-10-23T15:13:44.612" v="234"/>
          <ac:spMkLst>
            <pc:docMk/>
            <pc:sldMk cId="3353519111" sldId="2147476509"/>
            <ac:spMk id="137" creationId="{BECF6A19-E1B8-66B9-F05D-02A1EECC87F8}"/>
          </ac:spMkLst>
        </pc:spChg>
        <pc:spChg chg="mod">
          <ac:chgData name="Sara Mastrorosa" userId="d159c406-3740-4568-9f4d-6092b2495d2a" providerId="ADAL" clId="{12ED7F48-8A43-43A8-A936-2A9BA398726A}" dt="2023-10-23T15:13:44.612" v="234"/>
          <ac:spMkLst>
            <pc:docMk/>
            <pc:sldMk cId="3353519111" sldId="2147476509"/>
            <ac:spMk id="138" creationId="{6A37D7A4-9E95-8274-76F8-BF9DF3A2C4BA}"/>
          </ac:spMkLst>
        </pc:spChg>
        <pc:spChg chg="mod">
          <ac:chgData name="Sara Mastrorosa" userId="d159c406-3740-4568-9f4d-6092b2495d2a" providerId="ADAL" clId="{12ED7F48-8A43-43A8-A936-2A9BA398726A}" dt="2023-10-23T15:13:44.612" v="234"/>
          <ac:spMkLst>
            <pc:docMk/>
            <pc:sldMk cId="3353519111" sldId="2147476509"/>
            <ac:spMk id="139" creationId="{7C1C4C35-84B3-C2FE-01D8-73C4EC151085}"/>
          </ac:spMkLst>
        </pc:spChg>
        <pc:spChg chg="mod">
          <ac:chgData name="Sara Mastrorosa" userId="d159c406-3740-4568-9f4d-6092b2495d2a" providerId="ADAL" clId="{12ED7F48-8A43-43A8-A936-2A9BA398726A}" dt="2023-10-23T15:15:51.265" v="242" actId="207"/>
          <ac:spMkLst>
            <pc:docMk/>
            <pc:sldMk cId="3353519111" sldId="2147476509"/>
            <ac:spMk id="140" creationId="{AB4AF583-1D06-3596-3B3F-8DC20062AE2D}"/>
          </ac:spMkLst>
        </pc:spChg>
        <pc:spChg chg="mod">
          <ac:chgData name="Sara Mastrorosa" userId="d159c406-3740-4568-9f4d-6092b2495d2a" providerId="ADAL" clId="{12ED7F48-8A43-43A8-A936-2A9BA398726A}" dt="2023-10-23T15:15:48.311" v="241" actId="207"/>
          <ac:spMkLst>
            <pc:docMk/>
            <pc:sldMk cId="3353519111" sldId="2147476509"/>
            <ac:spMk id="141" creationId="{8CE96243-1B24-93CF-D6E2-E6B5D36ED38C}"/>
          </ac:spMkLst>
        </pc:spChg>
        <pc:spChg chg="mod">
          <ac:chgData name="Sara Mastrorosa" userId="d159c406-3740-4568-9f4d-6092b2495d2a" providerId="ADAL" clId="{12ED7F48-8A43-43A8-A936-2A9BA398726A}" dt="2023-10-23T15:13:44.612" v="234"/>
          <ac:spMkLst>
            <pc:docMk/>
            <pc:sldMk cId="3353519111" sldId="2147476509"/>
            <ac:spMk id="142" creationId="{E7CEC045-9376-2D33-06FB-1568F16D0A5E}"/>
          </ac:spMkLst>
        </pc:spChg>
        <pc:spChg chg="mod">
          <ac:chgData name="Sara Mastrorosa" userId="d159c406-3740-4568-9f4d-6092b2495d2a" providerId="ADAL" clId="{12ED7F48-8A43-43A8-A936-2A9BA398726A}" dt="2023-10-23T15:13:44.612" v="234"/>
          <ac:spMkLst>
            <pc:docMk/>
            <pc:sldMk cId="3353519111" sldId="2147476509"/>
            <ac:spMk id="143" creationId="{A55E156B-7B2E-C29F-4A5C-66743AACA21E}"/>
          </ac:spMkLst>
        </pc:spChg>
        <pc:spChg chg="mod">
          <ac:chgData name="Sara Mastrorosa" userId="d159c406-3740-4568-9f4d-6092b2495d2a" providerId="ADAL" clId="{12ED7F48-8A43-43A8-A936-2A9BA398726A}" dt="2023-10-23T15:17:29.451" v="277" actId="207"/>
          <ac:spMkLst>
            <pc:docMk/>
            <pc:sldMk cId="3353519111" sldId="2147476509"/>
            <ac:spMk id="144" creationId="{B603DD9A-F482-964D-B5B6-4E3DCAB83F5E}"/>
          </ac:spMkLst>
        </pc:spChg>
        <pc:spChg chg="mod">
          <ac:chgData name="Sara Mastrorosa" userId="d159c406-3740-4568-9f4d-6092b2495d2a" providerId="ADAL" clId="{12ED7F48-8A43-43A8-A936-2A9BA398726A}" dt="2023-10-23T15:13:44.612" v="234"/>
          <ac:spMkLst>
            <pc:docMk/>
            <pc:sldMk cId="3353519111" sldId="2147476509"/>
            <ac:spMk id="145" creationId="{75BB0A87-A31D-715B-652B-943F19E7B18B}"/>
          </ac:spMkLst>
        </pc:spChg>
        <pc:spChg chg="mod">
          <ac:chgData name="Sara Mastrorosa" userId="d159c406-3740-4568-9f4d-6092b2495d2a" providerId="ADAL" clId="{12ED7F48-8A43-43A8-A936-2A9BA398726A}" dt="2023-10-23T15:13:44.612" v="234"/>
          <ac:spMkLst>
            <pc:docMk/>
            <pc:sldMk cId="3353519111" sldId="2147476509"/>
            <ac:spMk id="146" creationId="{237BA185-8FDF-4D12-4F00-CC620D9C1317}"/>
          </ac:spMkLst>
        </pc:spChg>
        <pc:spChg chg="mod">
          <ac:chgData name="Sara Mastrorosa" userId="d159c406-3740-4568-9f4d-6092b2495d2a" providerId="ADAL" clId="{12ED7F48-8A43-43A8-A936-2A9BA398726A}" dt="2023-10-23T15:13:44.612" v="234"/>
          <ac:spMkLst>
            <pc:docMk/>
            <pc:sldMk cId="3353519111" sldId="2147476509"/>
            <ac:spMk id="147" creationId="{D3C74254-A6D4-180C-6B50-C1F1BB461D60}"/>
          </ac:spMkLst>
        </pc:spChg>
        <pc:spChg chg="mod">
          <ac:chgData name="Sara Mastrorosa" userId="d159c406-3740-4568-9f4d-6092b2495d2a" providerId="ADAL" clId="{12ED7F48-8A43-43A8-A936-2A9BA398726A}" dt="2023-10-23T15:13:44.612" v="234"/>
          <ac:spMkLst>
            <pc:docMk/>
            <pc:sldMk cId="3353519111" sldId="2147476509"/>
            <ac:spMk id="148" creationId="{96168E10-6E36-EE18-BA7C-0B44C2FA6785}"/>
          </ac:spMkLst>
        </pc:spChg>
        <pc:spChg chg="mod">
          <ac:chgData name="Sara Mastrorosa" userId="d159c406-3740-4568-9f4d-6092b2495d2a" providerId="ADAL" clId="{12ED7F48-8A43-43A8-A936-2A9BA398726A}" dt="2023-10-23T15:13:44.612" v="234"/>
          <ac:spMkLst>
            <pc:docMk/>
            <pc:sldMk cId="3353519111" sldId="2147476509"/>
            <ac:spMk id="149" creationId="{F6316F8D-DE9A-9729-C481-D42CF959880E}"/>
          </ac:spMkLst>
        </pc:spChg>
        <pc:spChg chg="mod">
          <ac:chgData name="Sara Mastrorosa" userId="d159c406-3740-4568-9f4d-6092b2495d2a" providerId="ADAL" clId="{12ED7F48-8A43-43A8-A936-2A9BA398726A}" dt="2023-10-23T15:13:44.612" v="234"/>
          <ac:spMkLst>
            <pc:docMk/>
            <pc:sldMk cId="3353519111" sldId="2147476509"/>
            <ac:spMk id="150" creationId="{E29826AD-6925-BE23-CD83-6F4B6F1F7D26}"/>
          </ac:spMkLst>
        </pc:spChg>
        <pc:spChg chg="mod">
          <ac:chgData name="Sara Mastrorosa" userId="d159c406-3740-4568-9f4d-6092b2495d2a" providerId="ADAL" clId="{12ED7F48-8A43-43A8-A936-2A9BA398726A}" dt="2023-10-23T15:13:44.612" v="234"/>
          <ac:spMkLst>
            <pc:docMk/>
            <pc:sldMk cId="3353519111" sldId="2147476509"/>
            <ac:spMk id="151" creationId="{9332DBF8-8EEB-32ED-E790-83A7CC644D15}"/>
          </ac:spMkLst>
        </pc:spChg>
        <pc:spChg chg="mod">
          <ac:chgData name="Sara Mastrorosa" userId="d159c406-3740-4568-9f4d-6092b2495d2a" providerId="ADAL" clId="{12ED7F48-8A43-43A8-A936-2A9BA398726A}" dt="2023-10-23T15:13:44.612" v="234"/>
          <ac:spMkLst>
            <pc:docMk/>
            <pc:sldMk cId="3353519111" sldId="2147476509"/>
            <ac:spMk id="152" creationId="{D5BC7022-EA17-1164-92A3-00BAE69BC907}"/>
          </ac:spMkLst>
        </pc:spChg>
        <pc:spChg chg="mod">
          <ac:chgData name="Sara Mastrorosa" userId="d159c406-3740-4568-9f4d-6092b2495d2a" providerId="ADAL" clId="{12ED7F48-8A43-43A8-A936-2A9BA398726A}" dt="2023-10-23T15:13:44.612" v="234"/>
          <ac:spMkLst>
            <pc:docMk/>
            <pc:sldMk cId="3353519111" sldId="2147476509"/>
            <ac:spMk id="153" creationId="{EE084F13-BA84-DC04-0FC2-91CC56AC52DC}"/>
          </ac:spMkLst>
        </pc:spChg>
        <pc:spChg chg="mod">
          <ac:chgData name="Sara Mastrorosa" userId="d159c406-3740-4568-9f4d-6092b2495d2a" providerId="ADAL" clId="{12ED7F48-8A43-43A8-A936-2A9BA398726A}" dt="2023-10-23T15:13:44.612" v="234"/>
          <ac:spMkLst>
            <pc:docMk/>
            <pc:sldMk cId="3353519111" sldId="2147476509"/>
            <ac:spMk id="154" creationId="{F5BDB9CE-139E-67AA-20CE-268AC745C975}"/>
          </ac:spMkLst>
        </pc:spChg>
        <pc:spChg chg="mod">
          <ac:chgData name="Sara Mastrorosa" userId="d159c406-3740-4568-9f4d-6092b2495d2a" providerId="ADAL" clId="{12ED7F48-8A43-43A8-A936-2A9BA398726A}" dt="2023-10-23T15:13:44.612" v="234"/>
          <ac:spMkLst>
            <pc:docMk/>
            <pc:sldMk cId="3353519111" sldId="2147476509"/>
            <ac:spMk id="155" creationId="{6C240C8E-4803-1C63-E599-99E6047EF5CB}"/>
          </ac:spMkLst>
        </pc:spChg>
        <pc:spChg chg="mod">
          <ac:chgData name="Sara Mastrorosa" userId="d159c406-3740-4568-9f4d-6092b2495d2a" providerId="ADAL" clId="{12ED7F48-8A43-43A8-A936-2A9BA398726A}" dt="2023-10-23T15:13:44.612" v="234"/>
          <ac:spMkLst>
            <pc:docMk/>
            <pc:sldMk cId="3353519111" sldId="2147476509"/>
            <ac:spMk id="156" creationId="{B7ED2C6B-6D40-CD30-9510-C5D36CD070A5}"/>
          </ac:spMkLst>
        </pc:spChg>
        <pc:spChg chg="del mod">
          <ac:chgData name="Sara Mastrorosa" userId="d159c406-3740-4568-9f4d-6092b2495d2a" providerId="ADAL" clId="{12ED7F48-8A43-43A8-A936-2A9BA398726A}" dt="2023-10-23T15:16:52.978" v="260" actId="478"/>
          <ac:spMkLst>
            <pc:docMk/>
            <pc:sldMk cId="3353519111" sldId="2147476509"/>
            <ac:spMk id="157" creationId="{1BA92555-DECC-0C8C-D4A0-A5D034CC322B}"/>
          </ac:spMkLst>
        </pc:spChg>
        <pc:spChg chg="mod">
          <ac:chgData name="Sara Mastrorosa" userId="d159c406-3740-4568-9f4d-6092b2495d2a" providerId="ADAL" clId="{12ED7F48-8A43-43A8-A936-2A9BA398726A}" dt="2023-10-24T14:42:09.515" v="390" actId="571"/>
          <ac:spMkLst>
            <pc:docMk/>
            <pc:sldMk cId="3353519111" sldId="2147476509"/>
            <ac:spMk id="157" creationId="{F4D7DC88-703C-8670-C185-ED5E9E74BFAB}"/>
          </ac:spMkLst>
        </pc:spChg>
        <pc:spChg chg="mod">
          <ac:chgData name="Sara Mastrorosa" userId="d159c406-3740-4568-9f4d-6092b2495d2a" providerId="ADAL" clId="{12ED7F48-8A43-43A8-A936-2A9BA398726A}" dt="2023-10-23T15:13:44.612" v="234"/>
          <ac:spMkLst>
            <pc:docMk/>
            <pc:sldMk cId="3353519111" sldId="2147476509"/>
            <ac:spMk id="158" creationId="{0711E7C4-0224-30DE-DEF9-577C2645947B}"/>
          </ac:spMkLst>
        </pc:spChg>
        <pc:spChg chg="del mod">
          <ac:chgData name="Sara Mastrorosa" userId="d159c406-3740-4568-9f4d-6092b2495d2a" providerId="ADAL" clId="{12ED7F48-8A43-43A8-A936-2A9BA398726A}" dt="2023-10-23T15:16:51.280" v="259" actId="478"/>
          <ac:spMkLst>
            <pc:docMk/>
            <pc:sldMk cId="3353519111" sldId="2147476509"/>
            <ac:spMk id="159" creationId="{CF049E2D-3A2C-0BB9-0933-D6978C080EAE}"/>
          </ac:spMkLst>
        </pc:spChg>
        <pc:spChg chg="mod">
          <ac:chgData name="Sara Mastrorosa" userId="d159c406-3740-4568-9f4d-6092b2495d2a" providerId="ADAL" clId="{12ED7F48-8A43-43A8-A936-2A9BA398726A}" dt="2023-10-23T15:13:44.612" v="234"/>
          <ac:spMkLst>
            <pc:docMk/>
            <pc:sldMk cId="3353519111" sldId="2147476509"/>
            <ac:spMk id="160" creationId="{ED22A6DE-E436-DA52-E422-4B7B495759F8}"/>
          </ac:spMkLst>
        </pc:spChg>
        <pc:spChg chg="del mod">
          <ac:chgData name="Sara Mastrorosa" userId="d159c406-3740-4568-9f4d-6092b2495d2a" providerId="ADAL" clId="{12ED7F48-8A43-43A8-A936-2A9BA398726A}" dt="2023-10-23T15:16:48.621" v="258" actId="478"/>
          <ac:spMkLst>
            <pc:docMk/>
            <pc:sldMk cId="3353519111" sldId="2147476509"/>
            <ac:spMk id="161" creationId="{7A7CB6D7-A402-CC42-6C32-3E9D92F61921}"/>
          </ac:spMkLst>
        </pc:spChg>
        <pc:spChg chg="mod">
          <ac:chgData name="Sara Mastrorosa" userId="d159c406-3740-4568-9f4d-6092b2495d2a" providerId="ADAL" clId="{12ED7F48-8A43-43A8-A936-2A9BA398726A}" dt="2023-10-24T14:42:09.515" v="390" actId="571"/>
          <ac:spMkLst>
            <pc:docMk/>
            <pc:sldMk cId="3353519111" sldId="2147476509"/>
            <ac:spMk id="161" creationId="{CCA4186F-35AC-B348-9B08-DE853F35FA65}"/>
          </ac:spMkLst>
        </pc:spChg>
        <pc:spChg chg="mod">
          <ac:chgData name="Sara Mastrorosa" userId="d159c406-3740-4568-9f4d-6092b2495d2a" providerId="ADAL" clId="{12ED7F48-8A43-43A8-A936-2A9BA398726A}" dt="2023-10-24T14:42:09.515" v="390" actId="571"/>
          <ac:spMkLst>
            <pc:docMk/>
            <pc:sldMk cId="3353519111" sldId="2147476509"/>
            <ac:spMk id="162" creationId="{32112F91-D294-FF0E-CD5F-9E9DBBD85B9B}"/>
          </ac:spMkLst>
        </pc:spChg>
        <pc:spChg chg="del mod">
          <ac:chgData name="Sara Mastrorosa" userId="d159c406-3740-4568-9f4d-6092b2495d2a" providerId="ADAL" clId="{12ED7F48-8A43-43A8-A936-2A9BA398726A}" dt="2023-10-23T15:16:35.558" v="256" actId="478"/>
          <ac:spMkLst>
            <pc:docMk/>
            <pc:sldMk cId="3353519111" sldId="2147476509"/>
            <ac:spMk id="162" creationId="{9716AE95-3922-14C5-A60F-71415793670A}"/>
          </ac:spMkLst>
        </pc:spChg>
        <pc:spChg chg="mod">
          <ac:chgData name="Sara Mastrorosa" userId="d159c406-3740-4568-9f4d-6092b2495d2a" providerId="ADAL" clId="{12ED7F48-8A43-43A8-A936-2A9BA398726A}" dt="2023-10-24T14:42:09.515" v="390" actId="571"/>
          <ac:spMkLst>
            <pc:docMk/>
            <pc:sldMk cId="3353519111" sldId="2147476509"/>
            <ac:spMk id="163" creationId="{55283704-7CDC-3FE0-6F4A-1CB0C6F906C7}"/>
          </ac:spMkLst>
        </pc:spChg>
        <pc:spChg chg="del mod">
          <ac:chgData name="Sara Mastrorosa" userId="d159c406-3740-4568-9f4d-6092b2495d2a" providerId="ADAL" clId="{12ED7F48-8A43-43A8-A936-2A9BA398726A}" dt="2023-10-23T15:16:34.023" v="255" actId="478"/>
          <ac:spMkLst>
            <pc:docMk/>
            <pc:sldMk cId="3353519111" sldId="2147476509"/>
            <ac:spMk id="163" creationId="{5EE33074-D684-77C2-CFD4-41B2C80AC3D5}"/>
          </ac:spMkLst>
        </pc:spChg>
        <pc:spChg chg="del mod">
          <ac:chgData name="Sara Mastrorosa" userId="d159c406-3740-4568-9f4d-6092b2495d2a" providerId="ADAL" clId="{12ED7F48-8A43-43A8-A936-2A9BA398726A}" dt="2023-10-23T15:16:25.841" v="254" actId="478"/>
          <ac:spMkLst>
            <pc:docMk/>
            <pc:sldMk cId="3353519111" sldId="2147476509"/>
            <ac:spMk id="164" creationId="{E23A0197-5193-8994-E1F3-BFD01A79B874}"/>
          </ac:spMkLst>
        </pc:spChg>
        <pc:spChg chg="mod">
          <ac:chgData name="Sara Mastrorosa" userId="d159c406-3740-4568-9f4d-6092b2495d2a" providerId="ADAL" clId="{12ED7F48-8A43-43A8-A936-2A9BA398726A}" dt="2023-10-24T14:42:09.515" v="390" actId="571"/>
          <ac:spMkLst>
            <pc:docMk/>
            <pc:sldMk cId="3353519111" sldId="2147476509"/>
            <ac:spMk id="164" creationId="{EF5BA4AB-9B76-9C09-2EBD-6378A7A29478}"/>
          </ac:spMkLst>
        </pc:spChg>
        <pc:spChg chg="del mod">
          <ac:chgData name="Sara Mastrorosa" userId="d159c406-3740-4568-9f4d-6092b2495d2a" providerId="ADAL" clId="{12ED7F48-8A43-43A8-A936-2A9BA398726A}" dt="2023-10-23T15:16:22.840" v="253" actId="478"/>
          <ac:spMkLst>
            <pc:docMk/>
            <pc:sldMk cId="3353519111" sldId="2147476509"/>
            <ac:spMk id="165" creationId="{06D65A1E-7F95-5D1A-088B-4C66BC759F2E}"/>
          </ac:spMkLst>
        </pc:spChg>
        <pc:spChg chg="mod">
          <ac:chgData name="Sara Mastrorosa" userId="d159c406-3740-4568-9f4d-6092b2495d2a" providerId="ADAL" clId="{12ED7F48-8A43-43A8-A936-2A9BA398726A}" dt="2023-10-24T14:42:09.515" v="390" actId="571"/>
          <ac:spMkLst>
            <pc:docMk/>
            <pc:sldMk cId="3353519111" sldId="2147476509"/>
            <ac:spMk id="165" creationId="{2E94AFCF-8E1A-EAE9-1022-D758B314B176}"/>
          </ac:spMkLst>
        </pc:spChg>
        <pc:spChg chg="mod">
          <ac:chgData name="Sara Mastrorosa" userId="d159c406-3740-4568-9f4d-6092b2495d2a" providerId="ADAL" clId="{12ED7F48-8A43-43A8-A936-2A9BA398726A}" dt="2023-10-23T15:13:44.612" v="234"/>
          <ac:spMkLst>
            <pc:docMk/>
            <pc:sldMk cId="3353519111" sldId="2147476509"/>
            <ac:spMk id="166" creationId="{33FCE488-55AC-BC31-1AC5-FB18EA58C7D4}"/>
          </ac:spMkLst>
        </pc:spChg>
        <pc:spChg chg="del mod">
          <ac:chgData name="Sara Mastrorosa" userId="d159c406-3740-4568-9f4d-6092b2495d2a" providerId="ADAL" clId="{12ED7F48-8A43-43A8-A936-2A9BA398726A}" dt="2023-10-24T14:43:05.427" v="504" actId="478"/>
          <ac:spMkLst>
            <pc:docMk/>
            <pc:sldMk cId="3353519111" sldId="2147476509"/>
            <ac:spMk id="167" creationId="{E0BF6BBF-A32C-B917-735B-478E0A854C85}"/>
          </ac:spMkLst>
        </pc:spChg>
        <pc:spChg chg="mod">
          <ac:chgData name="Sara Mastrorosa" userId="d159c406-3740-4568-9f4d-6092b2495d2a" providerId="ADAL" clId="{12ED7F48-8A43-43A8-A936-2A9BA398726A}" dt="2023-10-23T15:13:44.612" v="234"/>
          <ac:spMkLst>
            <pc:docMk/>
            <pc:sldMk cId="3353519111" sldId="2147476509"/>
            <ac:spMk id="168" creationId="{718FACB7-CB4A-D489-4F9B-E53509781EF1}"/>
          </ac:spMkLst>
        </pc:spChg>
        <pc:spChg chg="del mod">
          <ac:chgData name="Sara Mastrorosa" userId="d159c406-3740-4568-9f4d-6092b2495d2a" providerId="ADAL" clId="{12ED7F48-8A43-43A8-A936-2A9BA398726A}" dt="2023-10-24T14:43:01.344" v="503" actId="478"/>
          <ac:spMkLst>
            <pc:docMk/>
            <pc:sldMk cId="3353519111" sldId="2147476509"/>
            <ac:spMk id="169" creationId="{6FBF82FA-DC7B-8094-15B2-8E088B9C4F08}"/>
          </ac:spMkLst>
        </pc:spChg>
        <pc:spChg chg="mod">
          <ac:chgData name="Sara Mastrorosa" userId="d159c406-3740-4568-9f4d-6092b2495d2a" providerId="ADAL" clId="{12ED7F48-8A43-43A8-A936-2A9BA398726A}" dt="2023-10-23T15:13:44.612" v="234"/>
          <ac:spMkLst>
            <pc:docMk/>
            <pc:sldMk cId="3353519111" sldId="2147476509"/>
            <ac:spMk id="170" creationId="{39A867DD-AC84-A367-471D-7C290BA7E7F6}"/>
          </ac:spMkLst>
        </pc:spChg>
        <pc:spChg chg="mod">
          <ac:chgData name="Sara Mastrorosa" userId="d159c406-3740-4568-9f4d-6092b2495d2a" providerId="ADAL" clId="{12ED7F48-8A43-43A8-A936-2A9BA398726A}" dt="2023-10-23T15:13:44.612" v="234"/>
          <ac:spMkLst>
            <pc:docMk/>
            <pc:sldMk cId="3353519111" sldId="2147476509"/>
            <ac:spMk id="171" creationId="{F4A4D7BC-3C6D-97EA-0DD5-8363EA4F74F6}"/>
          </ac:spMkLst>
        </pc:spChg>
        <pc:spChg chg="mod">
          <ac:chgData name="Sara Mastrorosa" userId="d159c406-3740-4568-9f4d-6092b2495d2a" providerId="ADAL" clId="{12ED7F48-8A43-43A8-A936-2A9BA398726A}" dt="2023-10-23T15:13:44.612" v="234"/>
          <ac:spMkLst>
            <pc:docMk/>
            <pc:sldMk cId="3353519111" sldId="2147476509"/>
            <ac:spMk id="172" creationId="{3984E8B9-EBFA-7F92-CD66-5F3FE9D8BBB8}"/>
          </ac:spMkLst>
        </pc:spChg>
        <pc:spChg chg="mod">
          <ac:chgData name="Sara Mastrorosa" userId="d159c406-3740-4568-9f4d-6092b2495d2a" providerId="ADAL" clId="{12ED7F48-8A43-43A8-A936-2A9BA398726A}" dt="2023-10-23T15:13:44.612" v="234"/>
          <ac:spMkLst>
            <pc:docMk/>
            <pc:sldMk cId="3353519111" sldId="2147476509"/>
            <ac:spMk id="173" creationId="{E1AFD517-EC2A-ED76-4EC3-3635703EA2B8}"/>
          </ac:spMkLst>
        </pc:spChg>
        <pc:spChg chg="mod">
          <ac:chgData name="Sara Mastrorosa" userId="d159c406-3740-4568-9f4d-6092b2495d2a" providerId="ADAL" clId="{12ED7F48-8A43-43A8-A936-2A9BA398726A}" dt="2023-10-23T15:13:44.612" v="234"/>
          <ac:spMkLst>
            <pc:docMk/>
            <pc:sldMk cId="3353519111" sldId="2147476509"/>
            <ac:spMk id="174" creationId="{E49A33F8-9C75-793B-B7EF-FBB5BA61E6C1}"/>
          </ac:spMkLst>
        </pc:spChg>
        <pc:spChg chg="mod">
          <ac:chgData name="Sara Mastrorosa" userId="d159c406-3740-4568-9f4d-6092b2495d2a" providerId="ADAL" clId="{12ED7F48-8A43-43A8-A936-2A9BA398726A}" dt="2023-10-23T15:13:44.612" v="234"/>
          <ac:spMkLst>
            <pc:docMk/>
            <pc:sldMk cId="3353519111" sldId="2147476509"/>
            <ac:spMk id="175" creationId="{592B597D-2F1F-3DC3-ED9A-82301F4B0A1D}"/>
          </ac:spMkLst>
        </pc:spChg>
        <pc:spChg chg="mod">
          <ac:chgData name="Sara Mastrorosa" userId="d159c406-3740-4568-9f4d-6092b2495d2a" providerId="ADAL" clId="{12ED7F48-8A43-43A8-A936-2A9BA398726A}" dt="2023-10-23T15:18:23.838" v="284" actId="207"/>
          <ac:spMkLst>
            <pc:docMk/>
            <pc:sldMk cId="3353519111" sldId="2147476509"/>
            <ac:spMk id="176" creationId="{786B3BE5-4DF2-37B5-7EAB-C553ADFF924E}"/>
          </ac:spMkLst>
        </pc:spChg>
        <pc:spChg chg="mod">
          <ac:chgData name="Sara Mastrorosa" userId="d159c406-3740-4568-9f4d-6092b2495d2a" providerId="ADAL" clId="{12ED7F48-8A43-43A8-A936-2A9BA398726A}" dt="2023-10-23T15:13:44.612" v="234"/>
          <ac:spMkLst>
            <pc:docMk/>
            <pc:sldMk cId="3353519111" sldId="2147476509"/>
            <ac:spMk id="177" creationId="{BABE5AB5-501F-4F0D-F878-F45126C87937}"/>
          </ac:spMkLst>
        </pc:spChg>
        <pc:spChg chg="mod">
          <ac:chgData name="Sara Mastrorosa" userId="d159c406-3740-4568-9f4d-6092b2495d2a" providerId="ADAL" clId="{12ED7F48-8A43-43A8-A936-2A9BA398726A}" dt="2023-10-23T15:13:44.612" v="234"/>
          <ac:spMkLst>
            <pc:docMk/>
            <pc:sldMk cId="3353519111" sldId="2147476509"/>
            <ac:spMk id="178" creationId="{B9F9D0CD-1CA2-24B0-A0B3-20FE64B1511C}"/>
          </ac:spMkLst>
        </pc:spChg>
        <pc:spChg chg="mod">
          <ac:chgData name="Sara Mastrorosa" userId="d159c406-3740-4568-9f4d-6092b2495d2a" providerId="ADAL" clId="{12ED7F48-8A43-43A8-A936-2A9BA398726A}" dt="2023-10-23T15:13:44.612" v="234"/>
          <ac:spMkLst>
            <pc:docMk/>
            <pc:sldMk cId="3353519111" sldId="2147476509"/>
            <ac:spMk id="179" creationId="{B97F5EE5-4337-04BB-D9FA-0A15B233D5E6}"/>
          </ac:spMkLst>
        </pc:spChg>
        <pc:spChg chg="mod">
          <ac:chgData name="Sara Mastrorosa" userId="d159c406-3740-4568-9f4d-6092b2495d2a" providerId="ADAL" clId="{12ED7F48-8A43-43A8-A936-2A9BA398726A}" dt="2023-10-23T15:15:41.509" v="239" actId="207"/>
          <ac:spMkLst>
            <pc:docMk/>
            <pc:sldMk cId="3353519111" sldId="2147476509"/>
            <ac:spMk id="180" creationId="{C91E5D52-2E16-184B-67F7-75F94E522831}"/>
          </ac:spMkLst>
        </pc:spChg>
        <pc:spChg chg="mod">
          <ac:chgData name="Sara Mastrorosa" userId="d159c406-3740-4568-9f4d-6092b2495d2a" providerId="ADAL" clId="{12ED7F48-8A43-43A8-A936-2A9BA398726A}" dt="2023-10-23T15:13:44.612" v="234"/>
          <ac:spMkLst>
            <pc:docMk/>
            <pc:sldMk cId="3353519111" sldId="2147476509"/>
            <ac:spMk id="181" creationId="{19B50819-ADAC-27AB-9537-470497ECBCAE}"/>
          </ac:spMkLst>
        </pc:spChg>
        <pc:spChg chg="mod">
          <ac:chgData name="Sara Mastrorosa" userId="d159c406-3740-4568-9f4d-6092b2495d2a" providerId="ADAL" clId="{12ED7F48-8A43-43A8-A936-2A9BA398726A}" dt="2023-10-23T15:13:44.612" v="234"/>
          <ac:spMkLst>
            <pc:docMk/>
            <pc:sldMk cId="3353519111" sldId="2147476509"/>
            <ac:spMk id="182" creationId="{F571EFE6-8A9C-65BC-502F-E60EC29EBA51}"/>
          </ac:spMkLst>
        </pc:spChg>
        <pc:spChg chg="mod">
          <ac:chgData name="Sara Mastrorosa" userId="d159c406-3740-4568-9f4d-6092b2495d2a" providerId="ADAL" clId="{12ED7F48-8A43-43A8-A936-2A9BA398726A}" dt="2023-10-23T15:13:44.612" v="234"/>
          <ac:spMkLst>
            <pc:docMk/>
            <pc:sldMk cId="3353519111" sldId="2147476509"/>
            <ac:spMk id="183" creationId="{2A9CAEFC-CD85-477D-4A8B-0F18269C6C01}"/>
          </ac:spMkLst>
        </pc:spChg>
        <pc:spChg chg="mod">
          <ac:chgData name="Sara Mastrorosa" userId="d159c406-3740-4568-9f4d-6092b2495d2a" providerId="ADAL" clId="{12ED7F48-8A43-43A8-A936-2A9BA398726A}" dt="2023-10-23T15:15:41.509" v="239" actId="207"/>
          <ac:spMkLst>
            <pc:docMk/>
            <pc:sldMk cId="3353519111" sldId="2147476509"/>
            <ac:spMk id="184" creationId="{4CA9F9FB-D749-CB79-4A16-029D5D0699F0}"/>
          </ac:spMkLst>
        </pc:spChg>
        <pc:spChg chg="mod">
          <ac:chgData name="Sara Mastrorosa" userId="d159c406-3740-4568-9f4d-6092b2495d2a" providerId="ADAL" clId="{12ED7F48-8A43-43A8-A936-2A9BA398726A}" dt="2023-10-23T15:13:44.612" v="234"/>
          <ac:spMkLst>
            <pc:docMk/>
            <pc:sldMk cId="3353519111" sldId="2147476509"/>
            <ac:spMk id="185" creationId="{7BFBF3CD-A8C7-271E-3A0E-17E855197456}"/>
          </ac:spMkLst>
        </pc:spChg>
        <pc:spChg chg="mod">
          <ac:chgData name="Sara Mastrorosa" userId="d159c406-3740-4568-9f4d-6092b2495d2a" providerId="ADAL" clId="{12ED7F48-8A43-43A8-A936-2A9BA398726A}" dt="2023-10-23T15:13:44.612" v="234"/>
          <ac:spMkLst>
            <pc:docMk/>
            <pc:sldMk cId="3353519111" sldId="2147476509"/>
            <ac:spMk id="186" creationId="{19CB44AD-9742-7548-3035-E83716CA2EA9}"/>
          </ac:spMkLst>
        </pc:spChg>
        <pc:spChg chg="mod">
          <ac:chgData name="Sara Mastrorosa" userId="d159c406-3740-4568-9f4d-6092b2495d2a" providerId="ADAL" clId="{12ED7F48-8A43-43A8-A936-2A9BA398726A}" dt="2023-10-23T15:13:44.612" v="234"/>
          <ac:spMkLst>
            <pc:docMk/>
            <pc:sldMk cId="3353519111" sldId="2147476509"/>
            <ac:spMk id="187" creationId="{2F3D7FBE-9071-EF34-0D30-9D1E3AF55E2F}"/>
          </ac:spMkLst>
        </pc:spChg>
        <pc:spChg chg="mod">
          <ac:chgData name="Sara Mastrorosa" userId="d159c406-3740-4568-9f4d-6092b2495d2a" providerId="ADAL" clId="{12ED7F48-8A43-43A8-A936-2A9BA398726A}" dt="2023-10-23T15:15:48.311" v="241" actId="207"/>
          <ac:spMkLst>
            <pc:docMk/>
            <pc:sldMk cId="3353519111" sldId="2147476509"/>
            <ac:spMk id="188" creationId="{D98FD0A0-8969-E1E6-0510-95BEEC25B04E}"/>
          </ac:spMkLst>
        </pc:spChg>
        <pc:spChg chg="mod">
          <ac:chgData name="Sara Mastrorosa" userId="d159c406-3740-4568-9f4d-6092b2495d2a" providerId="ADAL" clId="{12ED7F48-8A43-43A8-A936-2A9BA398726A}" dt="2023-10-23T15:13:44.612" v="234"/>
          <ac:spMkLst>
            <pc:docMk/>
            <pc:sldMk cId="3353519111" sldId="2147476509"/>
            <ac:spMk id="189" creationId="{0160F461-0BF7-71A7-86E0-B54E0BDC460E}"/>
          </ac:spMkLst>
        </pc:spChg>
        <pc:spChg chg="mod">
          <ac:chgData name="Sara Mastrorosa" userId="d159c406-3740-4568-9f4d-6092b2495d2a" providerId="ADAL" clId="{12ED7F48-8A43-43A8-A936-2A9BA398726A}" dt="2023-10-23T15:13:44.612" v="234"/>
          <ac:spMkLst>
            <pc:docMk/>
            <pc:sldMk cId="3353519111" sldId="2147476509"/>
            <ac:spMk id="190" creationId="{6A4960A7-256B-1481-9905-20DB298071F6}"/>
          </ac:spMkLst>
        </pc:spChg>
        <pc:spChg chg="del mod">
          <ac:chgData name="Sara Mastrorosa" userId="d159c406-3740-4568-9f4d-6092b2495d2a" providerId="ADAL" clId="{12ED7F48-8A43-43A8-A936-2A9BA398726A}" dt="2023-10-24T14:43:54.905" v="507" actId="478"/>
          <ac:spMkLst>
            <pc:docMk/>
            <pc:sldMk cId="3353519111" sldId="2147476509"/>
            <ac:spMk id="191" creationId="{5CDB3285-AD0B-FDC5-4D0F-F638871454D0}"/>
          </ac:spMkLst>
        </pc:spChg>
        <pc:spChg chg="mod">
          <ac:chgData name="Sara Mastrorosa" userId="d159c406-3740-4568-9f4d-6092b2495d2a" providerId="ADAL" clId="{12ED7F48-8A43-43A8-A936-2A9BA398726A}" dt="2023-10-23T15:13:44.612" v="234"/>
          <ac:spMkLst>
            <pc:docMk/>
            <pc:sldMk cId="3353519111" sldId="2147476509"/>
            <ac:spMk id="192" creationId="{A4BC5441-5BAE-28BD-39C7-5491565151ED}"/>
          </ac:spMkLst>
        </pc:spChg>
        <pc:spChg chg="del mod">
          <ac:chgData name="Sara Mastrorosa" userId="d159c406-3740-4568-9f4d-6092b2495d2a" providerId="ADAL" clId="{12ED7F48-8A43-43A8-A936-2A9BA398726A}" dt="2023-10-24T14:43:48.416" v="506" actId="478"/>
          <ac:spMkLst>
            <pc:docMk/>
            <pc:sldMk cId="3353519111" sldId="2147476509"/>
            <ac:spMk id="193" creationId="{4F4CD342-9FA4-C115-9482-7FC3B725FE09}"/>
          </ac:spMkLst>
        </pc:spChg>
        <pc:spChg chg="mod">
          <ac:chgData name="Sara Mastrorosa" userId="d159c406-3740-4568-9f4d-6092b2495d2a" providerId="ADAL" clId="{12ED7F48-8A43-43A8-A936-2A9BA398726A}" dt="2023-10-23T15:13:44.612" v="234"/>
          <ac:spMkLst>
            <pc:docMk/>
            <pc:sldMk cId="3353519111" sldId="2147476509"/>
            <ac:spMk id="194" creationId="{FEA09E07-6F24-1186-1235-D2D49D3B1323}"/>
          </ac:spMkLst>
        </pc:spChg>
        <pc:spChg chg="mod">
          <ac:chgData name="Sara Mastrorosa" userId="d159c406-3740-4568-9f4d-6092b2495d2a" providerId="ADAL" clId="{12ED7F48-8A43-43A8-A936-2A9BA398726A}" dt="2023-10-23T15:13:44.612" v="234"/>
          <ac:spMkLst>
            <pc:docMk/>
            <pc:sldMk cId="3353519111" sldId="2147476509"/>
            <ac:spMk id="195" creationId="{1DE0C54F-F959-C3A6-BC17-9F8B74D15146}"/>
          </ac:spMkLst>
        </pc:spChg>
        <pc:spChg chg="mod">
          <ac:chgData name="Sara Mastrorosa" userId="d159c406-3740-4568-9f4d-6092b2495d2a" providerId="ADAL" clId="{12ED7F48-8A43-43A8-A936-2A9BA398726A}" dt="2023-10-23T15:13:44.612" v="234"/>
          <ac:spMkLst>
            <pc:docMk/>
            <pc:sldMk cId="3353519111" sldId="2147476509"/>
            <ac:spMk id="196" creationId="{37DFF859-84AA-F3EA-B135-EBC98850015D}"/>
          </ac:spMkLst>
        </pc:spChg>
        <pc:spChg chg="mod">
          <ac:chgData name="Sara Mastrorosa" userId="d159c406-3740-4568-9f4d-6092b2495d2a" providerId="ADAL" clId="{12ED7F48-8A43-43A8-A936-2A9BA398726A}" dt="2023-10-23T15:13:44.612" v="234"/>
          <ac:spMkLst>
            <pc:docMk/>
            <pc:sldMk cId="3353519111" sldId="2147476509"/>
            <ac:spMk id="197" creationId="{4ED2C364-4EAB-B17C-AE1D-A98725EBB61C}"/>
          </ac:spMkLst>
        </pc:spChg>
        <pc:spChg chg="mod">
          <ac:chgData name="Sara Mastrorosa" userId="d159c406-3740-4568-9f4d-6092b2495d2a" providerId="ADAL" clId="{12ED7F48-8A43-43A8-A936-2A9BA398726A}" dt="2023-10-23T15:13:44.612" v="234"/>
          <ac:spMkLst>
            <pc:docMk/>
            <pc:sldMk cId="3353519111" sldId="2147476509"/>
            <ac:spMk id="198" creationId="{167A1524-F835-3F66-A632-BF63808C564B}"/>
          </ac:spMkLst>
        </pc:spChg>
        <pc:spChg chg="mod">
          <ac:chgData name="Sara Mastrorosa" userId="d159c406-3740-4568-9f4d-6092b2495d2a" providerId="ADAL" clId="{12ED7F48-8A43-43A8-A936-2A9BA398726A}" dt="2023-10-23T15:13:44.612" v="234"/>
          <ac:spMkLst>
            <pc:docMk/>
            <pc:sldMk cId="3353519111" sldId="2147476509"/>
            <ac:spMk id="199" creationId="{50C8E136-969B-2408-8A78-38B8665A02FE}"/>
          </ac:spMkLst>
        </pc:spChg>
        <pc:spChg chg="mod">
          <ac:chgData name="Sara Mastrorosa" userId="d159c406-3740-4568-9f4d-6092b2495d2a" providerId="ADAL" clId="{12ED7F48-8A43-43A8-A936-2A9BA398726A}" dt="2023-10-23T15:17:16.090" v="275" actId="207"/>
          <ac:spMkLst>
            <pc:docMk/>
            <pc:sldMk cId="3353519111" sldId="2147476509"/>
            <ac:spMk id="200" creationId="{3FE71F96-4E48-F229-2F47-411601C4C021}"/>
          </ac:spMkLst>
        </pc:spChg>
        <pc:spChg chg="mod">
          <ac:chgData name="Sara Mastrorosa" userId="d159c406-3740-4568-9f4d-6092b2495d2a" providerId="ADAL" clId="{12ED7F48-8A43-43A8-A936-2A9BA398726A}" dt="2023-10-23T15:13:44.612" v="234"/>
          <ac:spMkLst>
            <pc:docMk/>
            <pc:sldMk cId="3353519111" sldId="2147476509"/>
            <ac:spMk id="201" creationId="{B6A3DD70-4C87-5323-5FA3-EBA5EBD08153}"/>
          </ac:spMkLst>
        </pc:spChg>
        <pc:spChg chg="mod">
          <ac:chgData name="Sara Mastrorosa" userId="d159c406-3740-4568-9f4d-6092b2495d2a" providerId="ADAL" clId="{12ED7F48-8A43-43A8-A936-2A9BA398726A}" dt="2023-10-23T15:13:44.612" v="234"/>
          <ac:spMkLst>
            <pc:docMk/>
            <pc:sldMk cId="3353519111" sldId="2147476509"/>
            <ac:spMk id="202" creationId="{8030B61E-A60F-4F0D-4060-CA396B3C11F1}"/>
          </ac:spMkLst>
        </pc:spChg>
        <pc:spChg chg="mod">
          <ac:chgData name="Sara Mastrorosa" userId="d159c406-3740-4568-9f4d-6092b2495d2a" providerId="ADAL" clId="{12ED7F48-8A43-43A8-A936-2A9BA398726A}" dt="2023-10-23T15:13:44.612" v="234"/>
          <ac:spMkLst>
            <pc:docMk/>
            <pc:sldMk cId="3353519111" sldId="2147476509"/>
            <ac:spMk id="203" creationId="{51E358D7-F502-F6C6-85A1-43CB0772895C}"/>
          </ac:spMkLst>
        </pc:spChg>
        <pc:spChg chg="mod">
          <ac:chgData name="Sara Mastrorosa" userId="d159c406-3740-4568-9f4d-6092b2495d2a" providerId="ADAL" clId="{12ED7F48-8A43-43A8-A936-2A9BA398726A}" dt="2023-10-23T15:15:41.509" v="239" actId="207"/>
          <ac:spMkLst>
            <pc:docMk/>
            <pc:sldMk cId="3353519111" sldId="2147476509"/>
            <ac:spMk id="204" creationId="{5CA8590C-CC65-3E4A-94D3-F414FAF53A36}"/>
          </ac:spMkLst>
        </pc:spChg>
        <pc:spChg chg="mod">
          <ac:chgData name="Sara Mastrorosa" userId="d159c406-3740-4568-9f4d-6092b2495d2a" providerId="ADAL" clId="{12ED7F48-8A43-43A8-A936-2A9BA398726A}" dt="2023-10-23T15:13:44.612" v="234"/>
          <ac:spMkLst>
            <pc:docMk/>
            <pc:sldMk cId="3353519111" sldId="2147476509"/>
            <ac:spMk id="205" creationId="{EE2F1C26-639A-802E-391C-57DEF3EBE02A}"/>
          </ac:spMkLst>
        </pc:spChg>
        <pc:spChg chg="del mod">
          <ac:chgData name="Sara Mastrorosa" userId="d159c406-3740-4568-9f4d-6092b2495d2a" providerId="ADAL" clId="{12ED7F48-8A43-43A8-A936-2A9BA398726A}" dt="2023-10-23T15:21:20.310" v="331" actId="478"/>
          <ac:spMkLst>
            <pc:docMk/>
            <pc:sldMk cId="3353519111" sldId="2147476509"/>
            <ac:spMk id="206" creationId="{CF962374-1798-62B9-1F6C-864A579F3BF0}"/>
          </ac:spMkLst>
        </pc:spChg>
        <pc:spChg chg="del mod">
          <ac:chgData name="Sara Mastrorosa" userId="d159c406-3740-4568-9f4d-6092b2495d2a" providerId="ADAL" clId="{12ED7F48-8A43-43A8-A936-2A9BA398726A}" dt="2023-10-23T15:21:18.159" v="330" actId="478"/>
          <ac:spMkLst>
            <pc:docMk/>
            <pc:sldMk cId="3353519111" sldId="2147476509"/>
            <ac:spMk id="207" creationId="{C0B2F594-8A5E-86FA-90AE-A664BE3F702C}"/>
          </ac:spMkLst>
        </pc:spChg>
        <pc:spChg chg="mod">
          <ac:chgData name="Sara Mastrorosa" userId="d159c406-3740-4568-9f4d-6092b2495d2a" providerId="ADAL" clId="{12ED7F48-8A43-43A8-A936-2A9BA398726A}" dt="2023-10-24T14:42:09.515" v="390" actId="571"/>
          <ac:spMkLst>
            <pc:docMk/>
            <pc:sldMk cId="3353519111" sldId="2147476509"/>
            <ac:spMk id="207" creationId="{DBE7E389-7E76-6410-6C4D-9C5C02A08779}"/>
          </ac:spMkLst>
        </pc:spChg>
        <pc:spChg chg="mod">
          <ac:chgData name="Sara Mastrorosa" userId="d159c406-3740-4568-9f4d-6092b2495d2a" providerId="ADAL" clId="{12ED7F48-8A43-43A8-A936-2A9BA398726A}" dt="2023-10-24T14:42:09.515" v="390" actId="571"/>
          <ac:spMkLst>
            <pc:docMk/>
            <pc:sldMk cId="3353519111" sldId="2147476509"/>
            <ac:spMk id="208" creationId="{390AA4D0-442F-6588-3031-741F0A869460}"/>
          </ac:spMkLst>
        </pc:spChg>
        <pc:spChg chg="del mod">
          <ac:chgData name="Sara Mastrorosa" userId="d159c406-3740-4568-9f4d-6092b2495d2a" providerId="ADAL" clId="{12ED7F48-8A43-43A8-A936-2A9BA398726A}" dt="2023-10-23T15:21:14.639" v="329" actId="478"/>
          <ac:spMkLst>
            <pc:docMk/>
            <pc:sldMk cId="3353519111" sldId="2147476509"/>
            <ac:spMk id="208" creationId="{B5F4490D-7EE3-0F70-162E-243A47AB25FE}"/>
          </ac:spMkLst>
        </pc:spChg>
        <pc:spChg chg="mod">
          <ac:chgData name="Sara Mastrorosa" userId="d159c406-3740-4568-9f4d-6092b2495d2a" providerId="ADAL" clId="{12ED7F48-8A43-43A8-A936-2A9BA398726A}" dt="2023-10-24T14:42:09.515" v="390" actId="571"/>
          <ac:spMkLst>
            <pc:docMk/>
            <pc:sldMk cId="3353519111" sldId="2147476509"/>
            <ac:spMk id="209" creationId="{69B6FF43-A2CB-37CD-7B85-463D83ED5BB6}"/>
          </ac:spMkLst>
        </pc:spChg>
        <pc:spChg chg="del mod">
          <ac:chgData name="Sara Mastrorosa" userId="d159c406-3740-4568-9f4d-6092b2495d2a" providerId="ADAL" clId="{12ED7F48-8A43-43A8-A936-2A9BA398726A}" dt="2023-10-23T15:21:12.271" v="328" actId="478"/>
          <ac:spMkLst>
            <pc:docMk/>
            <pc:sldMk cId="3353519111" sldId="2147476509"/>
            <ac:spMk id="209" creationId="{D493EF65-9862-F411-6A7A-2D0CAB7CBB3F}"/>
          </ac:spMkLst>
        </pc:spChg>
        <pc:spChg chg="mod">
          <ac:chgData name="Sara Mastrorosa" userId="d159c406-3740-4568-9f4d-6092b2495d2a" providerId="ADAL" clId="{12ED7F48-8A43-43A8-A936-2A9BA398726A}" dt="2023-10-24T14:42:09.515" v="390" actId="571"/>
          <ac:spMkLst>
            <pc:docMk/>
            <pc:sldMk cId="3353519111" sldId="2147476509"/>
            <ac:spMk id="210" creationId="{09C33497-F30D-4AC2-A4C9-CCB949EF7004}"/>
          </ac:spMkLst>
        </pc:spChg>
        <pc:spChg chg="del mod">
          <ac:chgData name="Sara Mastrorosa" userId="d159c406-3740-4568-9f4d-6092b2495d2a" providerId="ADAL" clId="{12ED7F48-8A43-43A8-A936-2A9BA398726A}" dt="2023-10-23T15:21:30.225" v="335" actId="478"/>
          <ac:spMkLst>
            <pc:docMk/>
            <pc:sldMk cId="3353519111" sldId="2147476509"/>
            <ac:spMk id="210" creationId="{558A4BB4-646E-C678-139B-5AC0E85849FC}"/>
          </ac:spMkLst>
        </pc:spChg>
        <pc:spChg chg="del mod">
          <ac:chgData name="Sara Mastrorosa" userId="d159c406-3740-4568-9f4d-6092b2495d2a" providerId="ADAL" clId="{12ED7F48-8A43-43A8-A936-2A9BA398726A}" dt="2023-10-23T15:21:25.144" v="333" actId="478"/>
          <ac:spMkLst>
            <pc:docMk/>
            <pc:sldMk cId="3353519111" sldId="2147476509"/>
            <ac:spMk id="211" creationId="{5F11E101-63EA-8CE9-1961-44C185C3EB61}"/>
          </ac:spMkLst>
        </pc:spChg>
        <pc:spChg chg="mod">
          <ac:chgData name="Sara Mastrorosa" userId="d159c406-3740-4568-9f4d-6092b2495d2a" providerId="ADAL" clId="{12ED7F48-8A43-43A8-A936-2A9BA398726A}" dt="2023-10-24T14:42:09.515" v="390" actId="571"/>
          <ac:spMkLst>
            <pc:docMk/>
            <pc:sldMk cId="3353519111" sldId="2147476509"/>
            <ac:spMk id="211" creationId="{D33D092B-5433-0427-D99C-43799C96BA84}"/>
          </ac:spMkLst>
        </pc:spChg>
        <pc:spChg chg="del mod">
          <ac:chgData name="Sara Mastrorosa" userId="d159c406-3740-4568-9f4d-6092b2495d2a" providerId="ADAL" clId="{12ED7F48-8A43-43A8-A936-2A9BA398726A}" dt="2023-10-23T15:21:28.298" v="334" actId="478"/>
          <ac:spMkLst>
            <pc:docMk/>
            <pc:sldMk cId="3353519111" sldId="2147476509"/>
            <ac:spMk id="212" creationId="{334BDD88-7EAB-797E-5B16-29DA72D0F06C}"/>
          </ac:spMkLst>
        </pc:spChg>
        <pc:spChg chg="add del mod ord">
          <ac:chgData name="Sara Mastrorosa" userId="d159c406-3740-4568-9f4d-6092b2495d2a" providerId="ADAL" clId="{12ED7F48-8A43-43A8-A936-2A9BA398726A}" dt="2023-10-24T14:51:02.401" v="663" actId="478"/>
          <ac:spMkLst>
            <pc:docMk/>
            <pc:sldMk cId="3353519111" sldId="2147476509"/>
            <ac:spMk id="212" creationId="{4109F41F-02BB-FC4A-434F-2C1513EEE4CE}"/>
          </ac:spMkLst>
        </pc:spChg>
        <pc:spChg chg="add del mod ord">
          <ac:chgData name="Sara Mastrorosa" userId="d159c406-3740-4568-9f4d-6092b2495d2a" providerId="ADAL" clId="{12ED7F48-8A43-43A8-A936-2A9BA398726A}" dt="2023-10-24T14:51:02.401" v="663" actId="478"/>
          <ac:spMkLst>
            <pc:docMk/>
            <pc:sldMk cId="3353519111" sldId="2147476509"/>
            <ac:spMk id="213" creationId="{34E39BD7-C874-BAB3-4721-EDBF06FF23B4}"/>
          </ac:spMkLst>
        </pc:spChg>
        <pc:spChg chg="del mod">
          <ac:chgData name="Sara Mastrorosa" userId="d159c406-3740-4568-9f4d-6092b2495d2a" providerId="ADAL" clId="{12ED7F48-8A43-43A8-A936-2A9BA398726A}" dt="2023-10-23T15:21:23.054" v="332" actId="478"/>
          <ac:spMkLst>
            <pc:docMk/>
            <pc:sldMk cId="3353519111" sldId="2147476509"/>
            <ac:spMk id="213" creationId="{8F11856F-91BB-302E-9027-5A6814221DB6}"/>
          </ac:spMkLst>
        </pc:spChg>
        <pc:spChg chg="mod">
          <ac:chgData name="Sara Mastrorosa" userId="d159c406-3740-4568-9f4d-6092b2495d2a" providerId="ADAL" clId="{12ED7F48-8A43-43A8-A936-2A9BA398726A}" dt="2023-10-23T15:13:44.612" v="234"/>
          <ac:spMkLst>
            <pc:docMk/>
            <pc:sldMk cId="3353519111" sldId="2147476509"/>
            <ac:spMk id="214" creationId="{62A28975-2BA5-57E8-BFB6-3E9A931A6430}"/>
          </ac:spMkLst>
        </pc:spChg>
        <pc:spChg chg="mod">
          <ac:chgData name="Sara Mastrorosa" userId="d159c406-3740-4568-9f4d-6092b2495d2a" providerId="ADAL" clId="{12ED7F48-8A43-43A8-A936-2A9BA398726A}" dt="2023-10-23T15:13:44.612" v="234"/>
          <ac:spMkLst>
            <pc:docMk/>
            <pc:sldMk cId="3353519111" sldId="2147476509"/>
            <ac:spMk id="215" creationId="{594BCCAA-9119-58CF-08D1-73DD084F52D6}"/>
          </ac:spMkLst>
        </pc:spChg>
        <pc:spChg chg="mod">
          <ac:chgData name="Sara Mastrorosa" userId="d159c406-3740-4568-9f4d-6092b2495d2a" providerId="ADAL" clId="{12ED7F48-8A43-43A8-A936-2A9BA398726A}" dt="2023-10-23T15:13:44.612" v="234"/>
          <ac:spMkLst>
            <pc:docMk/>
            <pc:sldMk cId="3353519111" sldId="2147476509"/>
            <ac:spMk id="216" creationId="{C226DD4E-2E96-5065-DC54-825B429F471F}"/>
          </ac:spMkLst>
        </pc:spChg>
        <pc:spChg chg="mod">
          <ac:chgData name="Sara Mastrorosa" userId="d159c406-3740-4568-9f4d-6092b2495d2a" providerId="ADAL" clId="{12ED7F48-8A43-43A8-A936-2A9BA398726A}" dt="2023-10-23T15:13:44.612" v="234"/>
          <ac:spMkLst>
            <pc:docMk/>
            <pc:sldMk cId="3353519111" sldId="2147476509"/>
            <ac:spMk id="217" creationId="{1E842EAE-6DAB-F3B0-E2AC-8D792826E982}"/>
          </ac:spMkLst>
        </pc:spChg>
        <pc:spChg chg="mod">
          <ac:chgData name="Sara Mastrorosa" userId="d159c406-3740-4568-9f4d-6092b2495d2a" providerId="ADAL" clId="{12ED7F48-8A43-43A8-A936-2A9BA398726A}" dt="2023-10-23T15:13:44.612" v="234"/>
          <ac:spMkLst>
            <pc:docMk/>
            <pc:sldMk cId="3353519111" sldId="2147476509"/>
            <ac:spMk id="218" creationId="{5091FA2C-E34A-19FF-D626-2BDE4422CC04}"/>
          </ac:spMkLst>
        </pc:spChg>
        <pc:spChg chg="mod">
          <ac:chgData name="Sara Mastrorosa" userId="d159c406-3740-4568-9f4d-6092b2495d2a" providerId="ADAL" clId="{12ED7F48-8A43-43A8-A936-2A9BA398726A}" dt="2023-10-23T15:13:44.612" v="234"/>
          <ac:spMkLst>
            <pc:docMk/>
            <pc:sldMk cId="3353519111" sldId="2147476509"/>
            <ac:spMk id="219" creationId="{059D4BB8-037B-F9CB-934F-19EC2374B180}"/>
          </ac:spMkLst>
        </pc:spChg>
        <pc:spChg chg="mod">
          <ac:chgData name="Sara Mastrorosa" userId="d159c406-3740-4568-9f4d-6092b2495d2a" providerId="ADAL" clId="{12ED7F48-8A43-43A8-A936-2A9BA398726A}" dt="2023-10-23T15:13:44.612" v="234"/>
          <ac:spMkLst>
            <pc:docMk/>
            <pc:sldMk cId="3353519111" sldId="2147476509"/>
            <ac:spMk id="220" creationId="{13DAF3BD-EE2B-56CC-5E24-01952A9A391A}"/>
          </ac:spMkLst>
        </pc:spChg>
        <pc:spChg chg="mod">
          <ac:chgData name="Sara Mastrorosa" userId="d159c406-3740-4568-9f4d-6092b2495d2a" providerId="ADAL" clId="{12ED7F48-8A43-43A8-A936-2A9BA398726A}" dt="2023-10-23T15:13:44.612" v="234"/>
          <ac:spMkLst>
            <pc:docMk/>
            <pc:sldMk cId="3353519111" sldId="2147476509"/>
            <ac:spMk id="221" creationId="{4022CD03-3F2D-3CE2-682E-FFD45F0EE1DE}"/>
          </ac:spMkLst>
        </pc:spChg>
        <pc:spChg chg="mod">
          <ac:chgData name="Sara Mastrorosa" userId="d159c406-3740-4568-9f4d-6092b2495d2a" providerId="ADAL" clId="{12ED7F48-8A43-43A8-A936-2A9BA398726A}" dt="2023-10-23T15:13:44.612" v="234"/>
          <ac:spMkLst>
            <pc:docMk/>
            <pc:sldMk cId="3353519111" sldId="2147476509"/>
            <ac:spMk id="222" creationId="{35454688-6A99-4F6A-86F5-47F53FB09A72}"/>
          </ac:spMkLst>
        </pc:spChg>
        <pc:spChg chg="mod">
          <ac:chgData name="Sara Mastrorosa" userId="d159c406-3740-4568-9f4d-6092b2495d2a" providerId="ADAL" clId="{12ED7F48-8A43-43A8-A936-2A9BA398726A}" dt="2023-10-23T15:13:44.612" v="234"/>
          <ac:spMkLst>
            <pc:docMk/>
            <pc:sldMk cId="3353519111" sldId="2147476509"/>
            <ac:spMk id="223" creationId="{0D0AEA9D-5117-4FD7-4401-8180E427A576}"/>
          </ac:spMkLst>
        </pc:spChg>
        <pc:spChg chg="mod">
          <ac:chgData name="Sara Mastrorosa" userId="d159c406-3740-4568-9f4d-6092b2495d2a" providerId="ADAL" clId="{12ED7F48-8A43-43A8-A936-2A9BA398726A}" dt="2023-10-23T15:13:44.612" v="234"/>
          <ac:spMkLst>
            <pc:docMk/>
            <pc:sldMk cId="3353519111" sldId="2147476509"/>
            <ac:spMk id="224" creationId="{CBE9759A-409F-83FC-EDC0-1BAA91395F1D}"/>
          </ac:spMkLst>
        </pc:spChg>
        <pc:spChg chg="mod">
          <ac:chgData name="Sara Mastrorosa" userId="d159c406-3740-4568-9f4d-6092b2495d2a" providerId="ADAL" clId="{12ED7F48-8A43-43A8-A936-2A9BA398726A}" dt="2023-10-23T15:13:44.612" v="234"/>
          <ac:spMkLst>
            <pc:docMk/>
            <pc:sldMk cId="3353519111" sldId="2147476509"/>
            <ac:spMk id="225" creationId="{E98E6CC1-DE30-6779-279B-13BCF9D16167}"/>
          </ac:spMkLst>
        </pc:spChg>
        <pc:spChg chg="mod">
          <ac:chgData name="Sara Mastrorosa" userId="d159c406-3740-4568-9f4d-6092b2495d2a" providerId="ADAL" clId="{12ED7F48-8A43-43A8-A936-2A9BA398726A}" dt="2023-10-23T15:13:44.612" v="234"/>
          <ac:spMkLst>
            <pc:docMk/>
            <pc:sldMk cId="3353519111" sldId="2147476509"/>
            <ac:spMk id="226" creationId="{377AFBDE-D6CC-0B94-E917-5079DD1EB2F2}"/>
          </ac:spMkLst>
        </pc:spChg>
        <pc:spChg chg="mod">
          <ac:chgData name="Sara Mastrorosa" userId="d159c406-3740-4568-9f4d-6092b2495d2a" providerId="ADAL" clId="{12ED7F48-8A43-43A8-A936-2A9BA398726A}" dt="2023-10-23T15:13:44.612" v="234"/>
          <ac:spMkLst>
            <pc:docMk/>
            <pc:sldMk cId="3353519111" sldId="2147476509"/>
            <ac:spMk id="227" creationId="{2654F539-0E97-E743-0951-C9A84B6BE733}"/>
          </ac:spMkLst>
        </pc:spChg>
        <pc:spChg chg="mod">
          <ac:chgData name="Sara Mastrorosa" userId="d159c406-3740-4568-9f4d-6092b2495d2a" providerId="ADAL" clId="{12ED7F48-8A43-43A8-A936-2A9BA398726A}" dt="2023-10-23T15:13:44.612" v="234"/>
          <ac:spMkLst>
            <pc:docMk/>
            <pc:sldMk cId="3353519111" sldId="2147476509"/>
            <ac:spMk id="228" creationId="{B158B84C-88E0-37E0-B3A3-32DBD533AA69}"/>
          </ac:spMkLst>
        </pc:spChg>
        <pc:spChg chg="mod">
          <ac:chgData name="Sara Mastrorosa" userId="d159c406-3740-4568-9f4d-6092b2495d2a" providerId="ADAL" clId="{12ED7F48-8A43-43A8-A936-2A9BA398726A}" dt="2023-10-23T15:13:44.612" v="234"/>
          <ac:spMkLst>
            <pc:docMk/>
            <pc:sldMk cId="3353519111" sldId="2147476509"/>
            <ac:spMk id="229" creationId="{1578ED21-B37A-1602-75EE-4F836DF6517D}"/>
          </ac:spMkLst>
        </pc:spChg>
        <pc:spChg chg="mod">
          <ac:chgData name="Sara Mastrorosa" userId="d159c406-3740-4568-9f4d-6092b2495d2a" providerId="ADAL" clId="{12ED7F48-8A43-43A8-A936-2A9BA398726A}" dt="2023-10-23T15:13:44.612" v="234"/>
          <ac:spMkLst>
            <pc:docMk/>
            <pc:sldMk cId="3353519111" sldId="2147476509"/>
            <ac:spMk id="230" creationId="{0F62D204-3BF4-0F56-E1C7-1EF958165EF3}"/>
          </ac:spMkLst>
        </pc:spChg>
        <pc:spChg chg="mod">
          <ac:chgData name="Sara Mastrorosa" userId="d159c406-3740-4568-9f4d-6092b2495d2a" providerId="ADAL" clId="{12ED7F48-8A43-43A8-A936-2A9BA398726A}" dt="2023-10-23T15:13:44.612" v="234"/>
          <ac:spMkLst>
            <pc:docMk/>
            <pc:sldMk cId="3353519111" sldId="2147476509"/>
            <ac:spMk id="231" creationId="{5F5E91B6-3F46-880C-A81E-7F59AD389E0B}"/>
          </ac:spMkLst>
        </pc:spChg>
        <pc:spChg chg="mod">
          <ac:chgData name="Sara Mastrorosa" userId="d159c406-3740-4568-9f4d-6092b2495d2a" providerId="ADAL" clId="{12ED7F48-8A43-43A8-A936-2A9BA398726A}" dt="2023-10-23T15:13:44.612" v="234"/>
          <ac:spMkLst>
            <pc:docMk/>
            <pc:sldMk cId="3353519111" sldId="2147476509"/>
            <ac:spMk id="232" creationId="{605556F3-D6DE-283C-063A-7AB8CA07868F}"/>
          </ac:spMkLst>
        </pc:spChg>
        <pc:spChg chg="mod">
          <ac:chgData name="Sara Mastrorosa" userId="d159c406-3740-4568-9f4d-6092b2495d2a" providerId="ADAL" clId="{12ED7F48-8A43-43A8-A936-2A9BA398726A}" dt="2023-10-23T15:13:44.612" v="234"/>
          <ac:spMkLst>
            <pc:docMk/>
            <pc:sldMk cId="3353519111" sldId="2147476509"/>
            <ac:spMk id="233" creationId="{806D23CC-1E84-75EB-F18E-593796429141}"/>
          </ac:spMkLst>
        </pc:spChg>
        <pc:spChg chg="mod">
          <ac:chgData name="Sara Mastrorosa" userId="d159c406-3740-4568-9f4d-6092b2495d2a" providerId="ADAL" clId="{12ED7F48-8A43-43A8-A936-2A9BA398726A}" dt="2023-10-23T15:13:44.612" v="234"/>
          <ac:spMkLst>
            <pc:docMk/>
            <pc:sldMk cId="3353519111" sldId="2147476509"/>
            <ac:spMk id="234" creationId="{08643728-942F-D4D8-E11C-C631EA36D1FF}"/>
          </ac:spMkLst>
        </pc:spChg>
        <pc:spChg chg="mod">
          <ac:chgData name="Sara Mastrorosa" userId="d159c406-3740-4568-9f4d-6092b2495d2a" providerId="ADAL" clId="{12ED7F48-8A43-43A8-A936-2A9BA398726A}" dt="2023-10-23T15:13:44.612" v="234"/>
          <ac:spMkLst>
            <pc:docMk/>
            <pc:sldMk cId="3353519111" sldId="2147476509"/>
            <ac:spMk id="235" creationId="{39B3F67E-3B96-B596-14F8-A353D4D2A340}"/>
          </ac:spMkLst>
        </pc:spChg>
        <pc:spChg chg="mod">
          <ac:chgData name="Sara Mastrorosa" userId="d159c406-3740-4568-9f4d-6092b2495d2a" providerId="ADAL" clId="{12ED7F48-8A43-43A8-A936-2A9BA398726A}" dt="2023-10-23T15:13:44.612" v="234"/>
          <ac:spMkLst>
            <pc:docMk/>
            <pc:sldMk cId="3353519111" sldId="2147476509"/>
            <ac:spMk id="236" creationId="{FB3B15C9-DBA8-A83D-0A3E-36939BE9D70A}"/>
          </ac:spMkLst>
        </pc:spChg>
        <pc:spChg chg="mod">
          <ac:chgData name="Sara Mastrorosa" userId="d159c406-3740-4568-9f4d-6092b2495d2a" providerId="ADAL" clId="{12ED7F48-8A43-43A8-A936-2A9BA398726A}" dt="2023-10-23T15:13:44.612" v="234"/>
          <ac:spMkLst>
            <pc:docMk/>
            <pc:sldMk cId="3353519111" sldId="2147476509"/>
            <ac:spMk id="237" creationId="{88175A30-6755-4CD2-F4C2-82A19B10382F}"/>
          </ac:spMkLst>
        </pc:spChg>
        <pc:spChg chg="mod">
          <ac:chgData name="Sara Mastrorosa" userId="d159c406-3740-4568-9f4d-6092b2495d2a" providerId="ADAL" clId="{12ED7F48-8A43-43A8-A936-2A9BA398726A}" dt="2023-10-23T15:13:44.612" v="234"/>
          <ac:spMkLst>
            <pc:docMk/>
            <pc:sldMk cId="3353519111" sldId="2147476509"/>
            <ac:spMk id="238" creationId="{F040A539-634E-AD1F-68E4-325B3FAE012B}"/>
          </ac:spMkLst>
        </pc:spChg>
        <pc:spChg chg="mod">
          <ac:chgData name="Sara Mastrorosa" userId="d159c406-3740-4568-9f4d-6092b2495d2a" providerId="ADAL" clId="{12ED7F48-8A43-43A8-A936-2A9BA398726A}" dt="2023-10-23T15:13:44.612" v="234"/>
          <ac:spMkLst>
            <pc:docMk/>
            <pc:sldMk cId="3353519111" sldId="2147476509"/>
            <ac:spMk id="239" creationId="{1A4D59CD-DB72-2DB3-A88F-50A4B6A9D314}"/>
          </ac:spMkLst>
        </pc:spChg>
        <pc:spChg chg="mod">
          <ac:chgData name="Sara Mastrorosa" userId="d159c406-3740-4568-9f4d-6092b2495d2a" providerId="ADAL" clId="{12ED7F48-8A43-43A8-A936-2A9BA398726A}" dt="2023-10-23T15:13:44.612" v="234"/>
          <ac:spMkLst>
            <pc:docMk/>
            <pc:sldMk cId="3353519111" sldId="2147476509"/>
            <ac:spMk id="240" creationId="{F94D0262-EA9C-70F8-E801-9B74CBAE683F}"/>
          </ac:spMkLst>
        </pc:spChg>
        <pc:spChg chg="mod">
          <ac:chgData name="Sara Mastrorosa" userId="d159c406-3740-4568-9f4d-6092b2495d2a" providerId="ADAL" clId="{12ED7F48-8A43-43A8-A936-2A9BA398726A}" dt="2023-10-23T15:13:44.612" v="234"/>
          <ac:spMkLst>
            <pc:docMk/>
            <pc:sldMk cId="3353519111" sldId="2147476509"/>
            <ac:spMk id="241" creationId="{9B687703-0C26-EAB6-1A03-45FCA8E8D1D2}"/>
          </ac:spMkLst>
        </pc:spChg>
        <pc:spChg chg="mod">
          <ac:chgData name="Sara Mastrorosa" userId="d159c406-3740-4568-9f4d-6092b2495d2a" providerId="ADAL" clId="{12ED7F48-8A43-43A8-A936-2A9BA398726A}" dt="2023-10-23T15:13:44.612" v="234"/>
          <ac:spMkLst>
            <pc:docMk/>
            <pc:sldMk cId="3353519111" sldId="2147476509"/>
            <ac:spMk id="242" creationId="{9B8B38EF-BBFE-FCF0-A298-A631EAC69D36}"/>
          </ac:spMkLst>
        </pc:spChg>
        <pc:spChg chg="mod">
          <ac:chgData name="Sara Mastrorosa" userId="d159c406-3740-4568-9f4d-6092b2495d2a" providerId="ADAL" clId="{12ED7F48-8A43-43A8-A936-2A9BA398726A}" dt="2023-10-23T15:13:44.612" v="234"/>
          <ac:spMkLst>
            <pc:docMk/>
            <pc:sldMk cId="3353519111" sldId="2147476509"/>
            <ac:spMk id="243" creationId="{F5A943B7-0B02-0D07-14E8-1B049CC2EDCD}"/>
          </ac:spMkLst>
        </pc:spChg>
        <pc:spChg chg="mod">
          <ac:chgData name="Sara Mastrorosa" userId="d159c406-3740-4568-9f4d-6092b2495d2a" providerId="ADAL" clId="{12ED7F48-8A43-43A8-A936-2A9BA398726A}" dt="2023-10-23T15:13:44.612" v="234"/>
          <ac:spMkLst>
            <pc:docMk/>
            <pc:sldMk cId="3353519111" sldId="2147476509"/>
            <ac:spMk id="244" creationId="{A5E3E443-2D31-4327-9160-58DAA66F4149}"/>
          </ac:spMkLst>
        </pc:spChg>
        <pc:spChg chg="mod">
          <ac:chgData name="Sara Mastrorosa" userId="d159c406-3740-4568-9f4d-6092b2495d2a" providerId="ADAL" clId="{12ED7F48-8A43-43A8-A936-2A9BA398726A}" dt="2023-10-23T15:13:44.612" v="234"/>
          <ac:spMkLst>
            <pc:docMk/>
            <pc:sldMk cId="3353519111" sldId="2147476509"/>
            <ac:spMk id="245" creationId="{63F97D25-B710-AA18-9C19-7FD79EFF3C64}"/>
          </ac:spMkLst>
        </pc:spChg>
        <pc:spChg chg="mod">
          <ac:chgData name="Sara Mastrorosa" userId="d159c406-3740-4568-9f4d-6092b2495d2a" providerId="ADAL" clId="{12ED7F48-8A43-43A8-A936-2A9BA398726A}" dt="2023-10-23T15:13:44.612" v="234"/>
          <ac:spMkLst>
            <pc:docMk/>
            <pc:sldMk cId="3353519111" sldId="2147476509"/>
            <ac:spMk id="246" creationId="{687A4348-711B-34B3-B741-1054470059F3}"/>
          </ac:spMkLst>
        </pc:spChg>
        <pc:spChg chg="mod">
          <ac:chgData name="Sara Mastrorosa" userId="d159c406-3740-4568-9f4d-6092b2495d2a" providerId="ADAL" clId="{12ED7F48-8A43-43A8-A936-2A9BA398726A}" dt="2023-10-23T15:13:44.612" v="234"/>
          <ac:spMkLst>
            <pc:docMk/>
            <pc:sldMk cId="3353519111" sldId="2147476509"/>
            <ac:spMk id="247" creationId="{37FFB89D-73A8-60C5-BF8E-9989E6D844F4}"/>
          </ac:spMkLst>
        </pc:spChg>
        <pc:spChg chg="mod">
          <ac:chgData name="Sara Mastrorosa" userId="d159c406-3740-4568-9f4d-6092b2495d2a" providerId="ADAL" clId="{12ED7F48-8A43-43A8-A936-2A9BA398726A}" dt="2023-10-23T15:13:44.612" v="234"/>
          <ac:spMkLst>
            <pc:docMk/>
            <pc:sldMk cId="3353519111" sldId="2147476509"/>
            <ac:spMk id="248" creationId="{306A2B2C-26CF-12C9-A98E-7029FF2B1C56}"/>
          </ac:spMkLst>
        </pc:spChg>
        <pc:spChg chg="mod">
          <ac:chgData name="Sara Mastrorosa" userId="d159c406-3740-4568-9f4d-6092b2495d2a" providerId="ADAL" clId="{12ED7F48-8A43-43A8-A936-2A9BA398726A}" dt="2023-10-23T15:13:44.612" v="234"/>
          <ac:spMkLst>
            <pc:docMk/>
            <pc:sldMk cId="3353519111" sldId="2147476509"/>
            <ac:spMk id="249" creationId="{271EC0B4-9458-2FED-48B3-F3F9C8E61F01}"/>
          </ac:spMkLst>
        </pc:spChg>
        <pc:spChg chg="mod">
          <ac:chgData name="Sara Mastrorosa" userId="d159c406-3740-4568-9f4d-6092b2495d2a" providerId="ADAL" clId="{12ED7F48-8A43-43A8-A936-2A9BA398726A}" dt="2023-10-23T15:13:44.612" v="234"/>
          <ac:spMkLst>
            <pc:docMk/>
            <pc:sldMk cId="3353519111" sldId="2147476509"/>
            <ac:spMk id="250" creationId="{BC7E3FB7-D3C9-BE02-5F2E-C7862C6ED809}"/>
          </ac:spMkLst>
        </pc:spChg>
        <pc:spChg chg="mod">
          <ac:chgData name="Sara Mastrorosa" userId="d159c406-3740-4568-9f4d-6092b2495d2a" providerId="ADAL" clId="{12ED7F48-8A43-43A8-A936-2A9BA398726A}" dt="2023-10-23T15:13:44.612" v="234"/>
          <ac:spMkLst>
            <pc:docMk/>
            <pc:sldMk cId="3353519111" sldId="2147476509"/>
            <ac:spMk id="251" creationId="{C5E7253F-D4FE-ED48-4894-8A3556B614A7}"/>
          </ac:spMkLst>
        </pc:spChg>
        <pc:spChg chg="mod">
          <ac:chgData name="Sara Mastrorosa" userId="d159c406-3740-4568-9f4d-6092b2495d2a" providerId="ADAL" clId="{12ED7F48-8A43-43A8-A936-2A9BA398726A}" dt="2023-10-23T15:15:41.509" v="239" actId="207"/>
          <ac:spMkLst>
            <pc:docMk/>
            <pc:sldMk cId="3353519111" sldId="2147476509"/>
            <ac:spMk id="252" creationId="{34D0EC1D-3CF6-A496-325D-D0D441F2B6F2}"/>
          </ac:spMkLst>
        </pc:spChg>
        <pc:spChg chg="mod">
          <ac:chgData name="Sara Mastrorosa" userId="d159c406-3740-4568-9f4d-6092b2495d2a" providerId="ADAL" clId="{12ED7F48-8A43-43A8-A936-2A9BA398726A}" dt="2023-10-23T15:13:44.612" v="234"/>
          <ac:spMkLst>
            <pc:docMk/>
            <pc:sldMk cId="3353519111" sldId="2147476509"/>
            <ac:spMk id="253" creationId="{F914AA3F-CC02-2E70-11D5-47BF50D1578E}"/>
          </ac:spMkLst>
        </pc:spChg>
        <pc:spChg chg="mod">
          <ac:chgData name="Sara Mastrorosa" userId="d159c406-3740-4568-9f4d-6092b2495d2a" providerId="ADAL" clId="{12ED7F48-8A43-43A8-A936-2A9BA398726A}" dt="2023-10-23T15:13:44.612" v="234"/>
          <ac:spMkLst>
            <pc:docMk/>
            <pc:sldMk cId="3353519111" sldId="2147476509"/>
            <ac:spMk id="254" creationId="{DCCC7171-3FD6-3751-40FB-4BCA756904DE}"/>
          </ac:spMkLst>
        </pc:spChg>
        <pc:spChg chg="mod">
          <ac:chgData name="Sara Mastrorosa" userId="d159c406-3740-4568-9f4d-6092b2495d2a" providerId="ADAL" clId="{12ED7F48-8A43-43A8-A936-2A9BA398726A}" dt="2023-10-23T15:13:44.612" v="234"/>
          <ac:spMkLst>
            <pc:docMk/>
            <pc:sldMk cId="3353519111" sldId="2147476509"/>
            <ac:spMk id="255" creationId="{D978B41D-F259-CCE1-8060-F0180691443E}"/>
          </ac:spMkLst>
        </pc:spChg>
        <pc:spChg chg="mod">
          <ac:chgData name="Sara Mastrorosa" userId="d159c406-3740-4568-9f4d-6092b2495d2a" providerId="ADAL" clId="{12ED7F48-8A43-43A8-A936-2A9BA398726A}" dt="2023-10-23T15:15:41.509" v="239" actId="207"/>
          <ac:spMkLst>
            <pc:docMk/>
            <pc:sldMk cId="3353519111" sldId="2147476509"/>
            <ac:spMk id="256" creationId="{BF3A5F07-B918-6B35-4A4F-1439A5716F20}"/>
          </ac:spMkLst>
        </pc:spChg>
        <pc:spChg chg="mod">
          <ac:chgData name="Sara Mastrorosa" userId="d159c406-3740-4568-9f4d-6092b2495d2a" providerId="ADAL" clId="{12ED7F48-8A43-43A8-A936-2A9BA398726A}" dt="2023-10-23T15:13:44.612" v="234"/>
          <ac:spMkLst>
            <pc:docMk/>
            <pc:sldMk cId="3353519111" sldId="2147476509"/>
            <ac:spMk id="257" creationId="{040913D6-AACD-0FF2-99C7-A7969D333690}"/>
          </ac:spMkLst>
        </pc:spChg>
        <pc:spChg chg="mod">
          <ac:chgData name="Sara Mastrorosa" userId="d159c406-3740-4568-9f4d-6092b2495d2a" providerId="ADAL" clId="{12ED7F48-8A43-43A8-A936-2A9BA398726A}" dt="2023-10-23T15:13:44.612" v="234"/>
          <ac:spMkLst>
            <pc:docMk/>
            <pc:sldMk cId="3353519111" sldId="2147476509"/>
            <ac:spMk id="258" creationId="{FF5A917A-9BBB-2D55-0E29-600BCEAD5C76}"/>
          </ac:spMkLst>
        </pc:spChg>
        <pc:spChg chg="mod">
          <ac:chgData name="Sara Mastrorosa" userId="d159c406-3740-4568-9f4d-6092b2495d2a" providerId="ADAL" clId="{12ED7F48-8A43-43A8-A936-2A9BA398726A}" dt="2023-10-23T15:13:44.612" v="234"/>
          <ac:spMkLst>
            <pc:docMk/>
            <pc:sldMk cId="3353519111" sldId="2147476509"/>
            <ac:spMk id="259" creationId="{EAD987FB-C2B0-7610-17EB-5A595269515E}"/>
          </ac:spMkLst>
        </pc:spChg>
        <pc:spChg chg="mod">
          <ac:chgData name="Sara Mastrorosa" userId="d159c406-3740-4568-9f4d-6092b2495d2a" providerId="ADAL" clId="{12ED7F48-8A43-43A8-A936-2A9BA398726A}" dt="2023-10-23T15:15:41.509" v="239" actId="207"/>
          <ac:spMkLst>
            <pc:docMk/>
            <pc:sldMk cId="3353519111" sldId="2147476509"/>
            <ac:spMk id="260" creationId="{4C0F7B29-F7E6-2EEC-AAAF-CDBDBF2D3D88}"/>
          </ac:spMkLst>
        </pc:spChg>
        <pc:spChg chg="mod">
          <ac:chgData name="Sara Mastrorosa" userId="d159c406-3740-4568-9f4d-6092b2495d2a" providerId="ADAL" clId="{12ED7F48-8A43-43A8-A936-2A9BA398726A}" dt="2023-10-23T15:13:44.612" v="234"/>
          <ac:spMkLst>
            <pc:docMk/>
            <pc:sldMk cId="3353519111" sldId="2147476509"/>
            <ac:spMk id="261" creationId="{249ADF33-854A-5384-2671-087602861BE3}"/>
          </ac:spMkLst>
        </pc:spChg>
        <pc:spChg chg="mod">
          <ac:chgData name="Sara Mastrorosa" userId="d159c406-3740-4568-9f4d-6092b2495d2a" providerId="ADAL" clId="{12ED7F48-8A43-43A8-A936-2A9BA398726A}" dt="2023-10-23T15:13:44.612" v="234"/>
          <ac:spMkLst>
            <pc:docMk/>
            <pc:sldMk cId="3353519111" sldId="2147476509"/>
            <ac:spMk id="262" creationId="{ED5250AA-8DD9-22A7-7195-6EEF10EDC899}"/>
          </ac:spMkLst>
        </pc:spChg>
        <pc:spChg chg="mod">
          <ac:chgData name="Sara Mastrorosa" userId="d159c406-3740-4568-9f4d-6092b2495d2a" providerId="ADAL" clId="{12ED7F48-8A43-43A8-A936-2A9BA398726A}" dt="2023-10-23T15:13:44.612" v="234"/>
          <ac:spMkLst>
            <pc:docMk/>
            <pc:sldMk cId="3353519111" sldId="2147476509"/>
            <ac:spMk id="263" creationId="{B6D90158-BD58-4D7D-94B9-9D99FB759BCA}"/>
          </ac:spMkLst>
        </pc:spChg>
        <pc:spChg chg="mod">
          <ac:chgData name="Sara Mastrorosa" userId="d159c406-3740-4568-9f4d-6092b2495d2a" providerId="ADAL" clId="{12ED7F48-8A43-43A8-A936-2A9BA398726A}" dt="2023-10-23T15:13:44.612" v="234"/>
          <ac:spMkLst>
            <pc:docMk/>
            <pc:sldMk cId="3353519111" sldId="2147476509"/>
            <ac:spMk id="264" creationId="{768104D4-7723-3492-AE15-2CDC6731385F}"/>
          </ac:spMkLst>
        </pc:spChg>
        <pc:spChg chg="mod">
          <ac:chgData name="Sara Mastrorosa" userId="d159c406-3740-4568-9f4d-6092b2495d2a" providerId="ADAL" clId="{12ED7F48-8A43-43A8-A936-2A9BA398726A}" dt="2023-10-23T15:13:44.612" v="234"/>
          <ac:spMkLst>
            <pc:docMk/>
            <pc:sldMk cId="3353519111" sldId="2147476509"/>
            <ac:spMk id="265" creationId="{BA0576DF-31E2-BE41-0D24-1BB7DB22CB50}"/>
          </ac:spMkLst>
        </pc:spChg>
        <pc:spChg chg="mod">
          <ac:chgData name="Sara Mastrorosa" userId="d159c406-3740-4568-9f4d-6092b2495d2a" providerId="ADAL" clId="{12ED7F48-8A43-43A8-A936-2A9BA398726A}" dt="2023-10-23T15:13:44.612" v="234"/>
          <ac:spMkLst>
            <pc:docMk/>
            <pc:sldMk cId="3353519111" sldId="2147476509"/>
            <ac:spMk id="266" creationId="{F9CB9A36-DA69-5F64-BD55-C1534457D0BD}"/>
          </ac:spMkLst>
        </pc:spChg>
        <pc:spChg chg="mod">
          <ac:chgData name="Sara Mastrorosa" userId="d159c406-3740-4568-9f4d-6092b2495d2a" providerId="ADAL" clId="{12ED7F48-8A43-43A8-A936-2A9BA398726A}" dt="2023-10-23T15:13:44.612" v="234"/>
          <ac:spMkLst>
            <pc:docMk/>
            <pc:sldMk cId="3353519111" sldId="2147476509"/>
            <ac:spMk id="267" creationId="{09733036-1017-2460-024A-4E93DECFCC61}"/>
          </ac:spMkLst>
        </pc:spChg>
        <pc:spChg chg="mod">
          <ac:chgData name="Sara Mastrorosa" userId="d159c406-3740-4568-9f4d-6092b2495d2a" providerId="ADAL" clId="{12ED7F48-8A43-43A8-A936-2A9BA398726A}" dt="2023-10-23T15:13:44.612" v="234"/>
          <ac:spMkLst>
            <pc:docMk/>
            <pc:sldMk cId="3353519111" sldId="2147476509"/>
            <ac:spMk id="268" creationId="{94DC8789-F325-816A-8BD8-B78CF077AC5C}"/>
          </ac:spMkLst>
        </pc:spChg>
        <pc:spChg chg="mod">
          <ac:chgData name="Sara Mastrorosa" userId="d159c406-3740-4568-9f4d-6092b2495d2a" providerId="ADAL" clId="{12ED7F48-8A43-43A8-A936-2A9BA398726A}" dt="2023-10-23T15:13:44.612" v="234"/>
          <ac:spMkLst>
            <pc:docMk/>
            <pc:sldMk cId="3353519111" sldId="2147476509"/>
            <ac:spMk id="269" creationId="{C17ADCFA-3BD8-DE0A-F467-7C780597E2E3}"/>
          </ac:spMkLst>
        </pc:spChg>
        <pc:spChg chg="mod">
          <ac:chgData name="Sara Mastrorosa" userId="d159c406-3740-4568-9f4d-6092b2495d2a" providerId="ADAL" clId="{12ED7F48-8A43-43A8-A936-2A9BA398726A}" dt="2023-10-23T15:13:44.612" v="234"/>
          <ac:spMkLst>
            <pc:docMk/>
            <pc:sldMk cId="3353519111" sldId="2147476509"/>
            <ac:spMk id="270" creationId="{C409F72E-1F8B-3143-91D1-D8C8DD01E625}"/>
          </ac:spMkLst>
        </pc:spChg>
        <pc:spChg chg="mod">
          <ac:chgData name="Sara Mastrorosa" userId="d159c406-3740-4568-9f4d-6092b2495d2a" providerId="ADAL" clId="{12ED7F48-8A43-43A8-A936-2A9BA398726A}" dt="2023-10-23T15:13:44.612" v="234"/>
          <ac:spMkLst>
            <pc:docMk/>
            <pc:sldMk cId="3353519111" sldId="2147476509"/>
            <ac:spMk id="271" creationId="{4595485F-5622-4EBA-EB9E-1B5D543717A5}"/>
          </ac:spMkLst>
        </pc:spChg>
        <pc:spChg chg="mod">
          <ac:chgData name="Sara Mastrorosa" userId="d159c406-3740-4568-9f4d-6092b2495d2a" providerId="ADAL" clId="{12ED7F48-8A43-43A8-A936-2A9BA398726A}" dt="2023-10-23T15:13:44.612" v="234"/>
          <ac:spMkLst>
            <pc:docMk/>
            <pc:sldMk cId="3353519111" sldId="2147476509"/>
            <ac:spMk id="272" creationId="{709C0197-C22C-E34A-E8A2-2FBE2220311B}"/>
          </ac:spMkLst>
        </pc:spChg>
        <pc:spChg chg="mod">
          <ac:chgData name="Sara Mastrorosa" userId="d159c406-3740-4568-9f4d-6092b2495d2a" providerId="ADAL" clId="{12ED7F48-8A43-43A8-A936-2A9BA398726A}" dt="2023-10-23T15:13:44.612" v="234"/>
          <ac:spMkLst>
            <pc:docMk/>
            <pc:sldMk cId="3353519111" sldId="2147476509"/>
            <ac:spMk id="273" creationId="{73860CFB-2EE3-A423-5D0F-93FA8D7BE63A}"/>
          </ac:spMkLst>
        </pc:spChg>
        <pc:spChg chg="mod">
          <ac:chgData name="Sara Mastrorosa" userId="d159c406-3740-4568-9f4d-6092b2495d2a" providerId="ADAL" clId="{12ED7F48-8A43-43A8-A936-2A9BA398726A}" dt="2023-10-23T15:13:44.612" v="234"/>
          <ac:spMkLst>
            <pc:docMk/>
            <pc:sldMk cId="3353519111" sldId="2147476509"/>
            <ac:spMk id="274" creationId="{4CF9E73F-0038-D6AA-E2F9-B32FD57B280D}"/>
          </ac:spMkLst>
        </pc:spChg>
        <pc:spChg chg="mod">
          <ac:chgData name="Sara Mastrorosa" userId="d159c406-3740-4568-9f4d-6092b2495d2a" providerId="ADAL" clId="{12ED7F48-8A43-43A8-A936-2A9BA398726A}" dt="2023-10-23T15:13:44.612" v="234"/>
          <ac:spMkLst>
            <pc:docMk/>
            <pc:sldMk cId="3353519111" sldId="2147476509"/>
            <ac:spMk id="275" creationId="{0092A7D0-1BFD-AC12-E431-546B39354E86}"/>
          </ac:spMkLst>
        </pc:spChg>
        <pc:spChg chg="mod">
          <ac:chgData name="Sara Mastrorosa" userId="d159c406-3740-4568-9f4d-6092b2495d2a" providerId="ADAL" clId="{12ED7F48-8A43-43A8-A936-2A9BA398726A}" dt="2023-10-23T15:17:23.315" v="276" actId="207"/>
          <ac:spMkLst>
            <pc:docMk/>
            <pc:sldMk cId="3353519111" sldId="2147476509"/>
            <ac:spMk id="276" creationId="{9A5293B8-6F5E-00D7-FEEA-3AE0A6EF9182}"/>
          </ac:spMkLst>
        </pc:spChg>
        <pc:spChg chg="mod">
          <ac:chgData name="Sara Mastrorosa" userId="d159c406-3740-4568-9f4d-6092b2495d2a" providerId="ADAL" clId="{12ED7F48-8A43-43A8-A936-2A9BA398726A}" dt="2023-10-23T15:13:44.612" v="234"/>
          <ac:spMkLst>
            <pc:docMk/>
            <pc:sldMk cId="3353519111" sldId="2147476509"/>
            <ac:spMk id="277" creationId="{27776125-3804-825B-E7E3-DD6B12D97F5F}"/>
          </ac:spMkLst>
        </pc:spChg>
        <pc:spChg chg="mod">
          <ac:chgData name="Sara Mastrorosa" userId="d159c406-3740-4568-9f4d-6092b2495d2a" providerId="ADAL" clId="{12ED7F48-8A43-43A8-A936-2A9BA398726A}" dt="2023-10-23T15:13:44.612" v="234"/>
          <ac:spMkLst>
            <pc:docMk/>
            <pc:sldMk cId="3353519111" sldId="2147476509"/>
            <ac:spMk id="278" creationId="{32D36C60-ABDF-6A22-2040-8C3A04EBB575}"/>
          </ac:spMkLst>
        </pc:spChg>
        <pc:spChg chg="mod">
          <ac:chgData name="Sara Mastrorosa" userId="d159c406-3740-4568-9f4d-6092b2495d2a" providerId="ADAL" clId="{12ED7F48-8A43-43A8-A936-2A9BA398726A}" dt="2023-10-23T15:13:44.612" v="234"/>
          <ac:spMkLst>
            <pc:docMk/>
            <pc:sldMk cId="3353519111" sldId="2147476509"/>
            <ac:spMk id="279" creationId="{246EE831-C643-5BAE-079B-B0751215847A}"/>
          </ac:spMkLst>
        </pc:spChg>
        <pc:spChg chg="mod">
          <ac:chgData name="Sara Mastrorosa" userId="d159c406-3740-4568-9f4d-6092b2495d2a" providerId="ADAL" clId="{12ED7F48-8A43-43A8-A936-2A9BA398726A}" dt="2023-10-23T15:15:41.509" v="239" actId="207"/>
          <ac:spMkLst>
            <pc:docMk/>
            <pc:sldMk cId="3353519111" sldId="2147476509"/>
            <ac:spMk id="280" creationId="{3BC4392F-5703-DD0B-7729-79745C599B01}"/>
          </ac:spMkLst>
        </pc:spChg>
        <pc:spChg chg="mod">
          <ac:chgData name="Sara Mastrorosa" userId="d159c406-3740-4568-9f4d-6092b2495d2a" providerId="ADAL" clId="{12ED7F48-8A43-43A8-A936-2A9BA398726A}" dt="2023-10-23T15:13:44.612" v="234"/>
          <ac:spMkLst>
            <pc:docMk/>
            <pc:sldMk cId="3353519111" sldId="2147476509"/>
            <ac:spMk id="281" creationId="{330EBC95-EEFF-F796-73EE-0A9C62A76583}"/>
          </ac:spMkLst>
        </pc:spChg>
        <pc:spChg chg="mod">
          <ac:chgData name="Sara Mastrorosa" userId="d159c406-3740-4568-9f4d-6092b2495d2a" providerId="ADAL" clId="{12ED7F48-8A43-43A8-A936-2A9BA398726A}" dt="2023-10-23T15:13:44.612" v="234"/>
          <ac:spMkLst>
            <pc:docMk/>
            <pc:sldMk cId="3353519111" sldId="2147476509"/>
            <ac:spMk id="282" creationId="{963FC8B2-030D-F804-FB22-CF2AC47A970D}"/>
          </ac:spMkLst>
        </pc:spChg>
        <pc:spChg chg="mod">
          <ac:chgData name="Sara Mastrorosa" userId="d159c406-3740-4568-9f4d-6092b2495d2a" providerId="ADAL" clId="{12ED7F48-8A43-43A8-A936-2A9BA398726A}" dt="2023-10-23T15:13:44.612" v="234"/>
          <ac:spMkLst>
            <pc:docMk/>
            <pc:sldMk cId="3353519111" sldId="2147476509"/>
            <ac:spMk id="283" creationId="{917CC3CE-2FEA-1B32-BBB9-41B76343B5D6}"/>
          </ac:spMkLst>
        </pc:spChg>
        <pc:spChg chg="mod">
          <ac:chgData name="Sara Mastrorosa" userId="d159c406-3740-4568-9f4d-6092b2495d2a" providerId="ADAL" clId="{12ED7F48-8A43-43A8-A936-2A9BA398726A}" dt="2023-10-23T15:15:41.509" v="239" actId="207"/>
          <ac:spMkLst>
            <pc:docMk/>
            <pc:sldMk cId="3353519111" sldId="2147476509"/>
            <ac:spMk id="284" creationId="{05F1CF0E-9BF0-807F-91B8-52398C41DFA6}"/>
          </ac:spMkLst>
        </pc:spChg>
        <pc:spChg chg="mod">
          <ac:chgData name="Sara Mastrorosa" userId="d159c406-3740-4568-9f4d-6092b2495d2a" providerId="ADAL" clId="{12ED7F48-8A43-43A8-A936-2A9BA398726A}" dt="2023-10-23T15:13:44.612" v="234"/>
          <ac:spMkLst>
            <pc:docMk/>
            <pc:sldMk cId="3353519111" sldId="2147476509"/>
            <ac:spMk id="285" creationId="{D2A7BAFE-1BC5-08F5-ABD0-D73FA1CB2A9C}"/>
          </ac:spMkLst>
        </pc:spChg>
        <pc:spChg chg="mod">
          <ac:chgData name="Sara Mastrorosa" userId="d159c406-3740-4568-9f4d-6092b2495d2a" providerId="ADAL" clId="{12ED7F48-8A43-43A8-A936-2A9BA398726A}" dt="2023-10-23T15:13:44.612" v="234"/>
          <ac:spMkLst>
            <pc:docMk/>
            <pc:sldMk cId="3353519111" sldId="2147476509"/>
            <ac:spMk id="286" creationId="{17131E64-77CB-9C81-A737-7E2B9E535BEF}"/>
          </ac:spMkLst>
        </pc:spChg>
        <pc:spChg chg="mod">
          <ac:chgData name="Sara Mastrorosa" userId="d159c406-3740-4568-9f4d-6092b2495d2a" providerId="ADAL" clId="{12ED7F48-8A43-43A8-A936-2A9BA398726A}" dt="2023-10-23T15:13:44.612" v="234"/>
          <ac:spMkLst>
            <pc:docMk/>
            <pc:sldMk cId="3353519111" sldId="2147476509"/>
            <ac:spMk id="287" creationId="{1DC184F4-4E17-B3CD-9146-0DAC1FAD270C}"/>
          </ac:spMkLst>
        </pc:spChg>
        <pc:spChg chg="mod">
          <ac:chgData name="Sara Mastrorosa" userId="d159c406-3740-4568-9f4d-6092b2495d2a" providerId="ADAL" clId="{12ED7F48-8A43-43A8-A936-2A9BA398726A}" dt="2023-10-23T15:13:44.612" v="234"/>
          <ac:spMkLst>
            <pc:docMk/>
            <pc:sldMk cId="3353519111" sldId="2147476509"/>
            <ac:spMk id="288" creationId="{2F7094B2-B549-2176-4866-0A4B51C7CC8B}"/>
          </ac:spMkLst>
        </pc:spChg>
        <pc:spChg chg="mod">
          <ac:chgData name="Sara Mastrorosa" userId="d159c406-3740-4568-9f4d-6092b2495d2a" providerId="ADAL" clId="{12ED7F48-8A43-43A8-A936-2A9BA398726A}" dt="2023-10-23T15:13:44.612" v="234"/>
          <ac:spMkLst>
            <pc:docMk/>
            <pc:sldMk cId="3353519111" sldId="2147476509"/>
            <ac:spMk id="289" creationId="{FBE58E12-D1AA-BF5B-9DAF-0EDC9189739F}"/>
          </ac:spMkLst>
        </pc:spChg>
        <pc:spChg chg="mod">
          <ac:chgData name="Sara Mastrorosa" userId="d159c406-3740-4568-9f4d-6092b2495d2a" providerId="ADAL" clId="{12ED7F48-8A43-43A8-A936-2A9BA398726A}" dt="2023-10-23T15:13:44.612" v="234"/>
          <ac:spMkLst>
            <pc:docMk/>
            <pc:sldMk cId="3353519111" sldId="2147476509"/>
            <ac:spMk id="290" creationId="{1638D06E-53B4-3426-C4DE-6AFA2410EB5D}"/>
          </ac:spMkLst>
        </pc:spChg>
        <pc:spChg chg="mod">
          <ac:chgData name="Sara Mastrorosa" userId="d159c406-3740-4568-9f4d-6092b2495d2a" providerId="ADAL" clId="{12ED7F48-8A43-43A8-A936-2A9BA398726A}" dt="2023-10-23T15:13:44.612" v="234"/>
          <ac:spMkLst>
            <pc:docMk/>
            <pc:sldMk cId="3353519111" sldId="2147476509"/>
            <ac:spMk id="291" creationId="{DF919918-5C09-70A4-6CFA-65E56069AB07}"/>
          </ac:spMkLst>
        </pc:spChg>
        <pc:spChg chg="mod">
          <ac:chgData name="Sara Mastrorosa" userId="d159c406-3740-4568-9f4d-6092b2495d2a" providerId="ADAL" clId="{12ED7F48-8A43-43A8-A936-2A9BA398726A}" dt="2023-10-23T15:15:41.509" v="239" actId="207"/>
          <ac:spMkLst>
            <pc:docMk/>
            <pc:sldMk cId="3353519111" sldId="2147476509"/>
            <ac:spMk id="292" creationId="{1B11B869-2551-F378-110D-8B259503C6FA}"/>
          </ac:spMkLst>
        </pc:spChg>
        <pc:spChg chg="mod">
          <ac:chgData name="Sara Mastrorosa" userId="d159c406-3740-4568-9f4d-6092b2495d2a" providerId="ADAL" clId="{12ED7F48-8A43-43A8-A936-2A9BA398726A}" dt="2023-10-23T15:13:44.612" v="234"/>
          <ac:spMkLst>
            <pc:docMk/>
            <pc:sldMk cId="3353519111" sldId="2147476509"/>
            <ac:spMk id="293" creationId="{3A92524B-08C4-CF69-6267-550707B9C24A}"/>
          </ac:spMkLst>
        </pc:spChg>
        <pc:spChg chg="mod">
          <ac:chgData name="Sara Mastrorosa" userId="d159c406-3740-4568-9f4d-6092b2495d2a" providerId="ADAL" clId="{12ED7F48-8A43-43A8-A936-2A9BA398726A}" dt="2023-10-23T15:14:22.370" v="237"/>
          <ac:spMkLst>
            <pc:docMk/>
            <pc:sldMk cId="3353519111" sldId="2147476509"/>
            <ac:spMk id="296" creationId="{1FBC221D-7990-E5AA-0B1C-8C9EF39E855A}"/>
          </ac:spMkLst>
        </pc:spChg>
        <pc:spChg chg="mod">
          <ac:chgData name="Sara Mastrorosa" userId="d159c406-3740-4568-9f4d-6092b2495d2a" providerId="ADAL" clId="{12ED7F48-8A43-43A8-A936-2A9BA398726A}" dt="2023-10-23T15:14:22.370" v="237"/>
          <ac:spMkLst>
            <pc:docMk/>
            <pc:sldMk cId="3353519111" sldId="2147476509"/>
            <ac:spMk id="297" creationId="{3B2D35E4-7BEB-872D-C125-6164E16FEC90}"/>
          </ac:spMkLst>
        </pc:spChg>
        <pc:spChg chg="mod">
          <ac:chgData name="Sara Mastrorosa" userId="d159c406-3740-4568-9f4d-6092b2495d2a" providerId="ADAL" clId="{12ED7F48-8A43-43A8-A936-2A9BA398726A}" dt="2023-10-23T15:18:24.371" v="285" actId="14100"/>
          <ac:spMkLst>
            <pc:docMk/>
            <pc:sldMk cId="3353519111" sldId="2147476509"/>
            <ac:spMk id="298" creationId="{BB959E14-0418-204D-C29C-A06970D0CE06}"/>
          </ac:spMkLst>
        </pc:spChg>
        <pc:spChg chg="mod">
          <ac:chgData name="Sara Mastrorosa" userId="d159c406-3740-4568-9f4d-6092b2495d2a" providerId="ADAL" clId="{12ED7F48-8A43-43A8-A936-2A9BA398726A}" dt="2023-10-23T15:14:22.370" v="237"/>
          <ac:spMkLst>
            <pc:docMk/>
            <pc:sldMk cId="3353519111" sldId="2147476509"/>
            <ac:spMk id="299" creationId="{8F364E8D-D1B3-2594-8D00-6C74590A1A44}"/>
          </ac:spMkLst>
        </pc:spChg>
        <pc:spChg chg="mod">
          <ac:chgData name="Sara Mastrorosa" userId="d159c406-3740-4568-9f4d-6092b2495d2a" providerId="ADAL" clId="{12ED7F48-8A43-43A8-A936-2A9BA398726A}" dt="2023-10-23T15:14:22.370" v="237"/>
          <ac:spMkLst>
            <pc:docMk/>
            <pc:sldMk cId="3353519111" sldId="2147476509"/>
            <ac:spMk id="300" creationId="{9ACA0374-8CA4-93D9-7736-2B9022E4C5EB}"/>
          </ac:spMkLst>
        </pc:spChg>
        <pc:spChg chg="add del mod">
          <ac:chgData name="Sara Mastrorosa" userId="d159c406-3740-4568-9f4d-6092b2495d2a" providerId="ADAL" clId="{12ED7F48-8A43-43A8-A936-2A9BA398726A}" dt="2023-10-24T14:42:28.807" v="495" actId="478"/>
          <ac:spMkLst>
            <pc:docMk/>
            <pc:sldMk cId="3353519111" sldId="2147476509"/>
            <ac:spMk id="301" creationId="{0650C470-A25B-B36C-FE87-76A1581FF402}"/>
          </ac:spMkLst>
        </pc:spChg>
        <pc:spChg chg="mod">
          <ac:chgData name="Sara Mastrorosa" userId="d159c406-3740-4568-9f4d-6092b2495d2a" providerId="ADAL" clId="{12ED7F48-8A43-43A8-A936-2A9BA398726A}" dt="2023-10-23T15:18:32.101" v="286"/>
          <ac:spMkLst>
            <pc:docMk/>
            <pc:sldMk cId="3353519111" sldId="2147476509"/>
            <ac:spMk id="303" creationId="{E27260CF-5B69-4052-630C-A767979845DD}"/>
          </ac:spMkLst>
        </pc:spChg>
        <pc:spChg chg="mod">
          <ac:chgData name="Sara Mastrorosa" userId="d159c406-3740-4568-9f4d-6092b2495d2a" providerId="ADAL" clId="{12ED7F48-8A43-43A8-A936-2A9BA398726A}" dt="2023-10-23T15:18:32.101" v="286"/>
          <ac:spMkLst>
            <pc:docMk/>
            <pc:sldMk cId="3353519111" sldId="2147476509"/>
            <ac:spMk id="304" creationId="{DF3EFFEA-DDD8-601A-3D3A-611CE10959BC}"/>
          </ac:spMkLst>
        </pc:spChg>
        <pc:spChg chg="mod">
          <ac:chgData name="Sara Mastrorosa" userId="d159c406-3740-4568-9f4d-6092b2495d2a" providerId="ADAL" clId="{12ED7F48-8A43-43A8-A936-2A9BA398726A}" dt="2023-10-23T15:18:32.101" v="286"/>
          <ac:spMkLst>
            <pc:docMk/>
            <pc:sldMk cId="3353519111" sldId="2147476509"/>
            <ac:spMk id="305" creationId="{393E53B3-A895-5CCB-AF62-CE0A452DDFBB}"/>
          </ac:spMkLst>
        </pc:spChg>
        <pc:spChg chg="mod">
          <ac:chgData name="Sara Mastrorosa" userId="d159c406-3740-4568-9f4d-6092b2495d2a" providerId="ADAL" clId="{12ED7F48-8A43-43A8-A936-2A9BA398726A}" dt="2023-10-23T15:18:32.101" v="286"/>
          <ac:spMkLst>
            <pc:docMk/>
            <pc:sldMk cId="3353519111" sldId="2147476509"/>
            <ac:spMk id="306" creationId="{57765D05-B04E-5E2B-05D6-89CC43829D07}"/>
          </ac:spMkLst>
        </pc:spChg>
        <pc:spChg chg="mod">
          <ac:chgData name="Sara Mastrorosa" userId="d159c406-3740-4568-9f4d-6092b2495d2a" providerId="ADAL" clId="{12ED7F48-8A43-43A8-A936-2A9BA398726A}" dt="2023-10-23T15:18:32.101" v="286"/>
          <ac:spMkLst>
            <pc:docMk/>
            <pc:sldMk cId="3353519111" sldId="2147476509"/>
            <ac:spMk id="307" creationId="{685DB86D-53A7-4A42-F9A0-598226EF5D12}"/>
          </ac:spMkLst>
        </pc:spChg>
        <pc:spChg chg="mod">
          <ac:chgData name="Sara Mastrorosa" userId="d159c406-3740-4568-9f4d-6092b2495d2a" providerId="ADAL" clId="{12ED7F48-8A43-43A8-A936-2A9BA398726A}" dt="2023-10-23T15:19:32.666" v="298"/>
          <ac:spMkLst>
            <pc:docMk/>
            <pc:sldMk cId="3353519111" sldId="2147476509"/>
            <ac:spMk id="309" creationId="{6495D5BD-4D60-99F9-20F7-0C23E7078E3D}"/>
          </ac:spMkLst>
        </pc:spChg>
        <pc:spChg chg="mod">
          <ac:chgData name="Sara Mastrorosa" userId="d159c406-3740-4568-9f4d-6092b2495d2a" providerId="ADAL" clId="{12ED7F48-8A43-43A8-A936-2A9BA398726A}" dt="2023-10-23T15:19:32.666" v="298"/>
          <ac:spMkLst>
            <pc:docMk/>
            <pc:sldMk cId="3353519111" sldId="2147476509"/>
            <ac:spMk id="310" creationId="{255C2C36-035C-5D0B-FFCC-A975F5BDBB7D}"/>
          </ac:spMkLst>
        </pc:spChg>
        <pc:spChg chg="mod">
          <ac:chgData name="Sara Mastrorosa" userId="d159c406-3740-4568-9f4d-6092b2495d2a" providerId="ADAL" clId="{12ED7F48-8A43-43A8-A936-2A9BA398726A}" dt="2023-10-23T15:19:32.666" v="298"/>
          <ac:spMkLst>
            <pc:docMk/>
            <pc:sldMk cId="3353519111" sldId="2147476509"/>
            <ac:spMk id="311" creationId="{A5BA1EAF-8F3E-10FD-F583-24A9ECD60AC6}"/>
          </ac:spMkLst>
        </pc:spChg>
        <pc:spChg chg="mod">
          <ac:chgData name="Sara Mastrorosa" userId="d159c406-3740-4568-9f4d-6092b2495d2a" providerId="ADAL" clId="{12ED7F48-8A43-43A8-A936-2A9BA398726A}" dt="2023-10-23T15:19:32.666" v="298"/>
          <ac:spMkLst>
            <pc:docMk/>
            <pc:sldMk cId="3353519111" sldId="2147476509"/>
            <ac:spMk id="312" creationId="{A7367F85-7564-5C59-CDC7-A3329B706003}"/>
          </ac:spMkLst>
        </pc:spChg>
        <pc:spChg chg="mod">
          <ac:chgData name="Sara Mastrorosa" userId="d159c406-3740-4568-9f4d-6092b2495d2a" providerId="ADAL" clId="{12ED7F48-8A43-43A8-A936-2A9BA398726A}" dt="2023-10-23T15:19:32.666" v="298"/>
          <ac:spMkLst>
            <pc:docMk/>
            <pc:sldMk cId="3353519111" sldId="2147476509"/>
            <ac:spMk id="313" creationId="{67BC493C-FD61-9B4E-E229-7BE9B975399A}"/>
          </ac:spMkLst>
        </pc:spChg>
        <pc:spChg chg="mod">
          <ac:chgData name="Sara Mastrorosa" userId="d159c406-3740-4568-9f4d-6092b2495d2a" providerId="ADAL" clId="{12ED7F48-8A43-43A8-A936-2A9BA398726A}" dt="2023-10-23T15:19:59.459" v="308"/>
          <ac:spMkLst>
            <pc:docMk/>
            <pc:sldMk cId="3353519111" sldId="2147476509"/>
            <ac:spMk id="315" creationId="{607217C1-66A3-1CDC-A212-8CF985B0854F}"/>
          </ac:spMkLst>
        </pc:spChg>
        <pc:spChg chg="mod">
          <ac:chgData name="Sara Mastrorosa" userId="d159c406-3740-4568-9f4d-6092b2495d2a" providerId="ADAL" clId="{12ED7F48-8A43-43A8-A936-2A9BA398726A}" dt="2023-10-23T15:19:59.459" v="308"/>
          <ac:spMkLst>
            <pc:docMk/>
            <pc:sldMk cId="3353519111" sldId="2147476509"/>
            <ac:spMk id="316" creationId="{8AC6C4E4-278D-803B-7ABA-D664DB0D7535}"/>
          </ac:spMkLst>
        </pc:spChg>
        <pc:spChg chg="mod">
          <ac:chgData name="Sara Mastrorosa" userId="d159c406-3740-4568-9f4d-6092b2495d2a" providerId="ADAL" clId="{12ED7F48-8A43-43A8-A936-2A9BA398726A}" dt="2023-10-23T15:19:59.459" v="308"/>
          <ac:spMkLst>
            <pc:docMk/>
            <pc:sldMk cId="3353519111" sldId="2147476509"/>
            <ac:spMk id="317" creationId="{0C62206F-31FB-2075-0314-7797DDE2D47D}"/>
          </ac:spMkLst>
        </pc:spChg>
        <pc:spChg chg="mod">
          <ac:chgData name="Sara Mastrorosa" userId="d159c406-3740-4568-9f4d-6092b2495d2a" providerId="ADAL" clId="{12ED7F48-8A43-43A8-A936-2A9BA398726A}" dt="2023-10-23T15:19:59.459" v="308"/>
          <ac:spMkLst>
            <pc:docMk/>
            <pc:sldMk cId="3353519111" sldId="2147476509"/>
            <ac:spMk id="318" creationId="{1B9FF69F-2F11-B2BE-2A52-BAF643B24586}"/>
          </ac:spMkLst>
        </pc:spChg>
        <pc:spChg chg="mod">
          <ac:chgData name="Sara Mastrorosa" userId="d159c406-3740-4568-9f4d-6092b2495d2a" providerId="ADAL" clId="{12ED7F48-8A43-43A8-A936-2A9BA398726A}" dt="2023-10-23T15:19:59.459" v="308"/>
          <ac:spMkLst>
            <pc:docMk/>
            <pc:sldMk cId="3353519111" sldId="2147476509"/>
            <ac:spMk id="319" creationId="{8B0A9ADC-1A52-E39B-6596-292A80B49DB9}"/>
          </ac:spMkLst>
        </pc:spChg>
        <pc:spChg chg="add del mod">
          <ac:chgData name="Sara Mastrorosa" userId="d159c406-3740-4568-9f4d-6092b2495d2a" providerId="ADAL" clId="{12ED7F48-8A43-43A8-A936-2A9BA398726A}" dt="2023-10-24T14:51:51.448" v="672" actId="478"/>
          <ac:spMkLst>
            <pc:docMk/>
            <pc:sldMk cId="3353519111" sldId="2147476509"/>
            <ac:spMk id="320" creationId="{D439F22E-CB2C-C75A-7F33-2F476EE5DD02}"/>
          </ac:spMkLst>
        </pc:spChg>
        <pc:spChg chg="add del mod">
          <ac:chgData name="Sara Mastrorosa" userId="d159c406-3740-4568-9f4d-6092b2495d2a" providerId="ADAL" clId="{12ED7F48-8A43-43A8-A936-2A9BA398726A}" dt="2023-10-24T14:51:02.401" v="663" actId="478"/>
          <ac:spMkLst>
            <pc:docMk/>
            <pc:sldMk cId="3353519111" sldId="2147476509"/>
            <ac:spMk id="321" creationId="{026389B7-D6A7-ACB3-41F6-CCA923604817}"/>
          </ac:spMkLst>
        </pc:spChg>
        <pc:spChg chg="add mod">
          <ac:chgData name="Sara Mastrorosa" userId="d159c406-3740-4568-9f4d-6092b2495d2a" providerId="ADAL" clId="{12ED7F48-8A43-43A8-A936-2A9BA398726A}" dt="2023-10-24T14:54:25.739" v="687" actId="571"/>
          <ac:spMkLst>
            <pc:docMk/>
            <pc:sldMk cId="3353519111" sldId="2147476509"/>
            <ac:spMk id="322" creationId="{43B18763-5C68-DC3C-A3D8-1803972C3E01}"/>
          </ac:spMkLst>
        </pc:spChg>
        <pc:spChg chg="add mod">
          <ac:chgData name="Sara Mastrorosa" userId="d159c406-3740-4568-9f4d-6092b2495d2a" providerId="ADAL" clId="{12ED7F48-8A43-43A8-A936-2A9BA398726A}" dt="2023-10-24T14:56:48.700" v="721" actId="113"/>
          <ac:spMkLst>
            <pc:docMk/>
            <pc:sldMk cId="3353519111" sldId="2147476509"/>
            <ac:spMk id="323" creationId="{AAFA6800-A0BF-5419-8F69-7A3D2BCF1373}"/>
          </ac:spMkLst>
        </pc:spChg>
        <pc:spChg chg="add del mod">
          <ac:chgData name="Sara Mastrorosa" userId="d159c406-3740-4568-9f4d-6092b2495d2a" providerId="ADAL" clId="{12ED7F48-8A43-43A8-A936-2A9BA398726A}" dt="2023-10-25T06:27:14.312" v="726" actId="478"/>
          <ac:spMkLst>
            <pc:docMk/>
            <pc:sldMk cId="3353519111" sldId="2147476509"/>
            <ac:spMk id="324" creationId="{4CC43EFC-D900-4165-020F-D5C9FFABDC88}"/>
          </ac:spMkLst>
        </pc:spChg>
        <pc:spChg chg="add mod">
          <ac:chgData name="Sara Mastrorosa" userId="d159c406-3740-4568-9f4d-6092b2495d2a" providerId="ADAL" clId="{12ED7F48-8A43-43A8-A936-2A9BA398726A}" dt="2023-10-24T14:56:48.700" v="721" actId="113"/>
          <ac:spMkLst>
            <pc:docMk/>
            <pc:sldMk cId="3353519111" sldId="2147476509"/>
            <ac:spMk id="325" creationId="{F36C7C12-DB64-5E99-7CBD-D8A0864F9909}"/>
          </ac:spMkLst>
        </pc:spChg>
        <pc:spChg chg="add mod">
          <ac:chgData name="Sara Mastrorosa" userId="d159c406-3740-4568-9f4d-6092b2495d2a" providerId="ADAL" clId="{12ED7F48-8A43-43A8-A936-2A9BA398726A}" dt="2023-10-24T14:56:48.700" v="721" actId="113"/>
          <ac:spMkLst>
            <pc:docMk/>
            <pc:sldMk cId="3353519111" sldId="2147476509"/>
            <ac:spMk id="326" creationId="{E21856F7-6356-07D5-36E5-1AE53B5AA62C}"/>
          </ac:spMkLst>
        </pc:spChg>
        <pc:spChg chg="add mod">
          <ac:chgData name="Sara Mastrorosa" userId="d159c406-3740-4568-9f4d-6092b2495d2a" providerId="ADAL" clId="{12ED7F48-8A43-43A8-A936-2A9BA398726A}" dt="2023-10-24T14:56:48.700" v="721" actId="113"/>
          <ac:spMkLst>
            <pc:docMk/>
            <pc:sldMk cId="3353519111" sldId="2147476509"/>
            <ac:spMk id="327" creationId="{2AD6DB22-A106-71B2-F89C-F812D6F94395}"/>
          </ac:spMkLst>
        </pc:spChg>
        <pc:spChg chg="add mod">
          <ac:chgData name="Sara Mastrorosa" userId="d159c406-3740-4568-9f4d-6092b2495d2a" providerId="ADAL" clId="{12ED7F48-8A43-43A8-A936-2A9BA398726A}" dt="2023-10-24T14:56:48.700" v="721" actId="113"/>
          <ac:spMkLst>
            <pc:docMk/>
            <pc:sldMk cId="3353519111" sldId="2147476509"/>
            <ac:spMk id="328" creationId="{74480614-1430-26DA-DD22-39BBE20F5663}"/>
          </ac:spMkLst>
        </pc:spChg>
        <pc:spChg chg="add mod">
          <ac:chgData name="Sara Mastrorosa" userId="d159c406-3740-4568-9f4d-6092b2495d2a" providerId="ADAL" clId="{12ED7F48-8A43-43A8-A936-2A9BA398726A}" dt="2023-10-24T14:54:25.739" v="687" actId="571"/>
          <ac:spMkLst>
            <pc:docMk/>
            <pc:sldMk cId="3353519111" sldId="2147476509"/>
            <ac:spMk id="329" creationId="{76973FF0-0083-B32A-00BF-11BEDC854949}"/>
          </ac:spMkLst>
        </pc:spChg>
        <pc:spChg chg="add mod">
          <ac:chgData name="Sara Mastrorosa" userId="d159c406-3740-4568-9f4d-6092b2495d2a" providerId="ADAL" clId="{12ED7F48-8A43-43A8-A936-2A9BA398726A}" dt="2023-10-24T14:54:25.739" v="687" actId="571"/>
          <ac:spMkLst>
            <pc:docMk/>
            <pc:sldMk cId="3353519111" sldId="2147476509"/>
            <ac:spMk id="330" creationId="{53BAACE8-8976-0871-56FA-2050E8EBA0F1}"/>
          </ac:spMkLst>
        </pc:spChg>
        <pc:spChg chg="add mod">
          <ac:chgData name="Sara Mastrorosa" userId="d159c406-3740-4568-9f4d-6092b2495d2a" providerId="ADAL" clId="{12ED7F48-8A43-43A8-A936-2A9BA398726A}" dt="2023-10-24T14:54:25.739" v="687" actId="571"/>
          <ac:spMkLst>
            <pc:docMk/>
            <pc:sldMk cId="3353519111" sldId="2147476509"/>
            <ac:spMk id="331" creationId="{BB0AB9F5-E89C-6DBE-7427-B4867CF00C9F}"/>
          </ac:spMkLst>
        </pc:spChg>
        <pc:spChg chg="add mod">
          <ac:chgData name="Sara Mastrorosa" userId="d159c406-3740-4568-9f4d-6092b2495d2a" providerId="ADAL" clId="{12ED7F48-8A43-43A8-A936-2A9BA398726A}" dt="2023-10-24T14:54:25.739" v="687" actId="571"/>
          <ac:spMkLst>
            <pc:docMk/>
            <pc:sldMk cId="3353519111" sldId="2147476509"/>
            <ac:spMk id="332" creationId="{AB3F8F90-6DA1-8195-7256-5C8A58D85F08}"/>
          </ac:spMkLst>
        </pc:spChg>
        <pc:spChg chg="add mod">
          <ac:chgData name="Sara Mastrorosa" userId="d159c406-3740-4568-9f4d-6092b2495d2a" providerId="ADAL" clId="{12ED7F48-8A43-43A8-A936-2A9BA398726A}" dt="2023-10-24T14:54:25.739" v="687" actId="571"/>
          <ac:spMkLst>
            <pc:docMk/>
            <pc:sldMk cId="3353519111" sldId="2147476509"/>
            <ac:spMk id="333" creationId="{CE71EAA8-C7C9-70DB-D70F-5D650511FD80}"/>
          </ac:spMkLst>
        </pc:spChg>
        <pc:spChg chg="add mod">
          <ac:chgData name="Sara Mastrorosa" userId="d159c406-3740-4568-9f4d-6092b2495d2a" providerId="ADAL" clId="{12ED7F48-8A43-43A8-A936-2A9BA398726A}" dt="2023-10-24T14:54:25.739" v="687" actId="571"/>
          <ac:spMkLst>
            <pc:docMk/>
            <pc:sldMk cId="3353519111" sldId="2147476509"/>
            <ac:spMk id="334" creationId="{3C49B945-F888-8430-8E48-60C4DF265791}"/>
          </ac:spMkLst>
        </pc:spChg>
        <pc:spChg chg="mod">
          <ac:chgData name="Sara Mastrorosa" userId="d159c406-3740-4568-9f4d-6092b2495d2a" providerId="ADAL" clId="{12ED7F48-8A43-43A8-A936-2A9BA398726A}" dt="2023-10-24T14:51:57.333" v="674" actId="207"/>
          <ac:spMkLst>
            <pc:docMk/>
            <pc:sldMk cId="3353519111" sldId="2147476509"/>
            <ac:spMk id="343" creationId="{4A26CA79-5F6C-29CF-25C7-FE5BEAE1A09C}"/>
          </ac:spMkLst>
        </pc:spChg>
        <pc:spChg chg="mod">
          <ac:chgData name="Sara Mastrorosa" userId="d159c406-3740-4568-9f4d-6092b2495d2a" providerId="ADAL" clId="{12ED7F48-8A43-43A8-A936-2A9BA398726A}" dt="2023-10-24T14:51:57.333" v="674" actId="207"/>
          <ac:spMkLst>
            <pc:docMk/>
            <pc:sldMk cId="3353519111" sldId="2147476509"/>
            <ac:spMk id="344" creationId="{B934A22C-B265-504B-7C51-A94475D7AA75}"/>
          </ac:spMkLst>
        </pc:spChg>
        <pc:spChg chg="mod">
          <ac:chgData name="Sara Mastrorosa" userId="d159c406-3740-4568-9f4d-6092b2495d2a" providerId="ADAL" clId="{12ED7F48-8A43-43A8-A936-2A9BA398726A}" dt="2023-10-24T14:51:57.333" v="674" actId="207"/>
          <ac:spMkLst>
            <pc:docMk/>
            <pc:sldMk cId="3353519111" sldId="2147476509"/>
            <ac:spMk id="345" creationId="{71AC02A3-068C-C5C5-21C1-44D9AA6ED6A3}"/>
          </ac:spMkLst>
        </pc:spChg>
        <pc:spChg chg="add mod">
          <ac:chgData name="Sara Mastrorosa" userId="d159c406-3740-4568-9f4d-6092b2495d2a" providerId="ADAL" clId="{12ED7F48-8A43-43A8-A936-2A9BA398726A}" dt="2023-10-24T14:52:04.301" v="675" actId="1076"/>
          <ac:spMkLst>
            <pc:docMk/>
            <pc:sldMk cId="3353519111" sldId="2147476509"/>
            <ac:spMk id="346" creationId="{63AEA129-CC06-AEB0-61D0-FA377989EF0E}"/>
          </ac:spMkLst>
        </pc:spChg>
        <pc:spChg chg="add mod">
          <ac:chgData name="Sara Mastrorosa" userId="d159c406-3740-4568-9f4d-6092b2495d2a" providerId="ADAL" clId="{12ED7F48-8A43-43A8-A936-2A9BA398726A}" dt="2023-10-24T14:52:04.301" v="675" actId="1076"/>
          <ac:spMkLst>
            <pc:docMk/>
            <pc:sldMk cId="3353519111" sldId="2147476509"/>
            <ac:spMk id="347" creationId="{F22ED18F-F6C1-D499-5F56-A6777F39AF5E}"/>
          </ac:spMkLst>
        </pc:spChg>
        <pc:spChg chg="add del mod">
          <ac:chgData name="Sara Mastrorosa" userId="d159c406-3740-4568-9f4d-6092b2495d2a" providerId="ADAL" clId="{12ED7F48-8A43-43A8-A936-2A9BA398726A}" dt="2023-10-24T14:56:13.170" v="717" actId="478"/>
          <ac:spMkLst>
            <pc:docMk/>
            <pc:sldMk cId="3353519111" sldId="2147476509"/>
            <ac:spMk id="349" creationId="{C6D131E4-7EB8-4AF4-9F1A-25CD2373C063}"/>
          </ac:spMkLst>
        </pc:spChg>
        <pc:spChg chg="add mod">
          <ac:chgData name="Sara Mastrorosa" userId="d159c406-3740-4568-9f4d-6092b2495d2a" providerId="ADAL" clId="{12ED7F48-8A43-43A8-A936-2A9BA398726A}" dt="2023-10-25T06:27:10.221" v="725" actId="6549"/>
          <ac:spMkLst>
            <pc:docMk/>
            <pc:sldMk cId="3353519111" sldId="2147476509"/>
            <ac:spMk id="359" creationId="{D0AFC9DE-5BEB-C779-453F-CFEA73CFBCD3}"/>
          </ac:spMkLst>
        </pc:spChg>
        <pc:spChg chg="add mod">
          <ac:chgData name="Sara Mastrorosa" userId="d159c406-3740-4568-9f4d-6092b2495d2a" providerId="ADAL" clId="{12ED7F48-8A43-43A8-A936-2A9BA398726A}" dt="2023-10-24T14:54:25.739" v="687" actId="571"/>
          <ac:spMkLst>
            <pc:docMk/>
            <pc:sldMk cId="3353519111" sldId="2147476509"/>
            <ac:spMk id="360" creationId="{872C5D1C-57F7-95EB-6EA1-14E34844DFD3}"/>
          </ac:spMkLst>
        </pc:spChg>
        <pc:spChg chg="add mod">
          <ac:chgData name="Sara Mastrorosa" userId="d159c406-3740-4568-9f4d-6092b2495d2a" providerId="ADAL" clId="{12ED7F48-8A43-43A8-A936-2A9BA398726A}" dt="2023-10-24T14:54:25.739" v="687" actId="571"/>
          <ac:spMkLst>
            <pc:docMk/>
            <pc:sldMk cId="3353519111" sldId="2147476509"/>
            <ac:spMk id="361" creationId="{3DF69B4D-9E04-4CFB-6612-9C204773B07D}"/>
          </ac:spMkLst>
        </pc:spChg>
        <pc:spChg chg="add mod">
          <ac:chgData name="Sara Mastrorosa" userId="d159c406-3740-4568-9f4d-6092b2495d2a" providerId="ADAL" clId="{12ED7F48-8A43-43A8-A936-2A9BA398726A}" dt="2023-10-24T14:54:25.739" v="687" actId="571"/>
          <ac:spMkLst>
            <pc:docMk/>
            <pc:sldMk cId="3353519111" sldId="2147476509"/>
            <ac:spMk id="362" creationId="{6ACE679B-EDDC-4E04-C601-EC04F8112F2A}"/>
          </ac:spMkLst>
        </pc:spChg>
        <pc:spChg chg="add del mod">
          <ac:chgData name="Sara Mastrorosa" userId="d159c406-3740-4568-9f4d-6092b2495d2a" providerId="ADAL" clId="{12ED7F48-8A43-43A8-A936-2A9BA398726A}" dt="2023-10-24T14:55:26.920" v="702" actId="478"/>
          <ac:spMkLst>
            <pc:docMk/>
            <pc:sldMk cId="3353519111" sldId="2147476509"/>
            <ac:spMk id="374" creationId="{D0027562-15AB-AC3B-9AED-EC704A33F7F7}"/>
          </ac:spMkLst>
        </pc:spChg>
        <pc:spChg chg="add del mod">
          <ac:chgData name="Sara Mastrorosa" userId="d159c406-3740-4568-9f4d-6092b2495d2a" providerId="ADAL" clId="{12ED7F48-8A43-43A8-A936-2A9BA398726A}" dt="2023-10-24T14:55:23.265" v="701" actId="478"/>
          <ac:spMkLst>
            <pc:docMk/>
            <pc:sldMk cId="3353519111" sldId="2147476509"/>
            <ac:spMk id="375" creationId="{692504F9-6AE7-E791-118D-6022D1DA71A3}"/>
          </ac:spMkLst>
        </pc:spChg>
        <pc:spChg chg="add del mod">
          <ac:chgData name="Sara Mastrorosa" userId="d159c406-3740-4568-9f4d-6092b2495d2a" providerId="ADAL" clId="{12ED7F48-8A43-43A8-A936-2A9BA398726A}" dt="2023-10-24T14:55:20.138" v="700" actId="478"/>
          <ac:spMkLst>
            <pc:docMk/>
            <pc:sldMk cId="3353519111" sldId="2147476509"/>
            <ac:spMk id="376" creationId="{7566E840-D2F5-BF3B-D7FE-67CFCE6EC26C}"/>
          </ac:spMkLst>
        </pc:spChg>
        <pc:spChg chg="add del mod">
          <ac:chgData name="Sara Mastrorosa" userId="d159c406-3740-4568-9f4d-6092b2495d2a" providerId="ADAL" clId="{12ED7F48-8A43-43A8-A936-2A9BA398726A}" dt="2023-10-24T14:55:16.837" v="699" actId="478"/>
          <ac:spMkLst>
            <pc:docMk/>
            <pc:sldMk cId="3353519111" sldId="2147476509"/>
            <ac:spMk id="377" creationId="{71D8AECF-4B38-75E2-DB67-3AA22F50BD23}"/>
          </ac:spMkLst>
        </pc:spChg>
        <pc:grpChg chg="add del mod">
          <ac:chgData name="Sara Mastrorosa" userId="d159c406-3740-4568-9f4d-6092b2495d2a" providerId="ADAL" clId="{12ED7F48-8A43-43A8-A936-2A9BA398726A}" dt="2023-10-24T14:51:10.241" v="665" actId="1076"/>
          <ac:grpSpMkLst>
            <pc:docMk/>
            <pc:sldMk cId="3353519111" sldId="2147476509"/>
            <ac:grpSpMk id="2" creationId="{5D1C4677-CB1E-3803-F52B-221FB60E454D}"/>
          </ac:grpSpMkLst>
        </pc:grpChg>
        <pc:grpChg chg="add del mod">
          <ac:chgData name="Sara Mastrorosa" userId="d159c406-3740-4568-9f4d-6092b2495d2a" providerId="ADAL" clId="{12ED7F48-8A43-43A8-A936-2A9BA398726A}" dt="2023-10-24T14:52:13.374" v="676" actId="478"/>
          <ac:grpSpMkLst>
            <pc:docMk/>
            <pc:sldMk cId="3353519111" sldId="2147476509"/>
            <ac:grpSpMk id="27" creationId="{D7F8D390-361F-D42C-A7EE-B5A492E75A29}"/>
          </ac:grpSpMkLst>
        </pc:grpChg>
        <pc:grpChg chg="mod">
          <ac:chgData name="Sara Mastrorosa" userId="d159c406-3740-4568-9f4d-6092b2495d2a" providerId="ADAL" clId="{12ED7F48-8A43-43A8-A936-2A9BA398726A}" dt="2023-10-24T14:42:09.515" v="390" actId="571"/>
          <ac:grpSpMkLst>
            <pc:docMk/>
            <pc:sldMk cId="3353519111" sldId="2147476509"/>
            <ac:grpSpMk id="33" creationId="{DFA2FE5F-7C71-5E85-77F8-6962F35EDEEE}"/>
          </ac:grpSpMkLst>
        </pc:grpChg>
        <pc:grpChg chg="del">
          <ac:chgData name="Sara Mastrorosa" userId="d159c406-3740-4568-9f4d-6092b2495d2a" providerId="ADAL" clId="{12ED7F48-8A43-43A8-A936-2A9BA398726A}" dt="2023-10-23T15:13:43.565" v="233" actId="478"/>
          <ac:grpSpMkLst>
            <pc:docMk/>
            <pc:sldMk cId="3353519111" sldId="2147476509"/>
            <ac:grpSpMk id="36" creationId="{CD1099B4-8700-E1B5-A3C3-6EE8D6837694}"/>
          </ac:grpSpMkLst>
        </pc:grpChg>
        <pc:grpChg chg="del mod">
          <ac:chgData name="Sara Mastrorosa" userId="d159c406-3740-4568-9f4d-6092b2495d2a" providerId="ADAL" clId="{12ED7F48-8A43-43A8-A936-2A9BA398726A}" dt="2023-10-24T14:41:59.318" v="388" actId="478"/>
          <ac:grpSpMkLst>
            <pc:docMk/>
            <pc:sldMk cId="3353519111" sldId="2147476509"/>
            <ac:grpSpMk id="37" creationId="{3DF600EF-DE64-5C65-2F8F-5150BBCE1098}"/>
          </ac:grpSpMkLst>
        </pc:grpChg>
        <pc:grpChg chg="add del mod">
          <ac:chgData name="Sara Mastrorosa" userId="d159c406-3740-4568-9f4d-6092b2495d2a" providerId="ADAL" clId="{12ED7F48-8A43-43A8-A936-2A9BA398726A}" dt="2023-10-24T14:52:15.593" v="677" actId="478"/>
          <ac:grpSpMkLst>
            <pc:docMk/>
            <pc:sldMk cId="3353519111" sldId="2147476509"/>
            <ac:grpSpMk id="103" creationId="{1A2EA9B0-36D2-922F-0A73-5DEB4A1AFF8E}"/>
          </ac:grpSpMkLst>
        </pc:grpChg>
        <pc:grpChg chg="add del mod">
          <ac:chgData name="Sara Mastrorosa" userId="d159c406-3740-4568-9f4d-6092b2495d2a" providerId="ADAL" clId="{12ED7F48-8A43-43A8-A936-2A9BA398726A}" dt="2023-10-24T14:52:17.955" v="678" actId="478"/>
          <ac:grpSpMkLst>
            <pc:docMk/>
            <pc:sldMk cId="3353519111" sldId="2147476509"/>
            <ac:grpSpMk id="159" creationId="{ABD1DDA9-E9B3-3DD6-4147-FD779592DA56}"/>
          </ac:grpSpMkLst>
        </pc:grpChg>
        <pc:grpChg chg="add del mod">
          <ac:chgData name="Sara Mastrorosa" userId="d159c406-3740-4568-9f4d-6092b2495d2a" providerId="ADAL" clId="{12ED7F48-8A43-43A8-A936-2A9BA398726A}" dt="2023-10-24T14:52:19.650" v="679" actId="478"/>
          <ac:grpSpMkLst>
            <pc:docMk/>
            <pc:sldMk cId="3353519111" sldId="2147476509"/>
            <ac:grpSpMk id="206" creationId="{1E71BA10-DC3F-BDD2-ED48-B714663BF785}"/>
          </ac:grpSpMkLst>
        </pc:grpChg>
        <pc:grpChg chg="add del mod">
          <ac:chgData name="Sara Mastrorosa" userId="d159c406-3740-4568-9f4d-6092b2495d2a" providerId="ADAL" clId="{12ED7F48-8A43-43A8-A936-2A9BA398726A}" dt="2023-10-24T14:42:30.461" v="496" actId="478"/>
          <ac:grpSpMkLst>
            <pc:docMk/>
            <pc:sldMk cId="3353519111" sldId="2147476509"/>
            <ac:grpSpMk id="294" creationId="{BA84F1B6-BCD3-8966-52A6-F728D2909CBB}"/>
          </ac:grpSpMkLst>
        </pc:grpChg>
        <pc:grpChg chg="mod">
          <ac:chgData name="Sara Mastrorosa" userId="d159c406-3740-4568-9f4d-6092b2495d2a" providerId="ADAL" clId="{12ED7F48-8A43-43A8-A936-2A9BA398726A}" dt="2023-10-23T15:14:22.370" v="237"/>
          <ac:grpSpMkLst>
            <pc:docMk/>
            <pc:sldMk cId="3353519111" sldId="2147476509"/>
            <ac:grpSpMk id="295" creationId="{3C1EA60F-EB47-AFEB-1040-E5437C121368}"/>
          </ac:grpSpMkLst>
        </pc:grpChg>
        <pc:grpChg chg="add del mod">
          <ac:chgData name="Sara Mastrorosa" userId="d159c406-3740-4568-9f4d-6092b2495d2a" providerId="ADAL" clId="{12ED7F48-8A43-43A8-A936-2A9BA398726A}" dt="2023-10-24T14:42:24.721" v="494" actId="478"/>
          <ac:grpSpMkLst>
            <pc:docMk/>
            <pc:sldMk cId="3353519111" sldId="2147476509"/>
            <ac:grpSpMk id="302" creationId="{FD2E196D-84ED-4BB0-1972-B1081EECD8A6}"/>
          </ac:grpSpMkLst>
        </pc:grpChg>
        <pc:grpChg chg="add del mod">
          <ac:chgData name="Sara Mastrorosa" userId="d159c406-3740-4568-9f4d-6092b2495d2a" providerId="ADAL" clId="{12ED7F48-8A43-43A8-A936-2A9BA398726A}" dt="2023-10-24T14:42:28.807" v="495" actId="478"/>
          <ac:grpSpMkLst>
            <pc:docMk/>
            <pc:sldMk cId="3353519111" sldId="2147476509"/>
            <ac:grpSpMk id="308" creationId="{5BF8FF9B-2206-64AA-47D9-9E3D2C859172}"/>
          </ac:grpSpMkLst>
        </pc:grpChg>
        <pc:grpChg chg="add del mod">
          <ac:chgData name="Sara Mastrorosa" userId="d159c406-3740-4568-9f4d-6092b2495d2a" providerId="ADAL" clId="{12ED7F48-8A43-43A8-A936-2A9BA398726A}" dt="2023-10-24T14:42:28.807" v="495" actId="478"/>
          <ac:grpSpMkLst>
            <pc:docMk/>
            <pc:sldMk cId="3353519111" sldId="2147476509"/>
            <ac:grpSpMk id="314" creationId="{AA3672E5-542C-FF6E-406D-DFF2336CA181}"/>
          </ac:grpSpMkLst>
        </pc:grpChg>
        <pc:grpChg chg="add mod">
          <ac:chgData name="Sara Mastrorosa" userId="d159c406-3740-4568-9f4d-6092b2495d2a" providerId="ADAL" clId="{12ED7F48-8A43-43A8-A936-2A9BA398726A}" dt="2023-10-24T14:54:25.739" v="687" actId="571"/>
          <ac:grpSpMkLst>
            <pc:docMk/>
            <pc:sldMk cId="3353519111" sldId="2147476509"/>
            <ac:grpSpMk id="341" creationId="{0A45DA0A-74BD-C0EB-8E8E-ECE0616A01B2}"/>
          </ac:grpSpMkLst>
        </pc:grpChg>
        <pc:grpChg chg="add mod">
          <ac:chgData name="Sara Mastrorosa" userId="d159c406-3740-4568-9f4d-6092b2495d2a" providerId="ADAL" clId="{12ED7F48-8A43-43A8-A936-2A9BA398726A}" dt="2023-10-24T14:52:04.301" v="675" actId="1076"/>
          <ac:grpSpMkLst>
            <pc:docMk/>
            <pc:sldMk cId="3353519111" sldId="2147476509"/>
            <ac:grpSpMk id="342" creationId="{C3A7447A-7B5F-A581-A957-F33D467F1368}"/>
          </ac:grpSpMkLst>
        </pc:grpChg>
        <pc:cxnChg chg="add mod">
          <ac:chgData name="Sara Mastrorosa" userId="d159c406-3740-4568-9f4d-6092b2495d2a" providerId="ADAL" clId="{12ED7F48-8A43-43A8-A936-2A9BA398726A}" dt="2023-10-25T06:27:14.312" v="726" actId="478"/>
          <ac:cxnSpMkLst>
            <pc:docMk/>
            <pc:sldMk cId="3353519111" sldId="2147476509"/>
            <ac:cxnSpMk id="335" creationId="{F1ECAF39-E3CA-B3FF-4445-D273215E2D01}"/>
          </ac:cxnSpMkLst>
        </pc:cxnChg>
        <pc:cxnChg chg="add mod">
          <ac:chgData name="Sara Mastrorosa" userId="d159c406-3740-4568-9f4d-6092b2495d2a" providerId="ADAL" clId="{12ED7F48-8A43-43A8-A936-2A9BA398726A}" dt="2023-10-24T14:56:43.402" v="719" actId="403"/>
          <ac:cxnSpMkLst>
            <pc:docMk/>
            <pc:sldMk cId="3353519111" sldId="2147476509"/>
            <ac:cxnSpMk id="336" creationId="{C52B509E-2B41-10DD-EC7B-5F6BDC46AEED}"/>
          </ac:cxnSpMkLst>
        </pc:cxnChg>
        <pc:cxnChg chg="add mod">
          <ac:chgData name="Sara Mastrorosa" userId="d159c406-3740-4568-9f4d-6092b2495d2a" providerId="ADAL" clId="{12ED7F48-8A43-43A8-A936-2A9BA398726A}" dt="2023-10-24T14:56:43.402" v="719" actId="403"/>
          <ac:cxnSpMkLst>
            <pc:docMk/>
            <pc:sldMk cId="3353519111" sldId="2147476509"/>
            <ac:cxnSpMk id="337" creationId="{F886D017-10AB-9F95-2836-8E4F246C74C9}"/>
          </ac:cxnSpMkLst>
        </pc:cxnChg>
        <pc:cxnChg chg="add mod">
          <ac:chgData name="Sara Mastrorosa" userId="d159c406-3740-4568-9f4d-6092b2495d2a" providerId="ADAL" clId="{12ED7F48-8A43-43A8-A936-2A9BA398726A}" dt="2023-10-24T14:56:43.402" v="719" actId="403"/>
          <ac:cxnSpMkLst>
            <pc:docMk/>
            <pc:sldMk cId="3353519111" sldId="2147476509"/>
            <ac:cxnSpMk id="338" creationId="{2EEE9CE8-313A-6082-1225-620E0D79CEB1}"/>
          </ac:cxnSpMkLst>
        </pc:cxnChg>
        <pc:cxnChg chg="add mod">
          <ac:chgData name="Sara Mastrorosa" userId="d159c406-3740-4568-9f4d-6092b2495d2a" providerId="ADAL" clId="{12ED7F48-8A43-43A8-A936-2A9BA398726A}" dt="2023-10-24T14:56:43.402" v="719" actId="403"/>
          <ac:cxnSpMkLst>
            <pc:docMk/>
            <pc:sldMk cId="3353519111" sldId="2147476509"/>
            <ac:cxnSpMk id="339" creationId="{AB2A9432-A215-34B2-2FD3-B4D81748368D}"/>
          </ac:cxnSpMkLst>
        </pc:cxnChg>
        <pc:cxnChg chg="add mod">
          <ac:chgData name="Sara Mastrorosa" userId="d159c406-3740-4568-9f4d-6092b2495d2a" providerId="ADAL" clId="{12ED7F48-8A43-43A8-A936-2A9BA398726A}" dt="2023-10-24T14:56:43.402" v="719" actId="403"/>
          <ac:cxnSpMkLst>
            <pc:docMk/>
            <pc:sldMk cId="3353519111" sldId="2147476509"/>
            <ac:cxnSpMk id="340" creationId="{427EFAC9-B54B-925F-C9F0-3B0307CF0EBC}"/>
          </ac:cxnSpMkLst>
        </pc:cxnChg>
      </pc:sldChg>
      <pc:sldChg chg="add del ord">
        <pc:chgData name="Sara Mastrorosa" userId="d159c406-3740-4568-9f4d-6092b2495d2a" providerId="ADAL" clId="{12ED7F48-8A43-43A8-A936-2A9BA398726A}" dt="2023-10-25T07:04:57.889" v="1105" actId="47"/>
        <pc:sldMkLst>
          <pc:docMk/>
          <pc:sldMk cId="3765811572" sldId="2147476510"/>
        </pc:sldMkLst>
      </pc:sldChg>
      <pc:sldChg chg="addSp delSp modSp new del mod">
        <pc:chgData name="Sara Mastrorosa" userId="d159c406-3740-4568-9f4d-6092b2495d2a" providerId="ADAL" clId="{12ED7F48-8A43-43A8-A936-2A9BA398726A}" dt="2023-10-25T06:48:47.773" v="906" actId="47"/>
        <pc:sldMkLst>
          <pc:docMk/>
          <pc:sldMk cId="3400806457" sldId="2147476511"/>
        </pc:sldMkLst>
        <pc:spChg chg="del">
          <ac:chgData name="Sara Mastrorosa" userId="d159c406-3740-4568-9f4d-6092b2495d2a" providerId="ADAL" clId="{12ED7F48-8A43-43A8-A936-2A9BA398726A}" dt="2023-10-25T06:27:30.392" v="728" actId="478"/>
          <ac:spMkLst>
            <pc:docMk/>
            <pc:sldMk cId="3400806457" sldId="2147476511"/>
            <ac:spMk id="3" creationId="{6F070B5B-FF7A-43B8-8140-ECDBB60283A5}"/>
          </ac:spMkLst>
        </pc:spChg>
        <pc:spChg chg="mod">
          <ac:chgData name="Sara Mastrorosa" userId="d159c406-3740-4568-9f4d-6092b2495d2a" providerId="ADAL" clId="{12ED7F48-8A43-43A8-A936-2A9BA398726A}" dt="2023-10-25T06:27:32.043" v="729"/>
          <ac:spMkLst>
            <pc:docMk/>
            <pc:sldMk cId="3400806457" sldId="2147476511"/>
            <ac:spMk id="5" creationId="{5FB5EDCC-5E1E-1B4F-4562-BA7B51CD1A51}"/>
          </ac:spMkLst>
        </pc:spChg>
        <pc:spChg chg="mod">
          <ac:chgData name="Sara Mastrorosa" userId="d159c406-3740-4568-9f4d-6092b2495d2a" providerId="ADAL" clId="{12ED7F48-8A43-43A8-A936-2A9BA398726A}" dt="2023-10-25T06:27:32.043" v="729"/>
          <ac:spMkLst>
            <pc:docMk/>
            <pc:sldMk cId="3400806457" sldId="2147476511"/>
            <ac:spMk id="6" creationId="{E768C6E0-527D-8205-D981-8D8B9BE14B12}"/>
          </ac:spMkLst>
        </pc:spChg>
        <pc:spChg chg="mod">
          <ac:chgData name="Sara Mastrorosa" userId="d159c406-3740-4568-9f4d-6092b2495d2a" providerId="ADAL" clId="{12ED7F48-8A43-43A8-A936-2A9BA398726A}" dt="2023-10-25T06:27:32.043" v="729"/>
          <ac:spMkLst>
            <pc:docMk/>
            <pc:sldMk cId="3400806457" sldId="2147476511"/>
            <ac:spMk id="7" creationId="{5CEFE007-FDF5-D5D6-E304-D4A5B970A8CF}"/>
          </ac:spMkLst>
        </pc:spChg>
        <pc:spChg chg="mod">
          <ac:chgData name="Sara Mastrorosa" userId="d159c406-3740-4568-9f4d-6092b2495d2a" providerId="ADAL" clId="{12ED7F48-8A43-43A8-A936-2A9BA398726A}" dt="2023-10-25T06:27:32.043" v="729"/>
          <ac:spMkLst>
            <pc:docMk/>
            <pc:sldMk cId="3400806457" sldId="2147476511"/>
            <ac:spMk id="8" creationId="{0DFC26E4-6442-1D7B-0508-ACCB7BFF770D}"/>
          </ac:spMkLst>
        </pc:spChg>
        <pc:spChg chg="mod">
          <ac:chgData name="Sara Mastrorosa" userId="d159c406-3740-4568-9f4d-6092b2495d2a" providerId="ADAL" clId="{12ED7F48-8A43-43A8-A936-2A9BA398726A}" dt="2023-10-25T06:27:32.043" v="729"/>
          <ac:spMkLst>
            <pc:docMk/>
            <pc:sldMk cId="3400806457" sldId="2147476511"/>
            <ac:spMk id="9" creationId="{D667A09A-044B-994C-1688-6BB2D9DAE31E}"/>
          </ac:spMkLst>
        </pc:spChg>
        <pc:spChg chg="mod">
          <ac:chgData name="Sara Mastrorosa" userId="d159c406-3740-4568-9f4d-6092b2495d2a" providerId="ADAL" clId="{12ED7F48-8A43-43A8-A936-2A9BA398726A}" dt="2023-10-25T06:27:32.043" v="729"/>
          <ac:spMkLst>
            <pc:docMk/>
            <pc:sldMk cId="3400806457" sldId="2147476511"/>
            <ac:spMk id="10" creationId="{70495FA5-A978-BF55-0CAB-9663A6CCE3A1}"/>
          </ac:spMkLst>
        </pc:spChg>
        <pc:spChg chg="mod">
          <ac:chgData name="Sara Mastrorosa" userId="d159c406-3740-4568-9f4d-6092b2495d2a" providerId="ADAL" clId="{12ED7F48-8A43-43A8-A936-2A9BA398726A}" dt="2023-10-25T06:27:32.043" v="729"/>
          <ac:spMkLst>
            <pc:docMk/>
            <pc:sldMk cId="3400806457" sldId="2147476511"/>
            <ac:spMk id="11" creationId="{BD03FEDA-A03C-04B7-AB9B-266F281888B6}"/>
          </ac:spMkLst>
        </pc:spChg>
        <pc:spChg chg="mod">
          <ac:chgData name="Sara Mastrorosa" userId="d159c406-3740-4568-9f4d-6092b2495d2a" providerId="ADAL" clId="{12ED7F48-8A43-43A8-A936-2A9BA398726A}" dt="2023-10-25T06:27:32.043" v="729"/>
          <ac:spMkLst>
            <pc:docMk/>
            <pc:sldMk cId="3400806457" sldId="2147476511"/>
            <ac:spMk id="12" creationId="{3107FD90-8769-3457-713C-E9A1D784C4EF}"/>
          </ac:spMkLst>
        </pc:spChg>
        <pc:spChg chg="mod">
          <ac:chgData name="Sara Mastrorosa" userId="d159c406-3740-4568-9f4d-6092b2495d2a" providerId="ADAL" clId="{12ED7F48-8A43-43A8-A936-2A9BA398726A}" dt="2023-10-25T06:27:32.043" v="729"/>
          <ac:spMkLst>
            <pc:docMk/>
            <pc:sldMk cId="3400806457" sldId="2147476511"/>
            <ac:spMk id="13" creationId="{3DD4D0A4-23D6-F88A-BCC2-839C0EDB7F2C}"/>
          </ac:spMkLst>
        </pc:spChg>
        <pc:spChg chg="mod">
          <ac:chgData name="Sara Mastrorosa" userId="d159c406-3740-4568-9f4d-6092b2495d2a" providerId="ADAL" clId="{12ED7F48-8A43-43A8-A936-2A9BA398726A}" dt="2023-10-25T06:27:32.043" v="729"/>
          <ac:spMkLst>
            <pc:docMk/>
            <pc:sldMk cId="3400806457" sldId="2147476511"/>
            <ac:spMk id="14" creationId="{24C140CD-D42E-D7B2-C527-70DEE4640591}"/>
          </ac:spMkLst>
        </pc:spChg>
        <pc:spChg chg="mod">
          <ac:chgData name="Sara Mastrorosa" userId="d159c406-3740-4568-9f4d-6092b2495d2a" providerId="ADAL" clId="{12ED7F48-8A43-43A8-A936-2A9BA398726A}" dt="2023-10-25T06:27:32.043" v="729"/>
          <ac:spMkLst>
            <pc:docMk/>
            <pc:sldMk cId="3400806457" sldId="2147476511"/>
            <ac:spMk id="15" creationId="{E125CE9B-FBA8-FBD6-069A-93097594AB8D}"/>
          </ac:spMkLst>
        </pc:spChg>
        <pc:spChg chg="mod">
          <ac:chgData name="Sara Mastrorosa" userId="d159c406-3740-4568-9f4d-6092b2495d2a" providerId="ADAL" clId="{12ED7F48-8A43-43A8-A936-2A9BA398726A}" dt="2023-10-25T06:27:32.043" v="729"/>
          <ac:spMkLst>
            <pc:docMk/>
            <pc:sldMk cId="3400806457" sldId="2147476511"/>
            <ac:spMk id="16" creationId="{3DA1AF62-F679-41C2-CEA2-1DD8C77C2345}"/>
          </ac:spMkLst>
        </pc:spChg>
        <pc:spChg chg="mod">
          <ac:chgData name="Sara Mastrorosa" userId="d159c406-3740-4568-9f4d-6092b2495d2a" providerId="ADAL" clId="{12ED7F48-8A43-43A8-A936-2A9BA398726A}" dt="2023-10-25T06:27:32.043" v="729"/>
          <ac:spMkLst>
            <pc:docMk/>
            <pc:sldMk cId="3400806457" sldId="2147476511"/>
            <ac:spMk id="17" creationId="{16201058-8060-06FF-5B30-830E76447DC3}"/>
          </ac:spMkLst>
        </pc:spChg>
        <pc:spChg chg="mod">
          <ac:chgData name="Sara Mastrorosa" userId="d159c406-3740-4568-9f4d-6092b2495d2a" providerId="ADAL" clId="{12ED7F48-8A43-43A8-A936-2A9BA398726A}" dt="2023-10-25T06:27:32.043" v="729"/>
          <ac:spMkLst>
            <pc:docMk/>
            <pc:sldMk cId="3400806457" sldId="2147476511"/>
            <ac:spMk id="18" creationId="{FF8B7B78-AF6D-5D03-4B7B-777B030EC434}"/>
          </ac:spMkLst>
        </pc:spChg>
        <pc:spChg chg="mod">
          <ac:chgData name="Sara Mastrorosa" userId="d159c406-3740-4568-9f4d-6092b2495d2a" providerId="ADAL" clId="{12ED7F48-8A43-43A8-A936-2A9BA398726A}" dt="2023-10-25T06:27:32.043" v="729"/>
          <ac:spMkLst>
            <pc:docMk/>
            <pc:sldMk cId="3400806457" sldId="2147476511"/>
            <ac:spMk id="19" creationId="{1C1962D4-EAB7-472C-6A1A-9F49A2EACBDF}"/>
          </ac:spMkLst>
        </pc:spChg>
        <pc:spChg chg="mod">
          <ac:chgData name="Sara Mastrorosa" userId="d159c406-3740-4568-9f4d-6092b2495d2a" providerId="ADAL" clId="{12ED7F48-8A43-43A8-A936-2A9BA398726A}" dt="2023-10-25T06:27:32.043" v="729"/>
          <ac:spMkLst>
            <pc:docMk/>
            <pc:sldMk cId="3400806457" sldId="2147476511"/>
            <ac:spMk id="20" creationId="{611CE40E-0A9C-2A6C-248D-A027397FED49}"/>
          </ac:spMkLst>
        </pc:spChg>
        <pc:spChg chg="mod">
          <ac:chgData name="Sara Mastrorosa" userId="d159c406-3740-4568-9f4d-6092b2495d2a" providerId="ADAL" clId="{12ED7F48-8A43-43A8-A936-2A9BA398726A}" dt="2023-10-25T06:27:32.043" v="729"/>
          <ac:spMkLst>
            <pc:docMk/>
            <pc:sldMk cId="3400806457" sldId="2147476511"/>
            <ac:spMk id="21" creationId="{6BE2692C-36F4-9E42-EDDB-7B8B1CE77201}"/>
          </ac:spMkLst>
        </pc:spChg>
        <pc:spChg chg="mod">
          <ac:chgData name="Sara Mastrorosa" userId="d159c406-3740-4568-9f4d-6092b2495d2a" providerId="ADAL" clId="{12ED7F48-8A43-43A8-A936-2A9BA398726A}" dt="2023-10-25T06:27:32.043" v="729"/>
          <ac:spMkLst>
            <pc:docMk/>
            <pc:sldMk cId="3400806457" sldId="2147476511"/>
            <ac:spMk id="22" creationId="{83679259-20BD-38BE-700C-BEA8EAB13489}"/>
          </ac:spMkLst>
        </pc:spChg>
        <pc:spChg chg="mod">
          <ac:chgData name="Sara Mastrorosa" userId="d159c406-3740-4568-9f4d-6092b2495d2a" providerId="ADAL" clId="{12ED7F48-8A43-43A8-A936-2A9BA398726A}" dt="2023-10-25T06:27:32.043" v="729"/>
          <ac:spMkLst>
            <pc:docMk/>
            <pc:sldMk cId="3400806457" sldId="2147476511"/>
            <ac:spMk id="23" creationId="{7CEE674B-FD6A-EE06-07BB-D05EA653A0F6}"/>
          </ac:spMkLst>
        </pc:spChg>
        <pc:spChg chg="mod">
          <ac:chgData name="Sara Mastrorosa" userId="d159c406-3740-4568-9f4d-6092b2495d2a" providerId="ADAL" clId="{12ED7F48-8A43-43A8-A936-2A9BA398726A}" dt="2023-10-25T06:27:32.043" v="729"/>
          <ac:spMkLst>
            <pc:docMk/>
            <pc:sldMk cId="3400806457" sldId="2147476511"/>
            <ac:spMk id="24" creationId="{4B69C749-2DE8-0E11-9712-717C8E593C3E}"/>
          </ac:spMkLst>
        </pc:spChg>
        <pc:spChg chg="mod">
          <ac:chgData name="Sara Mastrorosa" userId="d159c406-3740-4568-9f4d-6092b2495d2a" providerId="ADAL" clId="{12ED7F48-8A43-43A8-A936-2A9BA398726A}" dt="2023-10-25T06:27:32.043" v="729"/>
          <ac:spMkLst>
            <pc:docMk/>
            <pc:sldMk cId="3400806457" sldId="2147476511"/>
            <ac:spMk id="25" creationId="{813E290C-D03B-9DA6-87F2-5E6993E29E5D}"/>
          </ac:spMkLst>
        </pc:spChg>
        <pc:spChg chg="mod">
          <ac:chgData name="Sara Mastrorosa" userId="d159c406-3740-4568-9f4d-6092b2495d2a" providerId="ADAL" clId="{12ED7F48-8A43-43A8-A936-2A9BA398726A}" dt="2023-10-25T06:27:32.043" v="729"/>
          <ac:spMkLst>
            <pc:docMk/>
            <pc:sldMk cId="3400806457" sldId="2147476511"/>
            <ac:spMk id="26" creationId="{ED708BED-7C5E-D8A7-EA55-A6D37E8B4B43}"/>
          </ac:spMkLst>
        </pc:spChg>
        <pc:spChg chg="mod">
          <ac:chgData name="Sara Mastrorosa" userId="d159c406-3740-4568-9f4d-6092b2495d2a" providerId="ADAL" clId="{12ED7F48-8A43-43A8-A936-2A9BA398726A}" dt="2023-10-25T06:27:32.043" v="729"/>
          <ac:spMkLst>
            <pc:docMk/>
            <pc:sldMk cId="3400806457" sldId="2147476511"/>
            <ac:spMk id="27" creationId="{420AF397-044D-F4C8-4465-13BD5B627664}"/>
          </ac:spMkLst>
        </pc:spChg>
        <pc:spChg chg="mod">
          <ac:chgData name="Sara Mastrorosa" userId="d159c406-3740-4568-9f4d-6092b2495d2a" providerId="ADAL" clId="{12ED7F48-8A43-43A8-A936-2A9BA398726A}" dt="2023-10-25T06:27:32.043" v="729"/>
          <ac:spMkLst>
            <pc:docMk/>
            <pc:sldMk cId="3400806457" sldId="2147476511"/>
            <ac:spMk id="28" creationId="{7C811916-210D-679F-9109-291D2D79B8B0}"/>
          </ac:spMkLst>
        </pc:spChg>
        <pc:spChg chg="mod">
          <ac:chgData name="Sara Mastrorosa" userId="d159c406-3740-4568-9f4d-6092b2495d2a" providerId="ADAL" clId="{12ED7F48-8A43-43A8-A936-2A9BA398726A}" dt="2023-10-25T06:27:32.043" v="729"/>
          <ac:spMkLst>
            <pc:docMk/>
            <pc:sldMk cId="3400806457" sldId="2147476511"/>
            <ac:spMk id="29" creationId="{94803E4F-B387-F3C2-9471-6F9E94D4CFAB}"/>
          </ac:spMkLst>
        </pc:spChg>
        <pc:spChg chg="mod">
          <ac:chgData name="Sara Mastrorosa" userId="d159c406-3740-4568-9f4d-6092b2495d2a" providerId="ADAL" clId="{12ED7F48-8A43-43A8-A936-2A9BA398726A}" dt="2023-10-25T06:27:32.043" v="729"/>
          <ac:spMkLst>
            <pc:docMk/>
            <pc:sldMk cId="3400806457" sldId="2147476511"/>
            <ac:spMk id="30" creationId="{3644C367-D547-5B97-1CDE-7BE348CAF229}"/>
          </ac:spMkLst>
        </pc:spChg>
        <pc:spChg chg="mod">
          <ac:chgData name="Sara Mastrorosa" userId="d159c406-3740-4568-9f4d-6092b2495d2a" providerId="ADAL" clId="{12ED7F48-8A43-43A8-A936-2A9BA398726A}" dt="2023-10-25T06:27:32.043" v="729"/>
          <ac:spMkLst>
            <pc:docMk/>
            <pc:sldMk cId="3400806457" sldId="2147476511"/>
            <ac:spMk id="31" creationId="{BD74BE5E-215A-AB1A-4EEB-0FF67B59F2F7}"/>
          </ac:spMkLst>
        </pc:spChg>
        <pc:spChg chg="mod">
          <ac:chgData name="Sara Mastrorosa" userId="d159c406-3740-4568-9f4d-6092b2495d2a" providerId="ADAL" clId="{12ED7F48-8A43-43A8-A936-2A9BA398726A}" dt="2023-10-25T06:27:32.043" v="729"/>
          <ac:spMkLst>
            <pc:docMk/>
            <pc:sldMk cId="3400806457" sldId="2147476511"/>
            <ac:spMk id="32" creationId="{F5CC4FB4-1A09-6604-8F30-DD25A9CEB125}"/>
          </ac:spMkLst>
        </pc:spChg>
        <pc:spChg chg="mod">
          <ac:chgData name="Sara Mastrorosa" userId="d159c406-3740-4568-9f4d-6092b2495d2a" providerId="ADAL" clId="{12ED7F48-8A43-43A8-A936-2A9BA398726A}" dt="2023-10-25T06:27:32.043" v="729"/>
          <ac:spMkLst>
            <pc:docMk/>
            <pc:sldMk cId="3400806457" sldId="2147476511"/>
            <ac:spMk id="33" creationId="{03265B12-9C17-1DCD-17BD-34675BF8F0EE}"/>
          </ac:spMkLst>
        </pc:spChg>
        <pc:spChg chg="mod">
          <ac:chgData name="Sara Mastrorosa" userId="d159c406-3740-4568-9f4d-6092b2495d2a" providerId="ADAL" clId="{12ED7F48-8A43-43A8-A936-2A9BA398726A}" dt="2023-10-25T06:27:32.043" v="729"/>
          <ac:spMkLst>
            <pc:docMk/>
            <pc:sldMk cId="3400806457" sldId="2147476511"/>
            <ac:spMk id="34" creationId="{9148E450-3CDA-C699-DAAC-CF581761D98C}"/>
          </ac:spMkLst>
        </pc:spChg>
        <pc:spChg chg="mod">
          <ac:chgData name="Sara Mastrorosa" userId="d159c406-3740-4568-9f4d-6092b2495d2a" providerId="ADAL" clId="{12ED7F48-8A43-43A8-A936-2A9BA398726A}" dt="2023-10-25T06:27:32.043" v="729"/>
          <ac:spMkLst>
            <pc:docMk/>
            <pc:sldMk cId="3400806457" sldId="2147476511"/>
            <ac:spMk id="35" creationId="{ED73F3FC-3740-7487-D834-FFF16E8A125B}"/>
          </ac:spMkLst>
        </pc:spChg>
        <pc:spChg chg="mod">
          <ac:chgData name="Sara Mastrorosa" userId="d159c406-3740-4568-9f4d-6092b2495d2a" providerId="ADAL" clId="{12ED7F48-8A43-43A8-A936-2A9BA398726A}" dt="2023-10-25T06:27:32.043" v="729"/>
          <ac:spMkLst>
            <pc:docMk/>
            <pc:sldMk cId="3400806457" sldId="2147476511"/>
            <ac:spMk id="36" creationId="{D63FFA77-1C51-2B4C-F33A-B63137AA8B62}"/>
          </ac:spMkLst>
        </pc:spChg>
        <pc:spChg chg="mod">
          <ac:chgData name="Sara Mastrorosa" userId="d159c406-3740-4568-9f4d-6092b2495d2a" providerId="ADAL" clId="{12ED7F48-8A43-43A8-A936-2A9BA398726A}" dt="2023-10-25T06:27:32.043" v="729"/>
          <ac:spMkLst>
            <pc:docMk/>
            <pc:sldMk cId="3400806457" sldId="2147476511"/>
            <ac:spMk id="37" creationId="{EE8D618D-A815-6B37-5F2E-D8C341D7C148}"/>
          </ac:spMkLst>
        </pc:spChg>
        <pc:spChg chg="mod">
          <ac:chgData name="Sara Mastrorosa" userId="d159c406-3740-4568-9f4d-6092b2495d2a" providerId="ADAL" clId="{12ED7F48-8A43-43A8-A936-2A9BA398726A}" dt="2023-10-25T06:27:32.043" v="729"/>
          <ac:spMkLst>
            <pc:docMk/>
            <pc:sldMk cId="3400806457" sldId="2147476511"/>
            <ac:spMk id="38" creationId="{1EAC09B2-A7C0-5C85-C603-60ED68EC1A2D}"/>
          </ac:spMkLst>
        </pc:spChg>
        <pc:spChg chg="mod">
          <ac:chgData name="Sara Mastrorosa" userId="d159c406-3740-4568-9f4d-6092b2495d2a" providerId="ADAL" clId="{12ED7F48-8A43-43A8-A936-2A9BA398726A}" dt="2023-10-25T06:27:32.043" v="729"/>
          <ac:spMkLst>
            <pc:docMk/>
            <pc:sldMk cId="3400806457" sldId="2147476511"/>
            <ac:spMk id="39" creationId="{2B13AC2B-A6E6-6EC6-CFC7-F777482AE2D3}"/>
          </ac:spMkLst>
        </pc:spChg>
        <pc:spChg chg="mod">
          <ac:chgData name="Sara Mastrorosa" userId="d159c406-3740-4568-9f4d-6092b2495d2a" providerId="ADAL" clId="{12ED7F48-8A43-43A8-A936-2A9BA398726A}" dt="2023-10-25T06:27:32.043" v="729"/>
          <ac:spMkLst>
            <pc:docMk/>
            <pc:sldMk cId="3400806457" sldId="2147476511"/>
            <ac:spMk id="40" creationId="{7815B3BC-DA89-D6F8-ECD4-784AB681C4AA}"/>
          </ac:spMkLst>
        </pc:spChg>
        <pc:spChg chg="mod">
          <ac:chgData name="Sara Mastrorosa" userId="d159c406-3740-4568-9f4d-6092b2495d2a" providerId="ADAL" clId="{12ED7F48-8A43-43A8-A936-2A9BA398726A}" dt="2023-10-25T06:27:32.043" v="729"/>
          <ac:spMkLst>
            <pc:docMk/>
            <pc:sldMk cId="3400806457" sldId="2147476511"/>
            <ac:spMk id="41" creationId="{D1F82434-9C43-C55A-4549-70FA3DC3A912}"/>
          </ac:spMkLst>
        </pc:spChg>
        <pc:spChg chg="mod">
          <ac:chgData name="Sara Mastrorosa" userId="d159c406-3740-4568-9f4d-6092b2495d2a" providerId="ADAL" clId="{12ED7F48-8A43-43A8-A936-2A9BA398726A}" dt="2023-10-25T06:27:32.043" v="729"/>
          <ac:spMkLst>
            <pc:docMk/>
            <pc:sldMk cId="3400806457" sldId="2147476511"/>
            <ac:spMk id="42" creationId="{3996CC2C-F8E9-7E48-08E5-1B5A4070781F}"/>
          </ac:spMkLst>
        </pc:spChg>
        <pc:spChg chg="mod">
          <ac:chgData name="Sara Mastrorosa" userId="d159c406-3740-4568-9f4d-6092b2495d2a" providerId="ADAL" clId="{12ED7F48-8A43-43A8-A936-2A9BA398726A}" dt="2023-10-25T06:27:32.043" v="729"/>
          <ac:spMkLst>
            <pc:docMk/>
            <pc:sldMk cId="3400806457" sldId="2147476511"/>
            <ac:spMk id="43" creationId="{32967594-2E10-863F-1283-D3FFF6B4D784}"/>
          </ac:spMkLst>
        </pc:spChg>
        <pc:spChg chg="mod">
          <ac:chgData name="Sara Mastrorosa" userId="d159c406-3740-4568-9f4d-6092b2495d2a" providerId="ADAL" clId="{12ED7F48-8A43-43A8-A936-2A9BA398726A}" dt="2023-10-25T06:27:32.043" v="729"/>
          <ac:spMkLst>
            <pc:docMk/>
            <pc:sldMk cId="3400806457" sldId="2147476511"/>
            <ac:spMk id="44" creationId="{8E10B6FB-22B3-0245-2D6E-1DFB11D3320C}"/>
          </ac:spMkLst>
        </pc:spChg>
        <pc:spChg chg="mod">
          <ac:chgData name="Sara Mastrorosa" userId="d159c406-3740-4568-9f4d-6092b2495d2a" providerId="ADAL" clId="{12ED7F48-8A43-43A8-A936-2A9BA398726A}" dt="2023-10-25T06:27:32.043" v="729"/>
          <ac:spMkLst>
            <pc:docMk/>
            <pc:sldMk cId="3400806457" sldId="2147476511"/>
            <ac:spMk id="45" creationId="{77248798-8AE2-D33A-8045-165C4A2553C8}"/>
          </ac:spMkLst>
        </pc:spChg>
        <pc:spChg chg="mod">
          <ac:chgData name="Sara Mastrorosa" userId="d159c406-3740-4568-9f4d-6092b2495d2a" providerId="ADAL" clId="{12ED7F48-8A43-43A8-A936-2A9BA398726A}" dt="2023-10-25T06:27:32.043" v="729"/>
          <ac:spMkLst>
            <pc:docMk/>
            <pc:sldMk cId="3400806457" sldId="2147476511"/>
            <ac:spMk id="46" creationId="{EE81AA57-F389-87EC-3B6A-C1E92678F08C}"/>
          </ac:spMkLst>
        </pc:spChg>
        <pc:spChg chg="mod">
          <ac:chgData name="Sara Mastrorosa" userId="d159c406-3740-4568-9f4d-6092b2495d2a" providerId="ADAL" clId="{12ED7F48-8A43-43A8-A936-2A9BA398726A}" dt="2023-10-25T06:27:32.043" v="729"/>
          <ac:spMkLst>
            <pc:docMk/>
            <pc:sldMk cId="3400806457" sldId="2147476511"/>
            <ac:spMk id="47" creationId="{F55EC2DD-68B3-A79D-0D60-86EBAB12E411}"/>
          </ac:spMkLst>
        </pc:spChg>
        <pc:spChg chg="mod">
          <ac:chgData name="Sara Mastrorosa" userId="d159c406-3740-4568-9f4d-6092b2495d2a" providerId="ADAL" clId="{12ED7F48-8A43-43A8-A936-2A9BA398726A}" dt="2023-10-25T06:27:32.043" v="729"/>
          <ac:spMkLst>
            <pc:docMk/>
            <pc:sldMk cId="3400806457" sldId="2147476511"/>
            <ac:spMk id="48" creationId="{2B8B3AE4-A509-BF4A-8F6F-DF28CCD6F8A8}"/>
          </ac:spMkLst>
        </pc:spChg>
        <pc:spChg chg="mod">
          <ac:chgData name="Sara Mastrorosa" userId="d159c406-3740-4568-9f4d-6092b2495d2a" providerId="ADAL" clId="{12ED7F48-8A43-43A8-A936-2A9BA398726A}" dt="2023-10-25T06:27:32.043" v="729"/>
          <ac:spMkLst>
            <pc:docMk/>
            <pc:sldMk cId="3400806457" sldId="2147476511"/>
            <ac:spMk id="49" creationId="{5780D48D-5D23-314D-9310-763788A3ADBB}"/>
          </ac:spMkLst>
        </pc:spChg>
        <pc:spChg chg="mod">
          <ac:chgData name="Sara Mastrorosa" userId="d159c406-3740-4568-9f4d-6092b2495d2a" providerId="ADAL" clId="{12ED7F48-8A43-43A8-A936-2A9BA398726A}" dt="2023-10-25T06:27:32.043" v="729"/>
          <ac:spMkLst>
            <pc:docMk/>
            <pc:sldMk cId="3400806457" sldId="2147476511"/>
            <ac:spMk id="50" creationId="{503AA675-BF9C-38A1-9E07-CFACF9897F85}"/>
          </ac:spMkLst>
        </pc:spChg>
        <pc:spChg chg="mod">
          <ac:chgData name="Sara Mastrorosa" userId="d159c406-3740-4568-9f4d-6092b2495d2a" providerId="ADAL" clId="{12ED7F48-8A43-43A8-A936-2A9BA398726A}" dt="2023-10-25T06:27:32.043" v="729"/>
          <ac:spMkLst>
            <pc:docMk/>
            <pc:sldMk cId="3400806457" sldId="2147476511"/>
            <ac:spMk id="51" creationId="{8E8D1297-D04D-64C2-B75B-2A50CC6074DC}"/>
          </ac:spMkLst>
        </pc:spChg>
        <pc:spChg chg="mod">
          <ac:chgData name="Sara Mastrorosa" userId="d159c406-3740-4568-9f4d-6092b2495d2a" providerId="ADAL" clId="{12ED7F48-8A43-43A8-A936-2A9BA398726A}" dt="2023-10-25T06:27:32.043" v="729"/>
          <ac:spMkLst>
            <pc:docMk/>
            <pc:sldMk cId="3400806457" sldId="2147476511"/>
            <ac:spMk id="52" creationId="{17267CD4-A742-23C7-01D0-0091F5223829}"/>
          </ac:spMkLst>
        </pc:spChg>
        <pc:spChg chg="mod">
          <ac:chgData name="Sara Mastrorosa" userId="d159c406-3740-4568-9f4d-6092b2495d2a" providerId="ADAL" clId="{12ED7F48-8A43-43A8-A936-2A9BA398726A}" dt="2023-10-25T06:27:32.043" v="729"/>
          <ac:spMkLst>
            <pc:docMk/>
            <pc:sldMk cId="3400806457" sldId="2147476511"/>
            <ac:spMk id="53" creationId="{50335D99-9A03-429B-96DE-1D836E2DBEF0}"/>
          </ac:spMkLst>
        </pc:spChg>
        <pc:spChg chg="mod">
          <ac:chgData name="Sara Mastrorosa" userId="d159c406-3740-4568-9f4d-6092b2495d2a" providerId="ADAL" clId="{12ED7F48-8A43-43A8-A936-2A9BA398726A}" dt="2023-10-25T06:27:32.043" v="729"/>
          <ac:spMkLst>
            <pc:docMk/>
            <pc:sldMk cId="3400806457" sldId="2147476511"/>
            <ac:spMk id="54" creationId="{97115245-0DB8-C752-7AC7-C1EC326FEE38}"/>
          </ac:spMkLst>
        </pc:spChg>
        <pc:spChg chg="mod">
          <ac:chgData name="Sara Mastrorosa" userId="d159c406-3740-4568-9f4d-6092b2495d2a" providerId="ADAL" clId="{12ED7F48-8A43-43A8-A936-2A9BA398726A}" dt="2023-10-25T06:27:32.043" v="729"/>
          <ac:spMkLst>
            <pc:docMk/>
            <pc:sldMk cId="3400806457" sldId="2147476511"/>
            <ac:spMk id="55" creationId="{11BBD32B-7D7B-356E-1028-D2AE6B257BD7}"/>
          </ac:spMkLst>
        </pc:spChg>
        <pc:spChg chg="mod">
          <ac:chgData name="Sara Mastrorosa" userId="d159c406-3740-4568-9f4d-6092b2495d2a" providerId="ADAL" clId="{12ED7F48-8A43-43A8-A936-2A9BA398726A}" dt="2023-10-25T06:27:32.043" v="729"/>
          <ac:spMkLst>
            <pc:docMk/>
            <pc:sldMk cId="3400806457" sldId="2147476511"/>
            <ac:spMk id="56" creationId="{4ABC34A6-81EF-074B-3DA1-BE74AEDF4EC0}"/>
          </ac:spMkLst>
        </pc:spChg>
        <pc:spChg chg="mod">
          <ac:chgData name="Sara Mastrorosa" userId="d159c406-3740-4568-9f4d-6092b2495d2a" providerId="ADAL" clId="{12ED7F48-8A43-43A8-A936-2A9BA398726A}" dt="2023-10-25T06:27:32.043" v="729"/>
          <ac:spMkLst>
            <pc:docMk/>
            <pc:sldMk cId="3400806457" sldId="2147476511"/>
            <ac:spMk id="57" creationId="{D1700DA6-7C71-A18D-1126-C4824FA03B30}"/>
          </ac:spMkLst>
        </pc:spChg>
        <pc:spChg chg="mod">
          <ac:chgData name="Sara Mastrorosa" userId="d159c406-3740-4568-9f4d-6092b2495d2a" providerId="ADAL" clId="{12ED7F48-8A43-43A8-A936-2A9BA398726A}" dt="2023-10-25T06:27:32.043" v="729"/>
          <ac:spMkLst>
            <pc:docMk/>
            <pc:sldMk cId="3400806457" sldId="2147476511"/>
            <ac:spMk id="58" creationId="{94BC3605-D4DE-9B95-C59B-0D944382A429}"/>
          </ac:spMkLst>
        </pc:spChg>
        <pc:spChg chg="mod">
          <ac:chgData name="Sara Mastrorosa" userId="d159c406-3740-4568-9f4d-6092b2495d2a" providerId="ADAL" clId="{12ED7F48-8A43-43A8-A936-2A9BA398726A}" dt="2023-10-25T06:27:32.043" v="729"/>
          <ac:spMkLst>
            <pc:docMk/>
            <pc:sldMk cId="3400806457" sldId="2147476511"/>
            <ac:spMk id="59" creationId="{2EA20D73-5EF0-7149-243F-32B9A5FAD134}"/>
          </ac:spMkLst>
        </pc:spChg>
        <pc:spChg chg="mod">
          <ac:chgData name="Sara Mastrorosa" userId="d159c406-3740-4568-9f4d-6092b2495d2a" providerId="ADAL" clId="{12ED7F48-8A43-43A8-A936-2A9BA398726A}" dt="2023-10-25T06:27:32.043" v="729"/>
          <ac:spMkLst>
            <pc:docMk/>
            <pc:sldMk cId="3400806457" sldId="2147476511"/>
            <ac:spMk id="60" creationId="{2CA9331D-0AA4-F9F3-E8B4-1E5970306118}"/>
          </ac:spMkLst>
        </pc:spChg>
        <pc:spChg chg="mod">
          <ac:chgData name="Sara Mastrorosa" userId="d159c406-3740-4568-9f4d-6092b2495d2a" providerId="ADAL" clId="{12ED7F48-8A43-43A8-A936-2A9BA398726A}" dt="2023-10-25T06:27:32.043" v="729"/>
          <ac:spMkLst>
            <pc:docMk/>
            <pc:sldMk cId="3400806457" sldId="2147476511"/>
            <ac:spMk id="61" creationId="{E31E8D44-0183-507A-45E7-DF5A2CBBE344}"/>
          </ac:spMkLst>
        </pc:spChg>
        <pc:spChg chg="mod">
          <ac:chgData name="Sara Mastrorosa" userId="d159c406-3740-4568-9f4d-6092b2495d2a" providerId="ADAL" clId="{12ED7F48-8A43-43A8-A936-2A9BA398726A}" dt="2023-10-25T06:27:32.043" v="729"/>
          <ac:spMkLst>
            <pc:docMk/>
            <pc:sldMk cId="3400806457" sldId="2147476511"/>
            <ac:spMk id="62" creationId="{B562B0FE-DDD0-29EC-774B-7206A6DDEB82}"/>
          </ac:spMkLst>
        </pc:spChg>
        <pc:spChg chg="mod">
          <ac:chgData name="Sara Mastrorosa" userId="d159c406-3740-4568-9f4d-6092b2495d2a" providerId="ADAL" clId="{12ED7F48-8A43-43A8-A936-2A9BA398726A}" dt="2023-10-25T06:27:32.043" v="729"/>
          <ac:spMkLst>
            <pc:docMk/>
            <pc:sldMk cId="3400806457" sldId="2147476511"/>
            <ac:spMk id="63" creationId="{ED6C89BC-028E-10E6-B618-485EB0CAE923}"/>
          </ac:spMkLst>
        </pc:spChg>
        <pc:spChg chg="mod">
          <ac:chgData name="Sara Mastrorosa" userId="d159c406-3740-4568-9f4d-6092b2495d2a" providerId="ADAL" clId="{12ED7F48-8A43-43A8-A936-2A9BA398726A}" dt="2023-10-25T06:27:32.043" v="729"/>
          <ac:spMkLst>
            <pc:docMk/>
            <pc:sldMk cId="3400806457" sldId="2147476511"/>
            <ac:spMk id="64" creationId="{0E956B77-826D-E1C3-45B8-B4FF7E86ABCF}"/>
          </ac:spMkLst>
        </pc:spChg>
        <pc:spChg chg="mod">
          <ac:chgData name="Sara Mastrorosa" userId="d159c406-3740-4568-9f4d-6092b2495d2a" providerId="ADAL" clId="{12ED7F48-8A43-43A8-A936-2A9BA398726A}" dt="2023-10-25T06:27:32.043" v="729"/>
          <ac:spMkLst>
            <pc:docMk/>
            <pc:sldMk cId="3400806457" sldId="2147476511"/>
            <ac:spMk id="65" creationId="{EEB809DD-4071-2EA1-D03C-D109B44A0930}"/>
          </ac:spMkLst>
        </pc:spChg>
        <pc:spChg chg="mod">
          <ac:chgData name="Sara Mastrorosa" userId="d159c406-3740-4568-9f4d-6092b2495d2a" providerId="ADAL" clId="{12ED7F48-8A43-43A8-A936-2A9BA398726A}" dt="2023-10-25T06:27:32.043" v="729"/>
          <ac:spMkLst>
            <pc:docMk/>
            <pc:sldMk cId="3400806457" sldId="2147476511"/>
            <ac:spMk id="66" creationId="{DA034910-EF50-79A2-159F-58F052513101}"/>
          </ac:spMkLst>
        </pc:spChg>
        <pc:spChg chg="mod">
          <ac:chgData name="Sara Mastrorosa" userId="d159c406-3740-4568-9f4d-6092b2495d2a" providerId="ADAL" clId="{12ED7F48-8A43-43A8-A936-2A9BA398726A}" dt="2023-10-25T06:27:32.043" v="729"/>
          <ac:spMkLst>
            <pc:docMk/>
            <pc:sldMk cId="3400806457" sldId="2147476511"/>
            <ac:spMk id="67" creationId="{D3F3109B-8E59-C071-971B-E81C2ED54E61}"/>
          </ac:spMkLst>
        </pc:spChg>
        <pc:spChg chg="mod">
          <ac:chgData name="Sara Mastrorosa" userId="d159c406-3740-4568-9f4d-6092b2495d2a" providerId="ADAL" clId="{12ED7F48-8A43-43A8-A936-2A9BA398726A}" dt="2023-10-25T06:27:32.043" v="729"/>
          <ac:spMkLst>
            <pc:docMk/>
            <pc:sldMk cId="3400806457" sldId="2147476511"/>
            <ac:spMk id="68" creationId="{AD08E25B-082E-506C-6479-3F6F8A216CB2}"/>
          </ac:spMkLst>
        </pc:spChg>
        <pc:spChg chg="mod">
          <ac:chgData name="Sara Mastrorosa" userId="d159c406-3740-4568-9f4d-6092b2495d2a" providerId="ADAL" clId="{12ED7F48-8A43-43A8-A936-2A9BA398726A}" dt="2023-10-25T06:27:32.043" v="729"/>
          <ac:spMkLst>
            <pc:docMk/>
            <pc:sldMk cId="3400806457" sldId="2147476511"/>
            <ac:spMk id="69" creationId="{929A93C8-FE6A-9DE1-14D5-29CD9C303948}"/>
          </ac:spMkLst>
        </pc:spChg>
        <pc:spChg chg="mod">
          <ac:chgData name="Sara Mastrorosa" userId="d159c406-3740-4568-9f4d-6092b2495d2a" providerId="ADAL" clId="{12ED7F48-8A43-43A8-A936-2A9BA398726A}" dt="2023-10-25T06:27:32.043" v="729"/>
          <ac:spMkLst>
            <pc:docMk/>
            <pc:sldMk cId="3400806457" sldId="2147476511"/>
            <ac:spMk id="70" creationId="{DB3DBFFC-4DB0-8C30-6FA0-8E69804A6AF4}"/>
          </ac:spMkLst>
        </pc:spChg>
        <pc:spChg chg="mod">
          <ac:chgData name="Sara Mastrorosa" userId="d159c406-3740-4568-9f4d-6092b2495d2a" providerId="ADAL" clId="{12ED7F48-8A43-43A8-A936-2A9BA398726A}" dt="2023-10-25T06:27:32.043" v="729"/>
          <ac:spMkLst>
            <pc:docMk/>
            <pc:sldMk cId="3400806457" sldId="2147476511"/>
            <ac:spMk id="71" creationId="{A97CA452-2F31-5F82-F540-2E121D9F0639}"/>
          </ac:spMkLst>
        </pc:spChg>
        <pc:spChg chg="mod">
          <ac:chgData name="Sara Mastrorosa" userId="d159c406-3740-4568-9f4d-6092b2495d2a" providerId="ADAL" clId="{12ED7F48-8A43-43A8-A936-2A9BA398726A}" dt="2023-10-25T06:27:32.043" v="729"/>
          <ac:spMkLst>
            <pc:docMk/>
            <pc:sldMk cId="3400806457" sldId="2147476511"/>
            <ac:spMk id="72" creationId="{235AFBFC-0C0C-1F3B-17F9-E208CAD54D28}"/>
          </ac:spMkLst>
        </pc:spChg>
        <pc:spChg chg="mod">
          <ac:chgData name="Sara Mastrorosa" userId="d159c406-3740-4568-9f4d-6092b2495d2a" providerId="ADAL" clId="{12ED7F48-8A43-43A8-A936-2A9BA398726A}" dt="2023-10-25T06:27:32.043" v="729"/>
          <ac:spMkLst>
            <pc:docMk/>
            <pc:sldMk cId="3400806457" sldId="2147476511"/>
            <ac:spMk id="73" creationId="{50581457-294B-3664-D411-1E932D123B87}"/>
          </ac:spMkLst>
        </pc:spChg>
        <pc:spChg chg="mod">
          <ac:chgData name="Sara Mastrorosa" userId="d159c406-3740-4568-9f4d-6092b2495d2a" providerId="ADAL" clId="{12ED7F48-8A43-43A8-A936-2A9BA398726A}" dt="2023-10-25T06:27:32.043" v="729"/>
          <ac:spMkLst>
            <pc:docMk/>
            <pc:sldMk cId="3400806457" sldId="2147476511"/>
            <ac:spMk id="74" creationId="{6A644DDD-DF3B-CBD3-00FF-BF9FA83ECC1F}"/>
          </ac:spMkLst>
        </pc:spChg>
        <pc:spChg chg="mod">
          <ac:chgData name="Sara Mastrorosa" userId="d159c406-3740-4568-9f4d-6092b2495d2a" providerId="ADAL" clId="{12ED7F48-8A43-43A8-A936-2A9BA398726A}" dt="2023-10-25T06:27:32.043" v="729"/>
          <ac:spMkLst>
            <pc:docMk/>
            <pc:sldMk cId="3400806457" sldId="2147476511"/>
            <ac:spMk id="75" creationId="{33F7FB2A-0542-E464-1033-3039C70C72E2}"/>
          </ac:spMkLst>
        </pc:spChg>
        <pc:spChg chg="mod">
          <ac:chgData name="Sara Mastrorosa" userId="d159c406-3740-4568-9f4d-6092b2495d2a" providerId="ADAL" clId="{12ED7F48-8A43-43A8-A936-2A9BA398726A}" dt="2023-10-25T06:27:32.043" v="729"/>
          <ac:spMkLst>
            <pc:docMk/>
            <pc:sldMk cId="3400806457" sldId="2147476511"/>
            <ac:spMk id="76" creationId="{822EB0A9-0B70-8275-978B-6D665785F47B}"/>
          </ac:spMkLst>
        </pc:spChg>
        <pc:spChg chg="mod">
          <ac:chgData name="Sara Mastrorosa" userId="d159c406-3740-4568-9f4d-6092b2495d2a" providerId="ADAL" clId="{12ED7F48-8A43-43A8-A936-2A9BA398726A}" dt="2023-10-25T06:27:32.043" v="729"/>
          <ac:spMkLst>
            <pc:docMk/>
            <pc:sldMk cId="3400806457" sldId="2147476511"/>
            <ac:spMk id="77" creationId="{E8CDC49F-8A43-40BC-8E92-F091B72A1052}"/>
          </ac:spMkLst>
        </pc:spChg>
        <pc:spChg chg="mod">
          <ac:chgData name="Sara Mastrorosa" userId="d159c406-3740-4568-9f4d-6092b2495d2a" providerId="ADAL" clId="{12ED7F48-8A43-43A8-A936-2A9BA398726A}" dt="2023-10-25T06:27:32.043" v="729"/>
          <ac:spMkLst>
            <pc:docMk/>
            <pc:sldMk cId="3400806457" sldId="2147476511"/>
            <ac:spMk id="78" creationId="{938FCF42-2F62-04B6-F9D7-B93EACF4C4C2}"/>
          </ac:spMkLst>
        </pc:spChg>
        <pc:spChg chg="mod">
          <ac:chgData name="Sara Mastrorosa" userId="d159c406-3740-4568-9f4d-6092b2495d2a" providerId="ADAL" clId="{12ED7F48-8A43-43A8-A936-2A9BA398726A}" dt="2023-10-25T06:27:32.043" v="729"/>
          <ac:spMkLst>
            <pc:docMk/>
            <pc:sldMk cId="3400806457" sldId="2147476511"/>
            <ac:spMk id="79" creationId="{BE652868-A2F3-6BBD-3301-69F4FE9B8002}"/>
          </ac:spMkLst>
        </pc:spChg>
        <pc:spChg chg="mod">
          <ac:chgData name="Sara Mastrorosa" userId="d159c406-3740-4568-9f4d-6092b2495d2a" providerId="ADAL" clId="{12ED7F48-8A43-43A8-A936-2A9BA398726A}" dt="2023-10-25T06:27:32.043" v="729"/>
          <ac:spMkLst>
            <pc:docMk/>
            <pc:sldMk cId="3400806457" sldId="2147476511"/>
            <ac:spMk id="80" creationId="{1EE2AE51-BCB3-BF7E-1A19-611B34F7D118}"/>
          </ac:spMkLst>
        </pc:spChg>
        <pc:spChg chg="mod">
          <ac:chgData name="Sara Mastrorosa" userId="d159c406-3740-4568-9f4d-6092b2495d2a" providerId="ADAL" clId="{12ED7F48-8A43-43A8-A936-2A9BA398726A}" dt="2023-10-25T06:27:32.043" v="729"/>
          <ac:spMkLst>
            <pc:docMk/>
            <pc:sldMk cId="3400806457" sldId="2147476511"/>
            <ac:spMk id="81" creationId="{2C144C9A-FF0D-BB29-5FB3-B96C779A2732}"/>
          </ac:spMkLst>
        </pc:spChg>
        <pc:spChg chg="mod">
          <ac:chgData name="Sara Mastrorosa" userId="d159c406-3740-4568-9f4d-6092b2495d2a" providerId="ADAL" clId="{12ED7F48-8A43-43A8-A936-2A9BA398726A}" dt="2023-10-25T06:27:32.043" v="729"/>
          <ac:spMkLst>
            <pc:docMk/>
            <pc:sldMk cId="3400806457" sldId="2147476511"/>
            <ac:spMk id="82" creationId="{CE215438-49AB-4F9C-F719-8A153149BD8D}"/>
          </ac:spMkLst>
        </pc:spChg>
        <pc:spChg chg="mod">
          <ac:chgData name="Sara Mastrorosa" userId="d159c406-3740-4568-9f4d-6092b2495d2a" providerId="ADAL" clId="{12ED7F48-8A43-43A8-A936-2A9BA398726A}" dt="2023-10-25T06:27:32.043" v="729"/>
          <ac:spMkLst>
            <pc:docMk/>
            <pc:sldMk cId="3400806457" sldId="2147476511"/>
            <ac:spMk id="83" creationId="{0AE35FE5-F4E3-1AFE-804D-0AFE41C137A0}"/>
          </ac:spMkLst>
        </pc:spChg>
        <pc:spChg chg="mod">
          <ac:chgData name="Sara Mastrorosa" userId="d159c406-3740-4568-9f4d-6092b2495d2a" providerId="ADAL" clId="{12ED7F48-8A43-43A8-A936-2A9BA398726A}" dt="2023-10-25T06:27:32.043" v="729"/>
          <ac:spMkLst>
            <pc:docMk/>
            <pc:sldMk cId="3400806457" sldId="2147476511"/>
            <ac:spMk id="84" creationId="{16B00D02-E9BC-FE23-2B69-EEB3112AB3D4}"/>
          </ac:spMkLst>
        </pc:spChg>
        <pc:spChg chg="mod">
          <ac:chgData name="Sara Mastrorosa" userId="d159c406-3740-4568-9f4d-6092b2495d2a" providerId="ADAL" clId="{12ED7F48-8A43-43A8-A936-2A9BA398726A}" dt="2023-10-25T06:27:32.043" v="729"/>
          <ac:spMkLst>
            <pc:docMk/>
            <pc:sldMk cId="3400806457" sldId="2147476511"/>
            <ac:spMk id="85" creationId="{18CF28FF-B15A-3173-8E5B-565FB5B31C86}"/>
          </ac:spMkLst>
        </pc:spChg>
        <pc:spChg chg="mod">
          <ac:chgData name="Sara Mastrorosa" userId="d159c406-3740-4568-9f4d-6092b2495d2a" providerId="ADAL" clId="{12ED7F48-8A43-43A8-A936-2A9BA398726A}" dt="2023-10-25T06:27:32.043" v="729"/>
          <ac:spMkLst>
            <pc:docMk/>
            <pc:sldMk cId="3400806457" sldId="2147476511"/>
            <ac:spMk id="86" creationId="{B7457F49-82D4-DA0B-CEF3-AB5FC80910B2}"/>
          </ac:spMkLst>
        </pc:spChg>
        <pc:spChg chg="mod">
          <ac:chgData name="Sara Mastrorosa" userId="d159c406-3740-4568-9f4d-6092b2495d2a" providerId="ADAL" clId="{12ED7F48-8A43-43A8-A936-2A9BA398726A}" dt="2023-10-25T06:27:32.043" v="729"/>
          <ac:spMkLst>
            <pc:docMk/>
            <pc:sldMk cId="3400806457" sldId="2147476511"/>
            <ac:spMk id="87" creationId="{2DA7806A-0B72-DA48-C76D-9C2F96B76A0A}"/>
          </ac:spMkLst>
        </pc:spChg>
        <pc:spChg chg="mod">
          <ac:chgData name="Sara Mastrorosa" userId="d159c406-3740-4568-9f4d-6092b2495d2a" providerId="ADAL" clId="{12ED7F48-8A43-43A8-A936-2A9BA398726A}" dt="2023-10-25T06:27:32.043" v="729"/>
          <ac:spMkLst>
            <pc:docMk/>
            <pc:sldMk cId="3400806457" sldId="2147476511"/>
            <ac:spMk id="88" creationId="{6C54B083-417C-72B6-50D4-19E9D1786D3E}"/>
          </ac:spMkLst>
        </pc:spChg>
        <pc:spChg chg="mod">
          <ac:chgData name="Sara Mastrorosa" userId="d159c406-3740-4568-9f4d-6092b2495d2a" providerId="ADAL" clId="{12ED7F48-8A43-43A8-A936-2A9BA398726A}" dt="2023-10-25T06:27:32.043" v="729"/>
          <ac:spMkLst>
            <pc:docMk/>
            <pc:sldMk cId="3400806457" sldId="2147476511"/>
            <ac:spMk id="89" creationId="{F1102D52-3BC3-394B-730F-27ECAB39CAB1}"/>
          </ac:spMkLst>
        </pc:spChg>
        <pc:spChg chg="mod">
          <ac:chgData name="Sara Mastrorosa" userId="d159c406-3740-4568-9f4d-6092b2495d2a" providerId="ADAL" clId="{12ED7F48-8A43-43A8-A936-2A9BA398726A}" dt="2023-10-25T06:27:32.043" v="729"/>
          <ac:spMkLst>
            <pc:docMk/>
            <pc:sldMk cId="3400806457" sldId="2147476511"/>
            <ac:spMk id="90" creationId="{6915B15C-B02C-462F-06E3-8DE8E54DE7B9}"/>
          </ac:spMkLst>
        </pc:spChg>
        <pc:spChg chg="mod">
          <ac:chgData name="Sara Mastrorosa" userId="d159c406-3740-4568-9f4d-6092b2495d2a" providerId="ADAL" clId="{12ED7F48-8A43-43A8-A936-2A9BA398726A}" dt="2023-10-25T06:27:32.043" v="729"/>
          <ac:spMkLst>
            <pc:docMk/>
            <pc:sldMk cId="3400806457" sldId="2147476511"/>
            <ac:spMk id="91" creationId="{7562558D-4C6A-F1D3-C906-CDFB7D2A2DD4}"/>
          </ac:spMkLst>
        </pc:spChg>
        <pc:spChg chg="mod">
          <ac:chgData name="Sara Mastrorosa" userId="d159c406-3740-4568-9f4d-6092b2495d2a" providerId="ADAL" clId="{12ED7F48-8A43-43A8-A936-2A9BA398726A}" dt="2023-10-25T06:27:32.043" v="729"/>
          <ac:spMkLst>
            <pc:docMk/>
            <pc:sldMk cId="3400806457" sldId="2147476511"/>
            <ac:spMk id="92" creationId="{C9E5DEA5-81D4-099A-5CF6-16E62542E114}"/>
          </ac:spMkLst>
        </pc:spChg>
        <pc:spChg chg="mod">
          <ac:chgData name="Sara Mastrorosa" userId="d159c406-3740-4568-9f4d-6092b2495d2a" providerId="ADAL" clId="{12ED7F48-8A43-43A8-A936-2A9BA398726A}" dt="2023-10-25T06:27:32.043" v="729"/>
          <ac:spMkLst>
            <pc:docMk/>
            <pc:sldMk cId="3400806457" sldId="2147476511"/>
            <ac:spMk id="93" creationId="{81E85F0F-4EA5-9A9C-0D64-69351DB4D906}"/>
          </ac:spMkLst>
        </pc:spChg>
        <pc:spChg chg="mod">
          <ac:chgData name="Sara Mastrorosa" userId="d159c406-3740-4568-9f4d-6092b2495d2a" providerId="ADAL" clId="{12ED7F48-8A43-43A8-A936-2A9BA398726A}" dt="2023-10-25T06:27:32.043" v="729"/>
          <ac:spMkLst>
            <pc:docMk/>
            <pc:sldMk cId="3400806457" sldId="2147476511"/>
            <ac:spMk id="94" creationId="{A62B7988-A884-B6F4-374A-94C7BFED22B9}"/>
          </ac:spMkLst>
        </pc:spChg>
        <pc:spChg chg="mod">
          <ac:chgData name="Sara Mastrorosa" userId="d159c406-3740-4568-9f4d-6092b2495d2a" providerId="ADAL" clId="{12ED7F48-8A43-43A8-A936-2A9BA398726A}" dt="2023-10-25T06:27:32.043" v="729"/>
          <ac:spMkLst>
            <pc:docMk/>
            <pc:sldMk cId="3400806457" sldId="2147476511"/>
            <ac:spMk id="95" creationId="{DEC9D0B1-6EA6-86D7-F94C-9872C91DE8D2}"/>
          </ac:spMkLst>
        </pc:spChg>
        <pc:spChg chg="mod">
          <ac:chgData name="Sara Mastrorosa" userId="d159c406-3740-4568-9f4d-6092b2495d2a" providerId="ADAL" clId="{12ED7F48-8A43-43A8-A936-2A9BA398726A}" dt="2023-10-25T06:27:32.043" v="729"/>
          <ac:spMkLst>
            <pc:docMk/>
            <pc:sldMk cId="3400806457" sldId="2147476511"/>
            <ac:spMk id="96" creationId="{01497462-121A-3DD8-A954-8872FFE6697F}"/>
          </ac:spMkLst>
        </pc:spChg>
        <pc:spChg chg="mod">
          <ac:chgData name="Sara Mastrorosa" userId="d159c406-3740-4568-9f4d-6092b2495d2a" providerId="ADAL" clId="{12ED7F48-8A43-43A8-A936-2A9BA398726A}" dt="2023-10-25T06:27:32.043" v="729"/>
          <ac:spMkLst>
            <pc:docMk/>
            <pc:sldMk cId="3400806457" sldId="2147476511"/>
            <ac:spMk id="97" creationId="{0937E3A4-AC3F-5E3D-4770-89A8BEFD471D}"/>
          </ac:spMkLst>
        </pc:spChg>
        <pc:spChg chg="mod">
          <ac:chgData name="Sara Mastrorosa" userId="d159c406-3740-4568-9f4d-6092b2495d2a" providerId="ADAL" clId="{12ED7F48-8A43-43A8-A936-2A9BA398726A}" dt="2023-10-25T06:27:32.043" v="729"/>
          <ac:spMkLst>
            <pc:docMk/>
            <pc:sldMk cId="3400806457" sldId="2147476511"/>
            <ac:spMk id="98" creationId="{DE8A44A1-DA1B-8308-141C-A9C3FB46874F}"/>
          </ac:spMkLst>
        </pc:spChg>
        <pc:spChg chg="mod">
          <ac:chgData name="Sara Mastrorosa" userId="d159c406-3740-4568-9f4d-6092b2495d2a" providerId="ADAL" clId="{12ED7F48-8A43-43A8-A936-2A9BA398726A}" dt="2023-10-25T06:27:32.043" v="729"/>
          <ac:spMkLst>
            <pc:docMk/>
            <pc:sldMk cId="3400806457" sldId="2147476511"/>
            <ac:spMk id="99" creationId="{250A5A14-110F-A5CB-A37D-DFEFB62AF820}"/>
          </ac:spMkLst>
        </pc:spChg>
        <pc:spChg chg="mod">
          <ac:chgData name="Sara Mastrorosa" userId="d159c406-3740-4568-9f4d-6092b2495d2a" providerId="ADAL" clId="{12ED7F48-8A43-43A8-A936-2A9BA398726A}" dt="2023-10-25T06:27:32.043" v="729"/>
          <ac:spMkLst>
            <pc:docMk/>
            <pc:sldMk cId="3400806457" sldId="2147476511"/>
            <ac:spMk id="100" creationId="{CC33F59F-B8A8-6F90-55F0-92FDC0A71FBA}"/>
          </ac:spMkLst>
        </pc:spChg>
        <pc:spChg chg="mod">
          <ac:chgData name="Sara Mastrorosa" userId="d159c406-3740-4568-9f4d-6092b2495d2a" providerId="ADAL" clId="{12ED7F48-8A43-43A8-A936-2A9BA398726A}" dt="2023-10-25T06:27:32.043" v="729"/>
          <ac:spMkLst>
            <pc:docMk/>
            <pc:sldMk cId="3400806457" sldId="2147476511"/>
            <ac:spMk id="101" creationId="{BF3E3E93-8F65-F186-4DEB-4210C1D7CE63}"/>
          </ac:spMkLst>
        </pc:spChg>
        <pc:spChg chg="mod">
          <ac:chgData name="Sara Mastrorosa" userId="d159c406-3740-4568-9f4d-6092b2495d2a" providerId="ADAL" clId="{12ED7F48-8A43-43A8-A936-2A9BA398726A}" dt="2023-10-25T06:27:32.043" v="729"/>
          <ac:spMkLst>
            <pc:docMk/>
            <pc:sldMk cId="3400806457" sldId="2147476511"/>
            <ac:spMk id="102" creationId="{6969463D-4E56-76B3-2F9B-9BB429BFF2EF}"/>
          </ac:spMkLst>
        </pc:spChg>
        <pc:spChg chg="mod">
          <ac:chgData name="Sara Mastrorosa" userId="d159c406-3740-4568-9f4d-6092b2495d2a" providerId="ADAL" clId="{12ED7F48-8A43-43A8-A936-2A9BA398726A}" dt="2023-10-25T06:27:32.043" v="729"/>
          <ac:spMkLst>
            <pc:docMk/>
            <pc:sldMk cId="3400806457" sldId="2147476511"/>
            <ac:spMk id="103" creationId="{E475EBAE-2F29-CA24-480C-4B91E7C89E8E}"/>
          </ac:spMkLst>
        </pc:spChg>
        <pc:spChg chg="mod">
          <ac:chgData name="Sara Mastrorosa" userId="d159c406-3740-4568-9f4d-6092b2495d2a" providerId="ADAL" clId="{12ED7F48-8A43-43A8-A936-2A9BA398726A}" dt="2023-10-25T06:27:32.043" v="729"/>
          <ac:spMkLst>
            <pc:docMk/>
            <pc:sldMk cId="3400806457" sldId="2147476511"/>
            <ac:spMk id="104" creationId="{09EE57B3-DE39-3992-D32B-65C503987C64}"/>
          </ac:spMkLst>
        </pc:spChg>
        <pc:spChg chg="mod">
          <ac:chgData name="Sara Mastrorosa" userId="d159c406-3740-4568-9f4d-6092b2495d2a" providerId="ADAL" clId="{12ED7F48-8A43-43A8-A936-2A9BA398726A}" dt="2023-10-25T06:27:32.043" v="729"/>
          <ac:spMkLst>
            <pc:docMk/>
            <pc:sldMk cId="3400806457" sldId="2147476511"/>
            <ac:spMk id="105" creationId="{9FE689B1-1BE4-CAD2-CB6D-EDA5FD406994}"/>
          </ac:spMkLst>
        </pc:spChg>
        <pc:spChg chg="mod">
          <ac:chgData name="Sara Mastrorosa" userId="d159c406-3740-4568-9f4d-6092b2495d2a" providerId="ADAL" clId="{12ED7F48-8A43-43A8-A936-2A9BA398726A}" dt="2023-10-25T06:27:32.043" v="729"/>
          <ac:spMkLst>
            <pc:docMk/>
            <pc:sldMk cId="3400806457" sldId="2147476511"/>
            <ac:spMk id="106" creationId="{BB7B37CB-1BEE-0E2E-846B-41B137BB009B}"/>
          </ac:spMkLst>
        </pc:spChg>
        <pc:spChg chg="mod">
          <ac:chgData name="Sara Mastrorosa" userId="d159c406-3740-4568-9f4d-6092b2495d2a" providerId="ADAL" clId="{12ED7F48-8A43-43A8-A936-2A9BA398726A}" dt="2023-10-25T06:27:32.043" v="729"/>
          <ac:spMkLst>
            <pc:docMk/>
            <pc:sldMk cId="3400806457" sldId="2147476511"/>
            <ac:spMk id="107" creationId="{7E53B9F4-04C2-FACC-D4E5-35C0DFBD1B9E}"/>
          </ac:spMkLst>
        </pc:spChg>
        <pc:spChg chg="mod">
          <ac:chgData name="Sara Mastrorosa" userId="d159c406-3740-4568-9f4d-6092b2495d2a" providerId="ADAL" clId="{12ED7F48-8A43-43A8-A936-2A9BA398726A}" dt="2023-10-25T06:27:32.043" v="729"/>
          <ac:spMkLst>
            <pc:docMk/>
            <pc:sldMk cId="3400806457" sldId="2147476511"/>
            <ac:spMk id="108" creationId="{0EE473F5-422C-DC1F-8E6A-59D7C491C434}"/>
          </ac:spMkLst>
        </pc:spChg>
        <pc:spChg chg="mod">
          <ac:chgData name="Sara Mastrorosa" userId="d159c406-3740-4568-9f4d-6092b2495d2a" providerId="ADAL" clId="{12ED7F48-8A43-43A8-A936-2A9BA398726A}" dt="2023-10-25T06:27:32.043" v="729"/>
          <ac:spMkLst>
            <pc:docMk/>
            <pc:sldMk cId="3400806457" sldId="2147476511"/>
            <ac:spMk id="109" creationId="{5F838A80-3BA6-D235-A3A5-9B883937B395}"/>
          </ac:spMkLst>
        </pc:spChg>
        <pc:spChg chg="mod">
          <ac:chgData name="Sara Mastrorosa" userId="d159c406-3740-4568-9f4d-6092b2495d2a" providerId="ADAL" clId="{12ED7F48-8A43-43A8-A936-2A9BA398726A}" dt="2023-10-25T06:27:32.043" v="729"/>
          <ac:spMkLst>
            <pc:docMk/>
            <pc:sldMk cId="3400806457" sldId="2147476511"/>
            <ac:spMk id="110" creationId="{74068625-B491-3A65-49B6-ECBE83F8342C}"/>
          </ac:spMkLst>
        </pc:spChg>
        <pc:spChg chg="mod">
          <ac:chgData name="Sara Mastrorosa" userId="d159c406-3740-4568-9f4d-6092b2495d2a" providerId="ADAL" clId="{12ED7F48-8A43-43A8-A936-2A9BA398726A}" dt="2023-10-25T06:27:32.043" v="729"/>
          <ac:spMkLst>
            <pc:docMk/>
            <pc:sldMk cId="3400806457" sldId="2147476511"/>
            <ac:spMk id="111" creationId="{E13AE81B-4823-3564-A108-5C7DE9C2E535}"/>
          </ac:spMkLst>
        </pc:spChg>
        <pc:spChg chg="mod">
          <ac:chgData name="Sara Mastrorosa" userId="d159c406-3740-4568-9f4d-6092b2495d2a" providerId="ADAL" clId="{12ED7F48-8A43-43A8-A936-2A9BA398726A}" dt="2023-10-25T06:27:32.043" v="729"/>
          <ac:spMkLst>
            <pc:docMk/>
            <pc:sldMk cId="3400806457" sldId="2147476511"/>
            <ac:spMk id="112" creationId="{A2289FAB-AB7C-FEE3-77A6-F5331A9D860A}"/>
          </ac:spMkLst>
        </pc:spChg>
        <pc:spChg chg="mod">
          <ac:chgData name="Sara Mastrorosa" userId="d159c406-3740-4568-9f4d-6092b2495d2a" providerId="ADAL" clId="{12ED7F48-8A43-43A8-A936-2A9BA398726A}" dt="2023-10-25T06:27:32.043" v="729"/>
          <ac:spMkLst>
            <pc:docMk/>
            <pc:sldMk cId="3400806457" sldId="2147476511"/>
            <ac:spMk id="113" creationId="{9D6027BB-670B-F520-85C9-0EE232D27D1C}"/>
          </ac:spMkLst>
        </pc:spChg>
        <pc:spChg chg="mod">
          <ac:chgData name="Sara Mastrorosa" userId="d159c406-3740-4568-9f4d-6092b2495d2a" providerId="ADAL" clId="{12ED7F48-8A43-43A8-A936-2A9BA398726A}" dt="2023-10-25T06:27:32.043" v="729"/>
          <ac:spMkLst>
            <pc:docMk/>
            <pc:sldMk cId="3400806457" sldId="2147476511"/>
            <ac:spMk id="114" creationId="{A0E1F716-558D-CA0D-D0C3-E1A9EC095CBC}"/>
          </ac:spMkLst>
        </pc:spChg>
        <pc:spChg chg="mod">
          <ac:chgData name="Sara Mastrorosa" userId="d159c406-3740-4568-9f4d-6092b2495d2a" providerId="ADAL" clId="{12ED7F48-8A43-43A8-A936-2A9BA398726A}" dt="2023-10-25T06:27:32.043" v="729"/>
          <ac:spMkLst>
            <pc:docMk/>
            <pc:sldMk cId="3400806457" sldId="2147476511"/>
            <ac:spMk id="115" creationId="{7FE4063B-DBD9-2294-7430-8DBF7DE42565}"/>
          </ac:spMkLst>
        </pc:spChg>
        <pc:spChg chg="mod">
          <ac:chgData name="Sara Mastrorosa" userId="d159c406-3740-4568-9f4d-6092b2495d2a" providerId="ADAL" clId="{12ED7F48-8A43-43A8-A936-2A9BA398726A}" dt="2023-10-25T06:27:32.043" v="729"/>
          <ac:spMkLst>
            <pc:docMk/>
            <pc:sldMk cId="3400806457" sldId="2147476511"/>
            <ac:spMk id="116" creationId="{9FA44EEC-AB96-C95A-C892-E2D9AAE1FA0A}"/>
          </ac:spMkLst>
        </pc:spChg>
        <pc:spChg chg="mod">
          <ac:chgData name="Sara Mastrorosa" userId="d159c406-3740-4568-9f4d-6092b2495d2a" providerId="ADAL" clId="{12ED7F48-8A43-43A8-A936-2A9BA398726A}" dt="2023-10-25T06:27:32.043" v="729"/>
          <ac:spMkLst>
            <pc:docMk/>
            <pc:sldMk cId="3400806457" sldId="2147476511"/>
            <ac:spMk id="117" creationId="{E027254C-A8AE-7AC9-29D4-86AD5838CF1B}"/>
          </ac:spMkLst>
        </pc:spChg>
        <pc:spChg chg="mod">
          <ac:chgData name="Sara Mastrorosa" userId="d159c406-3740-4568-9f4d-6092b2495d2a" providerId="ADAL" clId="{12ED7F48-8A43-43A8-A936-2A9BA398726A}" dt="2023-10-25T06:27:32.043" v="729"/>
          <ac:spMkLst>
            <pc:docMk/>
            <pc:sldMk cId="3400806457" sldId="2147476511"/>
            <ac:spMk id="118" creationId="{9255A066-111A-88AD-E9B7-C1417BBBDEC7}"/>
          </ac:spMkLst>
        </pc:spChg>
        <pc:spChg chg="mod">
          <ac:chgData name="Sara Mastrorosa" userId="d159c406-3740-4568-9f4d-6092b2495d2a" providerId="ADAL" clId="{12ED7F48-8A43-43A8-A936-2A9BA398726A}" dt="2023-10-25T06:27:32.043" v="729"/>
          <ac:spMkLst>
            <pc:docMk/>
            <pc:sldMk cId="3400806457" sldId="2147476511"/>
            <ac:spMk id="119" creationId="{C4C4E726-35CE-6CF5-EF42-75CC89942211}"/>
          </ac:spMkLst>
        </pc:spChg>
        <pc:spChg chg="mod">
          <ac:chgData name="Sara Mastrorosa" userId="d159c406-3740-4568-9f4d-6092b2495d2a" providerId="ADAL" clId="{12ED7F48-8A43-43A8-A936-2A9BA398726A}" dt="2023-10-25T06:27:32.043" v="729"/>
          <ac:spMkLst>
            <pc:docMk/>
            <pc:sldMk cId="3400806457" sldId="2147476511"/>
            <ac:spMk id="120" creationId="{6C447948-5316-15ED-4F2F-6A01AC75D7D3}"/>
          </ac:spMkLst>
        </pc:spChg>
        <pc:spChg chg="mod">
          <ac:chgData name="Sara Mastrorosa" userId="d159c406-3740-4568-9f4d-6092b2495d2a" providerId="ADAL" clId="{12ED7F48-8A43-43A8-A936-2A9BA398726A}" dt="2023-10-25T06:27:32.043" v="729"/>
          <ac:spMkLst>
            <pc:docMk/>
            <pc:sldMk cId="3400806457" sldId="2147476511"/>
            <ac:spMk id="121" creationId="{CEF0182A-2032-7EF1-666A-047AEC2329D9}"/>
          </ac:spMkLst>
        </pc:spChg>
        <pc:spChg chg="mod">
          <ac:chgData name="Sara Mastrorosa" userId="d159c406-3740-4568-9f4d-6092b2495d2a" providerId="ADAL" clId="{12ED7F48-8A43-43A8-A936-2A9BA398726A}" dt="2023-10-25T06:27:32.043" v="729"/>
          <ac:spMkLst>
            <pc:docMk/>
            <pc:sldMk cId="3400806457" sldId="2147476511"/>
            <ac:spMk id="122" creationId="{1282C5F6-D024-71A4-EEB8-2080CB1E3FD6}"/>
          </ac:spMkLst>
        </pc:spChg>
        <pc:spChg chg="mod">
          <ac:chgData name="Sara Mastrorosa" userId="d159c406-3740-4568-9f4d-6092b2495d2a" providerId="ADAL" clId="{12ED7F48-8A43-43A8-A936-2A9BA398726A}" dt="2023-10-25T06:27:32.043" v="729"/>
          <ac:spMkLst>
            <pc:docMk/>
            <pc:sldMk cId="3400806457" sldId="2147476511"/>
            <ac:spMk id="123" creationId="{50A658D6-1D14-4172-AD79-74870715025A}"/>
          </ac:spMkLst>
        </pc:spChg>
        <pc:spChg chg="mod">
          <ac:chgData name="Sara Mastrorosa" userId="d159c406-3740-4568-9f4d-6092b2495d2a" providerId="ADAL" clId="{12ED7F48-8A43-43A8-A936-2A9BA398726A}" dt="2023-10-25T06:27:32.043" v="729"/>
          <ac:spMkLst>
            <pc:docMk/>
            <pc:sldMk cId="3400806457" sldId="2147476511"/>
            <ac:spMk id="124" creationId="{716D5BA5-68C5-DB03-A6E9-7EEB80A2BE22}"/>
          </ac:spMkLst>
        </pc:spChg>
        <pc:spChg chg="mod">
          <ac:chgData name="Sara Mastrorosa" userId="d159c406-3740-4568-9f4d-6092b2495d2a" providerId="ADAL" clId="{12ED7F48-8A43-43A8-A936-2A9BA398726A}" dt="2023-10-25T06:27:32.043" v="729"/>
          <ac:spMkLst>
            <pc:docMk/>
            <pc:sldMk cId="3400806457" sldId="2147476511"/>
            <ac:spMk id="125" creationId="{8068C7DE-9B00-38A7-5374-676441E3D315}"/>
          </ac:spMkLst>
        </pc:spChg>
        <pc:spChg chg="mod">
          <ac:chgData name="Sara Mastrorosa" userId="d159c406-3740-4568-9f4d-6092b2495d2a" providerId="ADAL" clId="{12ED7F48-8A43-43A8-A936-2A9BA398726A}" dt="2023-10-25T06:27:32.043" v="729"/>
          <ac:spMkLst>
            <pc:docMk/>
            <pc:sldMk cId="3400806457" sldId="2147476511"/>
            <ac:spMk id="126" creationId="{8CF296CD-CC8B-41A1-87EB-AC2B68991D29}"/>
          </ac:spMkLst>
        </pc:spChg>
        <pc:spChg chg="mod">
          <ac:chgData name="Sara Mastrorosa" userId="d159c406-3740-4568-9f4d-6092b2495d2a" providerId="ADAL" clId="{12ED7F48-8A43-43A8-A936-2A9BA398726A}" dt="2023-10-25T06:27:32.043" v="729"/>
          <ac:spMkLst>
            <pc:docMk/>
            <pc:sldMk cId="3400806457" sldId="2147476511"/>
            <ac:spMk id="127" creationId="{FD3BA765-5BBB-4810-4F87-72A5322E03A7}"/>
          </ac:spMkLst>
        </pc:spChg>
        <pc:spChg chg="mod">
          <ac:chgData name="Sara Mastrorosa" userId="d159c406-3740-4568-9f4d-6092b2495d2a" providerId="ADAL" clId="{12ED7F48-8A43-43A8-A936-2A9BA398726A}" dt="2023-10-25T06:27:32.043" v="729"/>
          <ac:spMkLst>
            <pc:docMk/>
            <pc:sldMk cId="3400806457" sldId="2147476511"/>
            <ac:spMk id="128" creationId="{AB810289-C5F5-D9EC-94A8-18692F6D67FE}"/>
          </ac:spMkLst>
        </pc:spChg>
        <pc:spChg chg="mod">
          <ac:chgData name="Sara Mastrorosa" userId="d159c406-3740-4568-9f4d-6092b2495d2a" providerId="ADAL" clId="{12ED7F48-8A43-43A8-A936-2A9BA398726A}" dt="2023-10-25T06:27:32.043" v="729"/>
          <ac:spMkLst>
            <pc:docMk/>
            <pc:sldMk cId="3400806457" sldId="2147476511"/>
            <ac:spMk id="129" creationId="{35C50D26-ECB4-A0D3-D59F-8132C8A2A772}"/>
          </ac:spMkLst>
        </pc:spChg>
        <pc:spChg chg="mod">
          <ac:chgData name="Sara Mastrorosa" userId="d159c406-3740-4568-9f4d-6092b2495d2a" providerId="ADAL" clId="{12ED7F48-8A43-43A8-A936-2A9BA398726A}" dt="2023-10-25T06:27:32.043" v="729"/>
          <ac:spMkLst>
            <pc:docMk/>
            <pc:sldMk cId="3400806457" sldId="2147476511"/>
            <ac:spMk id="130" creationId="{B5B9C52A-2DE6-3BA0-C8F7-D51C1FAE345A}"/>
          </ac:spMkLst>
        </pc:spChg>
        <pc:spChg chg="mod">
          <ac:chgData name="Sara Mastrorosa" userId="d159c406-3740-4568-9f4d-6092b2495d2a" providerId="ADAL" clId="{12ED7F48-8A43-43A8-A936-2A9BA398726A}" dt="2023-10-25T06:27:32.043" v="729"/>
          <ac:spMkLst>
            <pc:docMk/>
            <pc:sldMk cId="3400806457" sldId="2147476511"/>
            <ac:spMk id="131" creationId="{739A7929-A540-E175-BCCE-5DF5FDE9BC87}"/>
          </ac:spMkLst>
        </pc:spChg>
        <pc:spChg chg="mod">
          <ac:chgData name="Sara Mastrorosa" userId="d159c406-3740-4568-9f4d-6092b2495d2a" providerId="ADAL" clId="{12ED7F48-8A43-43A8-A936-2A9BA398726A}" dt="2023-10-25T06:27:32.043" v="729"/>
          <ac:spMkLst>
            <pc:docMk/>
            <pc:sldMk cId="3400806457" sldId="2147476511"/>
            <ac:spMk id="132" creationId="{2942F77C-4B42-5B1B-3B39-9F841C9E7E8E}"/>
          </ac:spMkLst>
        </pc:spChg>
        <pc:spChg chg="mod">
          <ac:chgData name="Sara Mastrorosa" userId="d159c406-3740-4568-9f4d-6092b2495d2a" providerId="ADAL" clId="{12ED7F48-8A43-43A8-A936-2A9BA398726A}" dt="2023-10-25T06:27:32.043" v="729"/>
          <ac:spMkLst>
            <pc:docMk/>
            <pc:sldMk cId="3400806457" sldId="2147476511"/>
            <ac:spMk id="133" creationId="{E2036DC6-7906-1DD4-330D-D1A927D952E2}"/>
          </ac:spMkLst>
        </pc:spChg>
        <pc:spChg chg="mod">
          <ac:chgData name="Sara Mastrorosa" userId="d159c406-3740-4568-9f4d-6092b2495d2a" providerId="ADAL" clId="{12ED7F48-8A43-43A8-A936-2A9BA398726A}" dt="2023-10-25T06:27:32.043" v="729"/>
          <ac:spMkLst>
            <pc:docMk/>
            <pc:sldMk cId="3400806457" sldId="2147476511"/>
            <ac:spMk id="134" creationId="{30C04602-8969-515A-6404-384D4B582A80}"/>
          </ac:spMkLst>
        </pc:spChg>
        <pc:spChg chg="mod">
          <ac:chgData name="Sara Mastrorosa" userId="d159c406-3740-4568-9f4d-6092b2495d2a" providerId="ADAL" clId="{12ED7F48-8A43-43A8-A936-2A9BA398726A}" dt="2023-10-25T06:27:32.043" v="729"/>
          <ac:spMkLst>
            <pc:docMk/>
            <pc:sldMk cId="3400806457" sldId="2147476511"/>
            <ac:spMk id="135" creationId="{4D37C201-35FB-A1D9-DBF6-A28BE370DF21}"/>
          </ac:spMkLst>
        </pc:spChg>
        <pc:spChg chg="mod">
          <ac:chgData name="Sara Mastrorosa" userId="d159c406-3740-4568-9f4d-6092b2495d2a" providerId="ADAL" clId="{12ED7F48-8A43-43A8-A936-2A9BA398726A}" dt="2023-10-25T06:27:32.043" v="729"/>
          <ac:spMkLst>
            <pc:docMk/>
            <pc:sldMk cId="3400806457" sldId="2147476511"/>
            <ac:spMk id="136" creationId="{7831D8B6-5EC0-EA05-6D4D-D04F3EF42FA2}"/>
          </ac:spMkLst>
        </pc:spChg>
        <pc:spChg chg="mod">
          <ac:chgData name="Sara Mastrorosa" userId="d159c406-3740-4568-9f4d-6092b2495d2a" providerId="ADAL" clId="{12ED7F48-8A43-43A8-A936-2A9BA398726A}" dt="2023-10-25T06:27:32.043" v="729"/>
          <ac:spMkLst>
            <pc:docMk/>
            <pc:sldMk cId="3400806457" sldId="2147476511"/>
            <ac:spMk id="137" creationId="{EB102F7D-9808-BC91-5445-EBFA104C8004}"/>
          </ac:spMkLst>
        </pc:spChg>
        <pc:spChg chg="mod">
          <ac:chgData name="Sara Mastrorosa" userId="d159c406-3740-4568-9f4d-6092b2495d2a" providerId="ADAL" clId="{12ED7F48-8A43-43A8-A936-2A9BA398726A}" dt="2023-10-25T06:27:32.043" v="729"/>
          <ac:spMkLst>
            <pc:docMk/>
            <pc:sldMk cId="3400806457" sldId="2147476511"/>
            <ac:spMk id="138" creationId="{FE3886B7-CD29-2DC7-3078-D42B26FDBFE9}"/>
          </ac:spMkLst>
        </pc:spChg>
        <pc:spChg chg="mod">
          <ac:chgData name="Sara Mastrorosa" userId="d159c406-3740-4568-9f4d-6092b2495d2a" providerId="ADAL" clId="{12ED7F48-8A43-43A8-A936-2A9BA398726A}" dt="2023-10-25T06:27:32.043" v="729"/>
          <ac:spMkLst>
            <pc:docMk/>
            <pc:sldMk cId="3400806457" sldId="2147476511"/>
            <ac:spMk id="139" creationId="{306B83C0-DE8D-73D1-69C7-65EBABFB7721}"/>
          </ac:spMkLst>
        </pc:spChg>
        <pc:spChg chg="mod">
          <ac:chgData name="Sara Mastrorosa" userId="d159c406-3740-4568-9f4d-6092b2495d2a" providerId="ADAL" clId="{12ED7F48-8A43-43A8-A936-2A9BA398726A}" dt="2023-10-25T06:27:32.043" v="729"/>
          <ac:spMkLst>
            <pc:docMk/>
            <pc:sldMk cId="3400806457" sldId="2147476511"/>
            <ac:spMk id="140" creationId="{74DD748C-546C-2068-BA01-BEB2742BB36E}"/>
          </ac:spMkLst>
        </pc:spChg>
        <pc:spChg chg="mod">
          <ac:chgData name="Sara Mastrorosa" userId="d159c406-3740-4568-9f4d-6092b2495d2a" providerId="ADAL" clId="{12ED7F48-8A43-43A8-A936-2A9BA398726A}" dt="2023-10-25T06:27:32.043" v="729"/>
          <ac:spMkLst>
            <pc:docMk/>
            <pc:sldMk cId="3400806457" sldId="2147476511"/>
            <ac:spMk id="141" creationId="{7E408B66-810D-3ECF-6C58-62D4D7EBD532}"/>
          </ac:spMkLst>
        </pc:spChg>
        <pc:spChg chg="mod">
          <ac:chgData name="Sara Mastrorosa" userId="d159c406-3740-4568-9f4d-6092b2495d2a" providerId="ADAL" clId="{12ED7F48-8A43-43A8-A936-2A9BA398726A}" dt="2023-10-25T06:27:32.043" v="729"/>
          <ac:spMkLst>
            <pc:docMk/>
            <pc:sldMk cId="3400806457" sldId="2147476511"/>
            <ac:spMk id="142" creationId="{30AE20AF-1E1D-DB67-AE45-DBA64F64B74B}"/>
          </ac:spMkLst>
        </pc:spChg>
        <pc:spChg chg="mod">
          <ac:chgData name="Sara Mastrorosa" userId="d159c406-3740-4568-9f4d-6092b2495d2a" providerId="ADAL" clId="{12ED7F48-8A43-43A8-A936-2A9BA398726A}" dt="2023-10-25T06:27:32.043" v="729"/>
          <ac:spMkLst>
            <pc:docMk/>
            <pc:sldMk cId="3400806457" sldId="2147476511"/>
            <ac:spMk id="143" creationId="{63CDA547-376D-0262-5AD2-063988447CC7}"/>
          </ac:spMkLst>
        </pc:spChg>
        <pc:spChg chg="mod">
          <ac:chgData name="Sara Mastrorosa" userId="d159c406-3740-4568-9f4d-6092b2495d2a" providerId="ADAL" clId="{12ED7F48-8A43-43A8-A936-2A9BA398726A}" dt="2023-10-25T06:27:32.043" v="729"/>
          <ac:spMkLst>
            <pc:docMk/>
            <pc:sldMk cId="3400806457" sldId="2147476511"/>
            <ac:spMk id="144" creationId="{D3B966F8-8414-1C91-87A4-40A29E02758C}"/>
          </ac:spMkLst>
        </pc:spChg>
        <pc:spChg chg="mod">
          <ac:chgData name="Sara Mastrorosa" userId="d159c406-3740-4568-9f4d-6092b2495d2a" providerId="ADAL" clId="{12ED7F48-8A43-43A8-A936-2A9BA398726A}" dt="2023-10-25T06:27:32.043" v="729"/>
          <ac:spMkLst>
            <pc:docMk/>
            <pc:sldMk cId="3400806457" sldId="2147476511"/>
            <ac:spMk id="145" creationId="{5E17B58E-F538-8DB3-95FC-5BFF00F06F86}"/>
          </ac:spMkLst>
        </pc:spChg>
        <pc:spChg chg="mod">
          <ac:chgData name="Sara Mastrorosa" userId="d159c406-3740-4568-9f4d-6092b2495d2a" providerId="ADAL" clId="{12ED7F48-8A43-43A8-A936-2A9BA398726A}" dt="2023-10-25T06:27:32.043" v="729"/>
          <ac:spMkLst>
            <pc:docMk/>
            <pc:sldMk cId="3400806457" sldId="2147476511"/>
            <ac:spMk id="146" creationId="{EE6BC4E6-8A4D-255D-E80D-25CC7AE91097}"/>
          </ac:spMkLst>
        </pc:spChg>
        <pc:spChg chg="mod">
          <ac:chgData name="Sara Mastrorosa" userId="d159c406-3740-4568-9f4d-6092b2495d2a" providerId="ADAL" clId="{12ED7F48-8A43-43A8-A936-2A9BA398726A}" dt="2023-10-25T06:27:32.043" v="729"/>
          <ac:spMkLst>
            <pc:docMk/>
            <pc:sldMk cId="3400806457" sldId="2147476511"/>
            <ac:spMk id="147" creationId="{FF12282A-CB8A-9F0E-629D-7CBC47444BB2}"/>
          </ac:spMkLst>
        </pc:spChg>
        <pc:spChg chg="mod">
          <ac:chgData name="Sara Mastrorosa" userId="d159c406-3740-4568-9f4d-6092b2495d2a" providerId="ADAL" clId="{12ED7F48-8A43-43A8-A936-2A9BA398726A}" dt="2023-10-25T06:27:32.043" v="729"/>
          <ac:spMkLst>
            <pc:docMk/>
            <pc:sldMk cId="3400806457" sldId="2147476511"/>
            <ac:spMk id="148" creationId="{BADF27DA-63DB-23F5-125F-FC2C4130B50D}"/>
          </ac:spMkLst>
        </pc:spChg>
        <pc:spChg chg="mod">
          <ac:chgData name="Sara Mastrorosa" userId="d159c406-3740-4568-9f4d-6092b2495d2a" providerId="ADAL" clId="{12ED7F48-8A43-43A8-A936-2A9BA398726A}" dt="2023-10-25T06:27:32.043" v="729"/>
          <ac:spMkLst>
            <pc:docMk/>
            <pc:sldMk cId="3400806457" sldId="2147476511"/>
            <ac:spMk id="149" creationId="{186257FD-74AC-63E0-EF96-C8B4C73587A2}"/>
          </ac:spMkLst>
        </pc:spChg>
        <pc:spChg chg="mod">
          <ac:chgData name="Sara Mastrorosa" userId="d159c406-3740-4568-9f4d-6092b2495d2a" providerId="ADAL" clId="{12ED7F48-8A43-43A8-A936-2A9BA398726A}" dt="2023-10-25T06:27:32.043" v="729"/>
          <ac:spMkLst>
            <pc:docMk/>
            <pc:sldMk cId="3400806457" sldId="2147476511"/>
            <ac:spMk id="150" creationId="{21698B8D-0F20-1933-54D0-FC1737BCC0E9}"/>
          </ac:spMkLst>
        </pc:spChg>
        <pc:spChg chg="mod">
          <ac:chgData name="Sara Mastrorosa" userId="d159c406-3740-4568-9f4d-6092b2495d2a" providerId="ADAL" clId="{12ED7F48-8A43-43A8-A936-2A9BA398726A}" dt="2023-10-25T06:27:32.043" v="729"/>
          <ac:spMkLst>
            <pc:docMk/>
            <pc:sldMk cId="3400806457" sldId="2147476511"/>
            <ac:spMk id="151" creationId="{13AB6215-FF33-EA90-5107-A407953E0A53}"/>
          </ac:spMkLst>
        </pc:spChg>
        <pc:spChg chg="mod">
          <ac:chgData name="Sara Mastrorosa" userId="d159c406-3740-4568-9f4d-6092b2495d2a" providerId="ADAL" clId="{12ED7F48-8A43-43A8-A936-2A9BA398726A}" dt="2023-10-25T06:27:32.043" v="729"/>
          <ac:spMkLst>
            <pc:docMk/>
            <pc:sldMk cId="3400806457" sldId="2147476511"/>
            <ac:spMk id="152" creationId="{EE20D5F3-C168-B86F-510C-48E965CB9966}"/>
          </ac:spMkLst>
        </pc:spChg>
        <pc:spChg chg="mod">
          <ac:chgData name="Sara Mastrorosa" userId="d159c406-3740-4568-9f4d-6092b2495d2a" providerId="ADAL" clId="{12ED7F48-8A43-43A8-A936-2A9BA398726A}" dt="2023-10-25T06:27:32.043" v="729"/>
          <ac:spMkLst>
            <pc:docMk/>
            <pc:sldMk cId="3400806457" sldId="2147476511"/>
            <ac:spMk id="153" creationId="{8B8AB442-08A7-8F8D-D9A7-C135A51989E0}"/>
          </ac:spMkLst>
        </pc:spChg>
        <pc:spChg chg="mod">
          <ac:chgData name="Sara Mastrorosa" userId="d159c406-3740-4568-9f4d-6092b2495d2a" providerId="ADAL" clId="{12ED7F48-8A43-43A8-A936-2A9BA398726A}" dt="2023-10-25T06:27:32.043" v="729"/>
          <ac:spMkLst>
            <pc:docMk/>
            <pc:sldMk cId="3400806457" sldId="2147476511"/>
            <ac:spMk id="154" creationId="{4B13E8EE-EE55-5140-155B-5199A68453F3}"/>
          </ac:spMkLst>
        </pc:spChg>
        <pc:spChg chg="mod">
          <ac:chgData name="Sara Mastrorosa" userId="d159c406-3740-4568-9f4d-6092b2495d2a" providerId="ADAL" clId="{12ED7F48-8A43-43A8-A936-2A9BA398726A}" dt="2023-10-25T06:27:32.043" v="729"/>
          <ac:spMkLst>
            <pc:docMk/>
            <pc:sldMk cId="3400806457" sldId="2147476511"/>
            <ac:spMk id="155" creationId="{2E9BB02D-F536-7A7F-A0F4-1AB9A957AE46}"/>
          </ac:spMkLst>
        </pc:spChg>
        <pc:spChg chg="mod">
          <ac:chgData name="Sara Mastrorosa" userId="d159c406-3740-4568-9f4d-6092b2495d2a" providerId="ADAL" clId="{12ED7F48-8A43-43A8-A936-2A9BA398726A}" dt="2023-10-25T06:27:32.043" v="729"/>
          <ac:spMkLst>
            <pc:docMk/>
            <pc:sldMk cId="3400806457" sldId="2147476511"/>
            <ac:spMk id="156" creationId="{1D59EF7A-B1C1-385A-7E42-E6FECC736FDD}"/>
          </ac:spMkLst>
        </pc:spChg>
        <pc:spChg chg="mod">
          <ac:chgData name="Sara Mastrorosa" userId="d159c406-3740-4568-9f4d-6092b2495d2a" providerId="ADAL" clId="{12ED7F48-8A43-43A8-A936-2A9BA398726A}" dt="2023-10-25T06:27:32.043" v="729"/>
          <ac:spMkLst>
            <pc:docMk/>
            <pc:sldMk cId="3400806457" sldId="2147476511"/>
            <ac:spMk id="157" creationId="{EE4F9834-5591-47F7-26B8-24FFD1BF5A45}"/>
          </ac:spMkLst>
        </pc:spChg>
        <pc:spChg chg="mod">
          <ac:chgData name="Sara Mastrorosa" userId="d159c406-3740-4568-9f4d-6092b2495d2a" providerId="ADAL" clId="{12ED7F48-8A43-43A8-A936-2A9BA398726A}" dt="2023-10-25T06:27:32.043" v="729"/>
          <ac:spMkLst>
            <pc:docMk/>
            <pc:sldMk cId="3400806457" sldId="2147476511"/>
            <ac:spMk id="158" creationId="{9C851A17-DC02-C103-FD88-B3A50D6D361A}"/>
          </ac:spMkLst>
        </pc:spChg>
        <pc:spChg chg="mod">
          <ac:chgData name="Sara Mastrorosa" userId="d159c406-3740-4568-9f4d-6092b2495d2a" providerId="ADAL" clId="{12ED7F48-8A43-43A8-A936-2A9BA398726A}" dt="2023-10-25T06:27:32.043" v="729"/>
          <ac:spMkLst>
            <pc:docMk/>
            <pc:sldMk cId="3400806457" sldId="2147476511"/>
            <ac:spMk id="159" creationId="{1BA77546-E154-DAFB-A833-1EBC23D771BF}"/>
          </ac:spMkLst>
        </pc:spChg>
        <pc:spChg chg="mod">
          <ac:chgData name="Sara Mastrorosa" userId="d159c406-3740-4568-9f4d-6092b2495d2a" providerId="ADAL" clId="{12ED7F48-8A43-43A8-A936-2A9BA398726A}" dt="2023-10-25T06:27:32.043" v="729"/>
          <ac:spMkLst>
            <pc:docMk/>
            <pc:sldMk cId="3400806457" sldId="2147476511"/>
            <ac:spMk id="160" creationId="{87DEDE81-8AEC-7055-EBAA-32FF0574BBE2}"/>
          </ac:spMkLst>
        </pc:spChg>
        <pc:spChg chg="mod">
          <ac:chgData name="Sara Mastrorosa" userId="d159c406-3740-4568-9f4d-6092b2495d2a" providerId="ADAL" clId="{12ED7F48-8A43-43A8-A936-2A9BA398726A}" dt="2023-10-25T06:27:32.043" v="729"/>
          <ac:spMkLst>
            <pc:docMk/>
            <pc:sldMk cId="3400806457" sldId="2147476511"/>
            <ac:spMk id="161" creationId="{EFB38809-4C7E-C12F-185E-6357F3397D42}"/>
          </ac:spMkLst>
        </pc:spChg>
        <pc:spChg chg="mod">
          <ac:chgData name="Sara Mastrorosa" userId="d159c406-3740-4568-9f4d-6092b2495d2a" providerId="ADAL" clId="{12ED7F48-8A43-43A8-A936-2A9BA398726A}" dt="2023-10-25T06:27:32.043" v="729"/>
          <ac:spMkLst>
            <pc:docMk/>
            <pc:sldMk cId="3400806457" sldId="2147476511"/>
            <ac:spMk id="162" creationId="{B725DEAC-95BA-6B99-6CBC-4B2AB317CD08}"/>
          </ac:spMkLst>
        </pc:spChg>
        <pc:spChg chg="mod">
          <ac:chgData name="Sara Mastrorosa" userId="d159c406-3740-4568-9f4d-6092b2495d2a" providerId="ADAL" clId="{12ED7F48-8A43-43A8-A936-2A9BA398726A}" dt="2023-10-25T06:27:32.043" v="729"/>
          <ac:spMkLst>
            <pc:docMk/>
            <pc:sldMk cId="3400806457" sldId="2147476511"/>
            <ac:spMk id="163" creationId="{0CED115C-8F0D-B9F0-EEAF-9255C663CC96}"/>
          </ac:spMkLst>
        </pc:spChg>
        <pc:spChg chg="mod">
          <ac:chgData name="Sara Mastrorosa" userId="d159c406-3740-4568-9f4d-6092b2495d2a" providerId="ADAL" clId="{12ED7F48-8A43-43A8-A936-2A9BA398726A}" dt="2023-10-25T06:27:32.043" v="729"/>
          <ac:spMkLst>
            <pc:docMk/>
            <pc:sldMk cId="3400806457" sldId="2147476511"/>
            <ac:spMk id="164" creationId="{A4001D75-00B3-26FD-2B1D-9AEA3436C602}"/>
          </ac:spMkLst>
        </pc:spChg>
        <pc:spChg chg="mod">
          <ac:chgData name="Sara Mastrorosa" userId="d159c406-3740-4568-9f4d-6092b2495d2a" providerId="ADAL" clId="{12ED7F48-8A43-43A8-A936-2A9BA398726A}" dt="2023-10-25T06:27:32.043" v="729"/>
          <ac:spMkLst>
            <pc:docMk/>
            <pc:sldMk cId="3400806457" sldId="2147476511"/>
            <ac:spMk id="165" creationId="{E2B48A2F-D570-584C-219A-3CC7FF4A66BE}"/>
          </ac:spMkLst>
        </pc:spChg>
        <pc:spChg chg="mod">
          <ac:chgData name="Sara Mastrorosa" userId="d159c406-3740-4568-9f4d-6092b2495d2a" providerId="ADAL" clId="{12ED7F48-8A43-43A8-A936-2A9BA398726A}" dt="2023-10-25T06:27:32.043" v="729"/>
          <ac:spMkLst>
            <pc:docMk/>
            <pc:sldMk cId="3400806457" sldId="2147476511"/>
            <ac:spMk id="166" creationId="{3DBD36D5-4976-7F9A-832F-CE4A9E1B594E}"/>
          </ac:spMkLst>
        </pc:spChg>
        <pc:spChg chg="mod">
          <ac:chgData name="Sara Mastrorosa" userId="d159c406-3740-4568-9f4d-6092b2495d2a" providerId="ADAL" clId="{12ED7F48-8A43-43A8-A936-2A9BA398726A}" dt="2023-10-25T06:27:32.043" v="729"/>
          <ac:spMkLst>
            <pc:docMk/>
            <pc:sldMk cId="3400806457" sldId="2147476511"/>
            <ac:spMk id="167" creationId="{BA1F7E0F-9DBC-C013-77EA-CB5BDFE3EB27}"/>
          </ac:spMkLst>
        </pc:spChg>
        <pc:spChg chg="mod">
          <ac:chgData name="Sara Mastrorosa" userId="d159c406-3740-4568-9f4d-6092b2495d2a" providerId="ADAL" clId="{12ED7F48-8A43-43A8-A936-2A9BA398726A}" dt="2023-10-25T06:27:32.043" v="729"/>
          <ac:spMkLst>
            <pc:docMk/>
            <pc:sldMk cId="3400806457" sldId="2147476511"/>
            <ac:spMk id="168" creationId="{A74038B9-909A-0F7C-012D-C0C5487D026F}"/>
          </ac:spMkLst>
        </pc:spChg>
        <pc:spChg chg="mod">
          <ac:chgData name="Sara Mastrorosa" userId="d159c406-3740-4568-9f4d-6092b2495d2a" providerId="ADAL" clId="{12ED7F48-8A43-43A8-A936-2A9BA398726A}" dt="2023-10-25T06:27:32.043" v="729"/>
          <ac:spMkLst>
            <pc:docMk/>
            <pc:sldMk cId="3400806457" sldId="2147476511"/>
            <ac:spMk id="169" creationId="{E30EDD36-3BC2-CAEE-C0CB-33D4954E5473}"/>
          </ac:spMkLst>
        </pc:spChg>
        <pc:spChg chg="mod">
          <ac:chgData name="Sara Mastrorosa" userId="d159c406-3740-4568-9f4d-6092b2495d2a" providerId="ADAL" clId="{12ED7F48-8A43-43A8-A936-2A9BA398726A}" dt="2023-10-25T06:27:32.043" v="729"/>
          <ac:spMkLst>
            <pc:docMk/>
            <pc:sldMk cId="3400806457" sldId="2147476511"/>
            <ac:spMk id="170" creationId="{7FAFB2BC-EBFB-D49A-2B80-25AB3A01C74F}"/>
          </ac:spMkLst>
        </pc:spChg>
        <pc:spChg chg="mod">
          <ac:chgData name="Sara Mastrorosa" userId="d159c406-3740-4568-9f4d-6092b2495d2a" providerId="ADAL" clId="{12ED7F48-8A43-43A8-A936-2A9BA398726A}" dt="2023-10-25T06:27:32.043" v="729"/>
          <ac:spMkLst>
            <pc:docMk/>
            <pc:sldMk cId="3400806457" sldId="2147476511"/>
            <ac:spMk id="171" creationId="{7F915D61-57E8-8DE3-1DD3-520DBCE0E231}"/>
          </ac:spMkLst>
        </pc:spChg>
        <pc:spChg chg="mod">
          <ac:chgData name="Sara Mastrorosa" userId="d159c406-3740-4568-9f4d-6092b2495d2a" providerId="ADAL" clId="{12ED7F48-8A43-43A8-A936-2A9BA398726A}" dt="2023-10-25T06:27:32.043" v="729"/>
          <ac:spMkLst>
            <pc:docMk/>
            <pc:sldMk cId="3400806457" sldId="2147476511"/>
            <ac:spMk id="172" creationId="{963A4B30-C010-D0BD-F0C7-9024EFAFAED2}"/>
          </ac:spMkLst>
        </pc:spChg>
        <pc:spChg chg="mod">
          <ac:chgData name="Sara Mastrorosa" userId="d159c406-3740-4568-9f4d-6092b2495d2a" providerId="ADAL" clId="{12ED7F48-8A43-43A8-A936-2A9BA398726A}" dt="2023-10-25T06:27:32.043" v="729"/>
          <ac:spMkLst>
            <pc:docMk/>
            <pc:sldMk cId="3400806457" sldId="2147476511"/>
            <ac:spMk id="173" creationId="{A58DDF75-A0EC-CDF7-D290-488097777958}"/>
          </ac:spMkLst>
        </pc:spChg>
        <pc:spChg chg="mod">
          <ac:chgData name="Sara Mastrorosa" userId="d159c406-3740-4568-9f4d-6092b2495d2a" providerId="ADAL" clId="{12ED7F48-8A43-43A8-A936-2A9BA398726A}" dt="2023-10-25T06:27:32.043" v="729"/>
          <ac:spMkLst>
            <pc:docMk/>
            <pc:sldMk cId="3400806457" sldId="2147476511"/>
            <ac:spMk id="174" creationId="{84950F90-9C44-FECF-07F4-01535E888516}"/>
          </ac:spMkLst>
        </pc:spChg>
        <pc:spChg chg="mod">
          <ac:chgData name="Sara Mastrorosa" userId="d159c406-3740-4568-9f4d-6092b2495d2a" providerId="ADAL" clId="{12ED7F48-8A43-43A8-A936-2A9BA398726A}" dt="2023-10-25T06:27:32.043" v="729"/>
          <ac:spMkLst>
            <pc:docMk/>
            <pc:sldMk cId="3400806457" sldId="2147476511"/>
            <ac:spMk id="175" creationId="{F3597757-289E-C32B-39A1-36C91DA05C6D}"/>
          </ac:spMkLst>
        </pc:spChg>
        <pc:spChg chg="mod">
          <ac:chgData name="Sara Mastrorosa" userId="d159c406-3740-4568-9f4d-6092b2495d2a" providerId="ADAL" clId="{12ED7F48-8A43-43A8-A936-2A9BA398726A}" dt="2023-10-25T06:27:32.043" v="729"/>
          <ac:spMkLst>
            <pc:docMk/>
            <pc:sldMk cId="3400806457" sldId="2147476511"/>
            <ac:spMk id="176" creationId="{7C6A967D-8BDD-AE03-CFBA-F01582935F95}"/>
          </ac:spMkLst>
        </pc:spChg>
        <pc:spChg chg="mod">
          <ac:chgData name="Sara Mastrorosa" userId="d159c406-3740-4568-9f4d-6092b2495d2a" providerId="ADAL" clId="{12ED7F48-8A43-43A8-A936-2A9BA398726A}" dt="2023-10-25T06:27:32.043" v="729"/>
          <ac:spMkLst>
            <pc:docMk/>
            <pc:sldMk cId="3400806457" sldId="2147476511"/>
            <ac:spMk id="177" creationId="{4A233654-2880-57A7-ECA8-3480F847059C}"/>
          </ac:spMkLst>
        </pc:spChg>
        <pc:spChg chg="mod">
          <ac:chgData name="Sara Mastrorosa" userId="d159c406-3740-4568-9f4d-6092b2495d2a" providerId="ADAL" clId="{12ED7F48-8A43-43A8-A936-2A9BA398726A}" dt="2023-10-25T06:27:32.043" v="729"/>
          <ac:spMkLst>
            <pc:docMk/>
            <pc:sldMk cId="3400806457" sldId="2147476511"/>
            <ac:spMk id="178" creationId="{AF311A2F-EA36-BB20-66D3-80EB1AF96804}"/>
          </ac:spMkLst>
        </pc:spChg>
        <pc:spChg chg="mod">
          <ac:chgData name="Sara Mastrorosa" userId="d159c406-3740-4568-9f4d-6092b2495d2a" providerId="ADAL" clId="{12ED7F48-8A43-43A8-A936-2A9BA398726A}" dt="2023-10-25T06:27:32.043" v="729"/>
          <ac:spMkLst>
            <pc:docMk/>
            <pc:sldMk cId="3400806457" sldId="2147476511"/>
            <ac:spMk id="179" creationId="{B4DED3BA-DDA5-5CA6-F500-49F61E5FE32E}"/>
          </ac:spMkLst>
        </pc:spChg>
        <pc:spChg chg="mod">
          <ac:chgData name="Sara Mastrorosa" userId="d159c406-3740-4568-9f4d-6092b2495d2a" providerId="ADAL" clId="{12ED7F48-8A43-43A8-A936-2A9BA398726A}" dt="2023-10-25T06:27:32.043" v="729"/>
          <ac:spMkLst>
            <pc:docMk/>
            <pc:sldMk cId="3400806457" sldId="2147476511"/>
            <ac:spMk id="180" creationId="{16D450C4-C121-7E06-F76B-CB62D0CD15DA}"/>
          </ac:spMkLst>
        </pc:spChg>
        <pc:spChg chg="mod">
          <ac:chgData name="Sara Mastrorosa" userId="d159c406-3740-4568-9f4d-6092b2495d2a" providerId="ADAL" clId="{12ED7F48-8A43-43A8-A936-2A9BA398726A}" dt="2023-10-25T06:27:32.043" v="729"/>
          <ac:spMkLst>
            <pc:docMk/>
            <pc:sldMk cId="3400806457" sldId="2147476511"/>
            <ac:spMk id="181" creationId="{A5497C0C-169D-F137-F717-263A1DD8D28E}"/>
          </ac:spMkLst>
        </pc:spChg>
        <pc:spChg chg="mod">
          <ac:chgData name="Sara Mastrorosa" userId="d159c406-3740-4568-9f4d-6092b2495d2a" providerId="ADAL" clId="{12ED7F48-8A43-43A8-A936-2A9BA398726A}" dt="2023-10-25T06:27:32.043" v="729"/>
          <ac:spMkLst>
            <pc:docMk/>
            <pc:sldMk cId="3400806457" sldId="2147476511"/>
            <ac:spMk id="182" creationId="{9EA926B0-46A3-6EE1-50D7-CF45D4FA38D4}"/>
          </ac:spMkLst>
        </pc:spChg>
        <pc:spChg chg="mod">
          <ac:chgData name="Sara Mastrorosa" userId="d159c406-3740-4568-9f4d-6092b2495d2a" providerId="ADAL" clId="{12ED7F48-8A43-43A8-A936-2A9BA398726A}" dt="2023-10-25T06:27:32.043" v="729"/>
          <ac:spMkLst>
            <pc:docMk/>
            <pc:sldMk cId="3400806457" sldId="2147476511"/>
            <ac:spMk id="183" creationId="{BCA2EEEE-9F1E-99A2-3DFD-2B859F60A243}"/>
          </ac:spMkLst>
        </pc:spChg>
        <pc:spChg chg="mod">
          <ac:chgData name="Sara Mastrorosa" userId="d159c406-3740-4568-9f4d-6092b2495d2a" providerId="ADAL" clId="{12ED7F48-8A43-43A8-A936-2A9BA398726A}" dt="2023-10-25T06:27:32.043" v="729"/>
          <ac:spMkLst>
            <pc:docMk/>
            <pc:sldMk cId="3400806457" sldId="2147476511"/>
            <ac:spMk id="184" creationId="{19F500E9-D0F2-3565-177A-DEFD0145878E}"/>
          </ac:spMkLst>
        </pc:spChg>
        <pc:spChg chg="mod">
          <ac:chgData name="Sara Mastrorosa" userId="d159c406-3740-4568-9f4d-6092b2495d2a" providerId="ADAL" clId="{12ED7F48-8A43-43A8-A936-2A9BA398726A}" dt="2023-10-25T06:27:32.043" v="729"/>
          <ac:spMkLst>
            <pc:docMk/>
            <pc:sldMk cId="3400806457" sldId="2147476511"/>
            <ac:spMk id="185" creationId="{240A274C-AF96-5FB6-4C64-D9D22E2305E9}"/>
          </ac:spMkLst>
        </pc:spChg>
        <pc:spChg chg="mod">
          <ac:chgData name="Sara Mastrorosa" userId="d159c406-3740-4568-9f4d-6092b2495d2a" providerId="ADAL" clId="{12ED7F48-8A43-43A8-A936-2A9BA398726A}" dt="2023-10-25T06:27:32.043" v="729"/>
          <ac:spMkLst>
            <pc:docMk/>
            <pc:sldMk cId="3400806457" sldId="2147476511"/>
            <ac:spMk id="186" creationId="{ADF9FAE9-1163-E0F2-DA10-9C8203437B39}"/>
          </ac:spMkLst>
        </pc:spChg>
        <pc:spChg chg="mod">
          <ac:chgData name="Sara Mastrorosa" userId="d159c406-3740-4568-9f4d-6092b2495d2a" providerId="ADAL" clId="{12ED7F48-8A43-43A8-A936-2A9BA398726A}" dt="2023-10-25T06:27:32.043" v="729"/>
          <ac:spMkLst>
            <pc:docMk/>
            <pc:sldMk cId="3400806457" sldId="2147476511"/>
            <ac:spMk id="187" creationId="{22C3106C-E563-8248-F63A-945A1B747924}"/>
          </ac:spMkLst>
        </pc:spChg>
        <pc:spChg chg="mod">
          <ac:chgData name="Sara Mastrorosa" userId="d159c406-3740-4568-9f4d-6092b2495d2a" providerId="ADAL" clId="{12ED7F48-8A43-43A8-A936-2A9BA398726A}" dt="2023-10-25T06:27:32.043" v="729"/>
          <ac:spMkLst>
            <pc:docMk/>
            <pc:sldMk cId="3400806457" sldId="2147476511"/>
            <ac:spMk id="188" creationId="{2A74A01F-7EC1-C0D1-CD90-E793DAB9E5E6}"/>
          </ac:spMkLst>
        </pc:spChg>
        <pc:spChg chg="mod">
          <ac:chgData name="Sara Mastrorosa" userId="d159c406-3740-4568-9f4d-6092b2495d2a" providerId="ADAL" clId="{12ED7F48-8A43-43A8-A936-2A9BA398726A}" dt="2023-10-25T06:27:32.043" v="729"/>
          <ac:spMkLst>
            <pc:docMk/>
            <pc:sldMk cId="3400806457" sldId="2147476511"/>
            <ac:spMk id="189" creationId="{231562CB-4F49-76D5-3622-39456230C217}"/>
          </ac:spMkLst>
        </pc:spChg>
        <pc:spChg chg="mod">
          <ac:chgData name="Sara Mastrorosa" userId="d159c406-3740-4568-9f4d-6092b2495d2a" providerId="ADAL" clId="{12ED7F48-8A43-43A8-A936-2A9BA398726A}" dt="2023-10-25T06:27:32.043" v="729"/>
          <ac:spMkLst>
            <pc:docMk/>
            <pc:sldMk cId="3400806457" sldId="2147476511"/>
            <ac:spMk id="190" creationId="{7A9D24AF-D134-8A38-A9F8-CDEF9650E38C}"/>
          </ac:spMkLst>
        </pc:spChg>
        <pc:spChg chg="mod">
          <ac:chgData name="Sara Mastrorosa" userId="d159c406-3740-4568-9f4d-6092b2495d2a" providerId="ADAL" clId="{12ED7F48-8A43-43A8-A936-2A9BA398726A}" dt="2023-10-25T06:27:32.043" v="729"/>
          <ac:spMkLst>
            <pc:docMk/>
            <pc:sldMk cId="3400806457" sldId="2147476511"/>
            <ac:spMk id="191" creationId="{05CE366A-6646-3D0D-83D1-517E5CFACF72}"/>
          </ac:spMkLst>
        </pc:spChg>
        <pc:spChg chg="mod">
          <ac:chgData name="Sara Mastrorosa" userId="d159c406-3740-4568-9f4d-6092b2495d2a" providerId="ADAL" clId="{12ED7F48-8A43-43A8-A936-2A9BA398726A}" dt="2023-10-25T06:27:32.043" v="729"/>
          <ac:spMkLst>
            <pc:docMk/>
            <pc:sldMk cId="3400806457" sldId="2147476511"/>
            <ac:spMk id="192" creationId="{96DBAD36-5941-A2C5-C740-C4F75EAADB6F}"/>
          </ac:spMkLst>
        </pc:spChg>
        <pc:spChg chg="mod">
          <ac:chgData name="Sara Mastrorosa" userId="d159c406-3740-4568-9f4d-6092b2495d2a" providerId="ADAL" clId="{12ED7F48-8A43-43A8-A936-2A9BA398726A}" dt="2023-10-25T06:27:32.043" v="729"/>
          <ac:spMkLst>
            <pc:docMk/>
            <pc:sldMk cId="3400806457" sldId="2147476511"/>
            <ac:spMk id="193" creationId="{07A6E61F-1F9B-CA2A-97C4-63CC758DCBC9}"/>
          </ac:spMkLst>
        </pc:spChg>
        <pc:spChg chg="mod">
          <ac:chgData name="Sara Mastrorosa" userId="d159c406-3740-4568-9f4d-6092b2495d2a" providerId="ADAL" clId="{12ED7F48-8A43-43A8-A936-2A9BA398726A}" dt="2023-10-25T06:27:32.043" v="729"/>
          <ac:spMkLst>
            <pc:docMk/>
            <pc:sldMk cId="3400806457" sldId="2147476511"/>
            <ac:spMk id="194" creationId="{D1F130B2-2CE9-2502-C322-BF26842E8A75}"/>
          </ac:spMkLst>
        </pc:spChg>
        <pc:spChg chg="mod">
          <ac:chgData name="Sara Mastrorosa" userId="d159c406-3740-4568-9f4d-6092b2495d2a" providerId="ADAL" clId="{12ED7F48-8A43-43A8-A936-2A9BA398726A}" dt="2023-10-25T06:27:32.043" v="729"/>
          <ac:spMkLst>
            <pc:docMk/>
            <pc:sldMk cId="3400806457" sldId="2147476511"/>
            <ac:spMk id="195" creationId="{82D20CA8-1F9E-53C4-75DF-7B45B0D97195}"/>
          </ac:spMkLst>
        </pc:spChg>
        <pc:spChg chg="mod">
          <ac:chgData name="Sara Mastrorosa" userId="d159c406-3740-4568-9f4d-6092b2495d2a" providerId="ADAL" clId="{12ED7F48-8A43-43A8-A936-2A9BA398726A}" dt="2023-10-25T06:27:32.043" v="729"/>
          <ac:spMkLst>
            <pc:docMk/>
            <pc:sldMk cId="3400806457" sldId="2147476511"/>
            <ac:spMk id="196" creationId="{8D2FF4C7-6370-7D49-F51F-C6F05C5D3063}"/>
          </ac:spMkLst>
        </pc:spChg>
        <pc:spChg chg="mod">
          <ac:chgData name="Sara Mastrorosa" userId="d159c406-3740-4568-9f4d-6092b2495d2a" providerId="ADAL" clId="{12ED7F48-8A43-43A8-A936-2A9BA398726A}" dt="2023-10-25T06:27:32.043" v="729"/>
          <ac:spMkLst>
            <pc:docMk/>
            <pc:sldMk cId="3400806457" sldId="2147476511"/>
            <ac:spMk id="197" creationId="{01C10362-9A43-BD31-F77D-B467583B7372}"/>
          </ac:spMkLst>
        </pc:spChg>
        <pc:spChg chg="mod">
          <ac:chgData name="Sara Mastrorosa" userId="d159c406-3740-4568-9f4d-6092b2495d2a" providerId="ADAL" clId="{12ED7F48-8A43-43A8-A936-2A9BA398726A}" dt="2023-10-25T06:27:32.043" v="729"/>
          <ac:spMkLst>
            <pc:docMk/>
            <pc:sldMk cId="3400806457" sldId="2147476511"/>
            <ac:spMk id="198" creationId="{FB8B3672-0DE4-2006-2091-D7AED9744FF3}"/>
          </ac:spMkLst>
        </pc:spChg>
        <pc:spChg chg="mod">
          <ac:chgData name="Sara Mastrorosa" userId="d159c406-3740-4568-9f4d-6092b2495d2a" providerId="ADAL" clId="{12ED7F48-8A43-43A8-A936-2A9BA398726A}" dt="2023-10-25T06:27:32.043" v="729"/>
          <ac:spMkLst>
            <pc:docMk/>
            <pc:sldMk cId="3400806457" sldId="2147476511"/>
            <ac:spMk id="199" creationId="{F56DD86A-EBCA-B45D-BA29-EAA770D16153}"/>
          </ac:spMkLst>
        </pc:spChg>
        <pc:spChg chg="mod">
          <ac:chgData name="Sara Mastrorosa" userId="d159c406-3740-4568-9f4d-6092b2495d2a" providerId="ADAL" clId="{12ED7F48-8A43-43A8-A936-2A9BA398726A}" dt="2023-10-25T06:27:32.043" v="729"/>
          <ac:spMkLst>
            <pc:docMk/>
            <pc:sldMk cId="3400806457" sldId="2147476511"/>
            <ac:spMk id="200" creationId="{0F0264E9-1C4D-A62C-7E6A-975B9EC49BBF}"/>
          </ac:spMkLst>
        </pc:spChg>
        <pc:spChg chg="mod">
          <ac:chgData name="Sara Mastrorosa" userId="d159c406-3740-4568-9f4d-6092b2495d2a" providerId="ADAL" clId="{12ED7F48-8A43-43A8-A936-2A9BA398726A}" dt="2023-10-25T06:27:32.043" v="729"/>
          <ac:spMkLst>
            <pc:docMk/>
            <pc:sldMk cId="3400806457" sldId="2147476511"/>
            <ac:spMk id="201" creationId="{7C7E8E24-021E-6AC7-F018-682605B1F1F4}"/>
          </ac:spMkLst>
        </pc:spChg>
        <pc:spChg chg="mod">
          <ac:chgData name="Sara Mastrorosa" userId="d159c406-3740-4568-9f4d-6092b2495d2a" providerId="ADAL" clId="{12ED7F48-8A43-43A8-A936-2A9BA398726A}" dt="2023-10-25T06:27:32.043" v="729"/>
          <ac:spMkLst>
            <pc:docMk/>
            <pc:sldMk cId="3400806457" sldId="2147476511"/>
            <ac:spMk id="202" creationId="{40CA69D6-C61C-6B17-B35E-2902A3657EDB}"/>
          </ac:spMkLst>
        </pc:spChg>
        <pc:spChg chg="mod">
          <ac:chgData name="Sara Mastrorosa" userId="d159c406-3740-4568-9f4d-6092b2495d2a" providerId="ADAL" clId="{12ED7F48-8A43-43A8-A936-2A9BA398726A}" dt="2023-10-25T06:27:32.043" v="729"/>
          <ac:spMkLst>
            <pc:docMk/>
            <pc:sldMk cId="3400806457" sldId="2147476511"/>
            <ac:spMk id="203" creationId="{4A69F3F2-93B9-E65C-DD50-DBE72EC13132}"/>
          </ac:spMkLst>
        </pc:spChg>
        <pc:spChg chg="mod">
          <ac:chgData name="Sara Mastrorosa" userId="d159c406-3740-4568-9f4d-6092b2495d2a" providerId="ADAL" clId="{12ED7F48-8A43-43A8-A936-2A9BA398726A}" dt="2023-10-25T06:27:32.043" v="729"/>
          <ac:spMkLst>
            <pc:docMk/>
            <pc:sldMk cId="3400806457" sldId="2147476511"/>
            <ac:spMk id="204" creationId="{2DA22836-EF74-4A05-C1D9-E078688B969B}"/>
          </ac:spMkLst>
        </pc:spChg>
        <pc:spChg chg="mod">
          <ac:chgData name="Sara Mastrorosa" userId="d159c406-3740-4568-9f4d-6092b2495d2a" providerId="ADAL" clId="{12ED7F48-8A43-43A8-A936-2A9BA398726A}" dt="2023-10-25T06:27:32.043" v="729"/>
          <ac:spMkLst>
            <pc:docMk/>
            <pc:sldMk cId="3400806457" sldId="2147476511"/>
            <ac:spMk id="205" creationId="{7AA3D8EF-6B8D-37A2-E87F-2ED46A8ECAD4}"/>
          </ac:spMkLst>
        </pc:spChg>
        <pc:spChg chg="mod">
          <ac:chgData name="Sara Mastrorosa" userId="d159c406-3740-4568-9f4d-6092b2495d2a" providerId="ADAL" clId="{12ED7F48-8A43-43A8-A936-2A9BA398726A}" dt="2023-10-25T06:27:32.043" v="729"/>
          <ac:spMkLst>
            <pc:docMk/>
            <pc:sldMk cId="3400806457" sldId="2147476511"/>
            <ac:spMk id="206" creationId="{826A585A-7EA2-CCBB-714E-C700E18D8A54}"/>
          </ac:spMkLst>
        </pc:spChg>
        <pc:spChg chg="mod">
          <ac:chgData name="Sara Mastrorosa" userId="d159c406-3740-4568-9f4d-6092b2495d2a" providerId="ADAL" clId="{12ED7F48-8A43-43A8-A936-2A9BA398726A}" dt="2023-10-25T06:27:32.043" v="729"/>
          <ac:spMkLst>
            <pc:docMk/>
            <pc:sldMk cId="3400806457" sldId="2147476511"/>
            <ac:spMk id="207" creationId="{D3954C96-3DA3-D066-8A8A-56CD28A9C258}"/>
          </ac:spMkLst>
        </pc:spChg>
        <pc:spChg chg="mod">
          <ac:chgData name="Sara Mastrorosa" userId="d159c406-3740-4568-9f4d-6092b2495d2a" providerId="ADAL" clId="{12ED7F48-8A43-43A8-A936-2A9BA398726A}" dt="2023-10-25T06:27:32.043" v="729"/>
          <ac:spMkLst>
            <pc:docMk/>
            <pc:sldMk cId="3400806457" sldId="2147476511"/>
            <ac:spMk id="208" creationId="{8146D9CF-08EF-49D5-20C3-A7517506EDCA}"/>
          </ac:spMkLst>
        </pc:spChg>
        <pc:spChg chg="mod">
          <ac:chgData name="Sara Mastrorosa" userId="d159c406-3740-4568-9f4d-6092b2495d2a" providerId="ADAL" clId="{12ED7F48-8A43-43A8-A936-2A9BA398726A}" dt="2023-10-25T06:27:32.043" v="729"/>
          <ac:spMkLst>
            <pc:docMk/>
            <pc:sldMk cId="3400806457" sldId="2147476511"/>
            <ac:spMk id="209" creationId="{B529915C-FCC4-DD60-B469-11100376D4D6}"/>
          </ac:spMkLst>
        </pc:spChg>
        <pc:spChg chg="mod">
          <ac:chgData name="Sara Mastrorosa" userId="d159c406-3740-4568-9f4d-6092b2495d2a" providerId="ADAL" clId="{12ED7F48-8A43-43A8-A936-2A9BA398726A}" dt="2023-10-25T06:27:32.043" v="729"/>
          <ac:spMkLst>
            <pc:docMk/>
            <pc:sldMk cId="3400806457" sldId="2147476511"/>
            <ac:spMk id="210" creationId="{905F0B1C-633A-C9C2-888B-DF28B6AEB483}"/>
          </ac:spMkLst>
        </pc:spChg>
        <pc:spChg chg="mod">
          <ac:chgData name="Sara Mastrorosa" userId="d159c406-3740-4568-9f4d-6092b2495d2a" providerId="ADAL" clId="{12ED7F48-8A43-43A8-A936-2A9BA398726A}" dt="2023-10-25T06:27:32.043" v="729"/>
          <ac:spMkLst>
            <pc:docMk/>
            <pc:sldMk cId="3400806457" sldId="2147476511"/>
            <ac:spMk id="211" creationId="{2A0B7170-295B-8246-39AB-1733A04F0673}"/>
          </ac:spMkLst>
        </pc:spChg>
        <pc:spChg chg="mod">
          <ac:chgData name="Sara Mastrorosa" userId="d159c406-3740-4568-9f4d-6092b2495d2a" providerId="ADAL" clId="{12ED7F48-8A43-43A8-A936-2A9BA398726A}" dt="2023-10-25T06:27:32.043" v="729"/>
          <ac:spMkLst>
            <pc:docMk/>
            <pc:sldMk cId="3400806457" sldId="2147476511"/>
            <ac:spMk id="212" creationId="{3751D9EC-7BBD-84F6-4302-65476D087AA4}"/>
          </ac:spMkLst>
        </pc:spChg>
        <pc:spChg chg="mod">
          <ac:chgData name="Sara Mastrorosa" userId="d159c406-3740-4568-9f4d-6092b2495d2a" providerId="ADAL" clId="{12ED7F48-8A43-43A8-A936-2A9BA398726A}" dt="2023-10-25T06:27:32.043" v="729"/>
          <ac:spMkLst>
            <pc:docMk/>
            <pc:sldMk cId="3400806457" sldId="2147476511"/>
            <ac:spMk id="213" creationId="{1BD81977-7218-BC37-3788-3879DD2E57D2}"/>
          </ac:spMkLst>
        </pc:spChg>
        <pc:spChg chg="mod">
          <ac:chgData name="Sara Mastrorosa" userId="d159c406-3740-4568-9f4d-6092b2495d2a" providerId="ADAL" clId="{12ED7F48-8A43-43A8-A936-2A9BA398726A}" dt="2023-10-25T06:27:32.043" v="729"/>
          <ac:spMkLst>
            <pc:docMk/>
            <pc:sldMk cId="3400806457" sldId="2147476511"/>
            <ac:spMk id="214" creationId="{E3D2E604-B471-6FAD-6875-FFB552BEC74D}"/>
          </ac:spMkLst>
        </pc:spChg>
        <pc:spChg chg="mod">
          <ac:chgData name="Sara Mastrorosa" userId="d159c406-3740-4568-9f4d-6092b2495d2a" providerId="ADAL" clId="{12ED7F48-8A43-43A8-A936-2A9BA398726A}" dt="2023-10-25T06:27:32.043" v="729"/>
          <ac:spMkLst>
            <pc:docMk/>
            <pc:sldMk cId="3400806457" sldId="2147476511"/>
            <ac:spMk id="215" creationId="{D7CC23D0-60D7-F3F5-555F-7E3FE64F38F3}"/>
          </ac:spMkLst>
        </pc:spChg>
        <pc:spChg chg="mod">
          <ac:chgData name="Sara Mastrorosa" userId="d159c406-3740-4568-9f4d-6092b2495d2a" providerId="ADAL" clId="{12ED7F48-8A43-43A8-A936-2A9BA398726A}" dt="2023-10-25T06:27:32.043" v="729"/>
          <ac:spMkLst>
            <pc:docMk/>
            <pc:sldMk cId="3400806457" sldId="2147476511"/>
            <ac:spMk id="216" creationId="{57CAF2D4-0403-0FCE-C440-6617CE80522D}"/>
          </ac:spMkLst>
        </pc:spChg>
        <pc:spChg chg="mod">
          <ac:chgData name="Sara Mastrorosa" userId="d159c406-3740-4568-9f4d-6092b2495d2a" providerId="ADAL" clId="{12ED7F48-8A43-43A8-A936-2A9BA398726A}" dt="2023-10-25T06:27:32.043" v="729"/>
          <ac:spMkLst>
            <pc:docMk/>
            <pc:sldMk cId="3400806457" sldId="2147476511"/>
            <ac:spMk id="217" creationId="{6CE44197-42FE-CDA1-23E1-29EA4B18F6A7}"/>
          </ac:spMkLst>
        </pc:spChg>
        <pc:spChg chg="mod">
          <ac:chgData name="Sara Mastrorosa" userId="d159c406-3740-4568-9f4d-6092b2495d2a" providerId="ADAL" clId="{12ED7F48-8A43-43A8-A936-2A9BA398726A}" dt="2023-10-25T06:27:32.043" v="729"/>
          <ac:spMkLst>
            <pc:docMk/>
            <pc:sldMk cId="3400806457" sldId="2147476511"/>
            <ac:spMk id="218" creationId="{6DFD7463-B8EE-ED35-065C-53AB0B5684E1}"/>
          </ac:spMkLst>
        </pc:spChg>
        <pc:spChg chg="mod">
          <ac:chgData name="Sara Mastrorosa" userId="d159c406-3740-4568-9f4d-6092b2495d2a" providerId="ADAL" clId="{12ED7F48-8A43-43A8-A936-2A9BA398726A}" dt="2023-10-25T06:27:32.043" v="729"/>
          <ac:spMkLst>
            <pc:docMk/>
            <pc:sldMk cId="3400806457" sldId="2147476511"/>
            <ac:spMk id="219" creationId="{77792F2B-F9AA-6B37-C1C5-ADF7293D62C2}"/>
          </ac:spMkLst>
        </pc:spChg>
        <pc:spChg chg="mod">
          <ac:chgData name="Sara Mastrorosa" userId="d159c406-3740-4568-9f4d-6092b2495d2a" providerId="ADAL" clId="{12ED7F48-8A43-43A8-A936-2A9BA398726A}" dt="2023-10-25T06:27:32.043" v="729"/>
          <ac:spMkLst>
            <pc:docMk/>
            <pc:sldMk cId="3400806457" sldId="2147476511"/>
            <ac:spMk id="220" creationId="{3C6A4310-CC5A-266B-EA3A-9FCF7615AE04}"/>
          </ac:spMkLst>
        </pc:spChg>
        <pc:spChg chg="mod">
          <ac:chgData name="Sara Mastrorosa" userId="d159c406-3740-4568-9f4d-6092b2495d2a" providerId="ADAL" clId="{12ED7F48-8A43-43A8-A936-2A9BA398726A}" dt="2023-10-25T06:27:32.043" v="729"/>
          <ac:spMkLst>
            <pc:docMk/>
            <pc:sldMk cId="3400806457" sldId="2147476511"/>
            <ac:spMk id="221" creationId="{2917D8B2-5D5C-862B-EE65-53E3CA1076B4}"/>
          </ac:spMkLst>
        </pc:spChg>
        <pc:spChg chg="mod">
          <ac:chgData name="Sara Mastrorosa" userId="d159c406-3740-4568-9f4d-6092b2495d2a" providerId="ADAL" clId="{12ED7F48-8A43-43A8-A936-2A9BA398726A}" dt="2023-10-25T06:27:32.043" v="729"/>
          <ac:spMkLst>
            <pc:docMk/>
            <pc:sldMk cId="3400806457" sldId="2147476511"/>
            <ac:spMk id="222" creationId="{302DF9DC-393F-427E-4A7E-0F805D87F6D7}"/>
          </ac:spMkLst>
        </pc:spChg>
        <pc:spChg chg="mod">
          <ac:chgData name="Sara Mastrorosa" userId="d159c406-3740-4568-9f4d-6092b2495d2a" providerId="ADAL" clId="{12ED7F48-8A43-43A8-A936-2A9BA398726A}" dt="2023-10-25T06:27:32.043" v="729"/>
          <ac:spMkLst>
            <pc:docMk/>
            <pc:sldMk cId="3400806457" sldId="2147476511"/>
            <ac:spMk id="223" creationId="{225A3C8A-1708-6DA8-BA79-4371E9880E40}"/>
          </ac:spMkLst>
        </pc:spChg>
        <pc:spChg chg="mod">
          <ac:chgData name="Sara Mastrorosa" userId="d159c406-3740-4568-9f4d-6092b2495d2a" providerId="ADAL" clId="{12ED7F48-8A43-43A8-A936-2A9BA398726A}" dt="2023-10-25T06:27:32.043" v="729"/>
          <ac:spMkLst>
            <pc:docMk/>
            <pc:sldMk cId="3400806457" sldId="2147476511"/>
            <ac:spMk id="224" creationId="{C05A0F36-C6C1-7319-299D-55A1FDDB3DFD}"/>
          </ac:spMkLst>
        </pc:spChg>
        <pc:spChg chg="mod">
          <ac:chgData name="Sara Mastrorosa" userId="d159c406-3740-4568-9f4d-6092b2495d2a" providerId="ADAL" clId="{12ED7F48-8A43-43A8-A936-2A9BA398726A}" dt="2023-10-25T06:27:32.043" v="729"/>
          <ac:spMkLst>
            <pc:docMk/>
            <pc:sldMk cId="3400806457" sldId="2147476511"/>
            <ac:spMk id="225" creationId="{94372849-DC73-19C0-78D6-EBD4A213D0AB}"/>
          </ac:spMkLst>
        </pc:spChg>
        <pc:spChg chg="mod">
          <ac:chgData name="Sara Mastrorosa" userId="d159c406-3740-4568-9f4d-6092b2495d2a" providerId="ADAL" clId="{12ED7F48-8A43-43A8-A936-2A9BA398726A}" dt="2023-10-25T06:27:32.043" v="729"/>
          <ac:spMkLst>
            <pc:docMk/>
            <pc:sldMk cId="3400806457" sldId="2147476511"/>
            <ac:spMk id="226" creationId="{18B8194A-514E-E720-BEEF-6855016F6C42}"/>
          </ac:spMkLst>
        </pc:spChg>
        <pc:spChg chg="mod">
          <ac:chgData name="Sara Mastrorosa" userId="d159c406-3740-4568-9f4d-6092b2495d2a" providerId="ADAL" clId="{12ED7F48-8A43-43A8-A936-2A9BA398726A}" dt="2023-10-25T06:27:32.043" v="729"/>
          <ac:spMkLst>
            <pc:docMk/>
            <pc:sldMk cId="3400806457" sldId="2147476511"/>
            <ac:spMk id="227" creationId="{DA2E337F-4980-F525-3FE6-46E057722DCE}"/>
          </ac:spMkLst>
        </pc:spChg>
        <pc:spChg chg="mod">
          <ac:chgData name="Sara Mastrorosa" userId="d159c406-3740-4568-9f4d-6092b2495d2a" providerId="ADAL" clId="{12ED7F48-8A43-43A8-A936-2A9BA398726A}" dt="2023-10-25T06:27:32.043" v="729"/>
          <ac:spMkLst>
            <pc:docMk/>
            <pc:sldMk cId="3400806457" sldId="2147476511"/>
            <ac:spMk id="228" creationId="{0D4BD0F1-0D60-9403-AA2A-01D2E7FB9E1C}"/>
          </ac:spMkLst>
        </pc:spChg>
        <pc:spChg chg="mod">
          <ac:chgData name="Sara Mastrorosa" userId="d159c406-3740-4568-9f4d-6092b2495d2a" providerId="ADAL" clId="{12ED7F48-8A43-43A8-A936-2A9BA398726A}" dt="2023-10-25T06:27:32.043" v="729"/>
          <ac:spMkLst>
            <pc:docMk/>
            <pc:sldMk cId="3400806457" sldId="2147476511"/>
            <ac:spMk id="229" creationId="{7950BA82-22F9-49B5-9E42-372B93E7B8D9}"/>
          </ac:spMkLst>
        </pc:spChg>
        <pc:spChg chg="mod">
          <ac:chgData name="Sara Mastrorosa" userId="d159c406-3740-4568-9f4d-6092b2495d2a" providerId="ADAL" clId="{12ED7F48-8A43-43A8-A936-2A9BA398726A}" dt="2023-10-25T06:27:32.043" v="729"/>
          <ac:spMkLst>
            <pc:docMk/>
            <pc:sldMk cId="3400806457" sldId="2147476511"/>
            <ac:spMk id="230" creationId="{AD585063-DC2B-89AD-354D-8ACA9674D6C7}"/>
          </ac:spMkLst>
        </pc:spChg>
        <pc:spChg chg="mod">
          <ac:chgData name="Sara Mastrorosa" userId="d159c406-3740-4568-9f4d-6092b2495d2a" providerId="ADAL" clId="{12ED7F48-8A43-43A8-A936-2A9BA398726A}" dt="2023-10-25T06:27:32.043" v="729"/>
          <ac:spMkLst>
            <pc:docMk/>
            <pc:sldMk cId="3400806457" sldId="2147476511"/>
            <ac:spMk id="231" creationId="{E31E6FC1-573A-049D-7A89-2E280220B3F7}"/>
          </ac:spMkLst>
        </pc:spChg>
        <pc:spChg chg="mod">
          <ac:chgData name="Sara Mastrorosa" userId="d159c406-3740-4568-9f4d-6092b2495d2a" providerId="ADAL" clId="{12ED7F48-8A43-43A8-A936-2A9BA398726A}" dt="2023-10-25T06:27:32.043" v="729"/>
          <ac:spMkLst>
            <pc:docMk/>
            <pc:sldMk cId="3400806457" sldId="2147476511"/>
            <ac:spMk id="232" creationId="{F624A645-6FA4-262A-FCEE-89EF7BB53DCE}"/>
          </ac:spMkLst>
        </pc:spChg>
        <pc:spChg chg="mod">
          <ac:chgData name="Sara Mastrorosa" userId="d159c406-3740-4568-9f4d-6092b2495d2a" providerId="ADAL" clId="{12ED7F48-8A43-43A8-A936-2A9BA398726A}" dt="2023-10-25T06:27:32.043" v="729"/>
          <ac:spMkLst>
            <pc:docMk/>
            <pc:sldMk cId="3400806457" sldId="2147476511"/>
            <ac:spMk id="233" creationId="{69C65361-4C40-E918-7731-5E9C4402A518}"/>
          </ac:spMkLst>
        </pc:spChg>
        <pc:grpChg chg="add mod">
          <ac:chgData name="Sara Mastrorosa" userId="d159c406-3740-4568-9f4d-6092b2495d2a" providerId="ADAL" clId="{12ED7F48-8A43-43A8-A936-2A9BA398726A}" dt="2023-10-25T06:27:35.473" v="730" actId="1076"/>
          <ac:grpSpMkLst>
            <pc:docMk/>
            <pc:sldMk cId="3400806457" sldId="2147476511"/>
            <ac:grpSpMk id="4" creationId="{847E0E8A-9B86-F790-4068-52C196C89B8D}"/>
          </ac:grpSpMkLst>
        </pc:grpChg>
      </pc:sldChg>
      <pc:sldChg chg="addSp delSp modSp add mod">
        <pc:chgData name="Sara Mastrorosa" userId="d159c406-3740-4568-9f4d-6092b2495d2a" providerId="ADAL" clId="{12ED7F48-8A43-43A8-A936-2A9BA398726A}" dt="2023-10-25T07:12:22.240" v="1253" actId="1036"/>
        <pc:sldMkLst>
          <pc:docMk/>
          <pc:sldMk cId="1110366352" sldId="2147476512"/>
        </pc:sldMkLst>
        <pc:spChg chg="add mod">
          <ac:chgData name="Sara Mastrorosa" userId="d159c406-3740-4568-9f4d-6092b2495d2a" providerId="ADAL" clId="{12ED7F48-8A43-43A8-A936-2A9BA398726A}" dt="2023-10-25T07:12:22.240" v="1253" actId="1036"/>
          <ac:spMkLst>
            <pc:docMk/>
            <pc:sldMk cId="1110366352" sldId="2147476512"/>
            <ac:spMk id="7" creationId="{70E4ECCD-BF80-BACA-2850-C270AA0210C3}"/>
          </ac:spMkLst>
        </pc:spChg>
        <pc:spChg chg="del">
          <ac:chgData name="Sara Mastrorosa" userId="d159c406-3740-4568-9f4d-6092b2495d2a" providerId="ADAL" clId="{12ED7F48-8A43-43A8-A936-2A9BA398726A}" dt="2023-10-25T06:38:48.733" v="880" actId="478"/>
          <ac:spMkLst>
            <pc:docMk/>
            <pc:sldMk cId="1110366352" sldId="2147476512"/>
            <ac:spMk id="8" creationId="{5C550C6D-7D06-4DF6-D65B-93A234DF98DE}"/>
          </ac:spMkLst>
        </pc:spChg>
        <pc:spChg chg="del">
          <ac:chgData name="Sara Mastrorosa" userId="d159c406-3740-4568-9f4d-6092b2495d2a" providerId="ADAL" clId="{12ED7F48-8A43-43A8-A936-2A9BA398726A}" dt="2023-10-25T06:38:50.643" v="881" actId="478"/>
          <ac:spMkLst>
            <pc:docMk/>
            <pc:sldMk cId="1110366352" sldId="2147476512"/>
            <ac:spMk id="9" creationId="{1632AE36-8428-3D83-7E47-FC610DB7B320}"/>
          </ac:spMkLst>
        </pc:spChg>
        <pc:spChg chg="del">
          <ac:chgData name="Sara Mastrorosa" userId="d159c406-3740-4568-9f4d-6092b2495d2a" providerId="ADAL" clId="{12ED7F48-8A43-43A8-A936-2A9BA398726A}" dt="2023-10-25T06:38:55.185" v="882" actId="478"/>
          <ac:spMkLst>
            <pc:docMk/>
            <pc:sldMk cId="1110366352" sldId="2147476512"/>
            <ac:spMk id="10" creationId="{1BAB393D-C101-918B-0AD6-2164ECA5DB98}"/>
          </ac:spMkLst>
        </pc:spChg>
        <pc:spChg chg="del">
          <ac:chgData name="Sara Mastrorosa" userId="d159c406-3740-4568-9f4d-6092b2495d2a" providerId="ADAL" clId="{12ED7F48-8A43-43A8-A936-2A9BA398726A}" dt="2023-10-25T06:39:52.470" v="895" actId="478"/>
          <ac:spMkLst>
            <pc:docMk/>
            <pc:sldMk cId="1110366352" sldId="2147476512"/>
            <ac:spMk id="11" creationId="{E5EC500E-0D6F-65E0-E5CE-2E19C34C2982}"/>
          </ac:spMkLst>
        </pc:spChg>
        <pc:spChg chg="del">
          <ac:chgData name="Sara Mastrorosa" userId="d159c406-3740-4568-9f4d-6092b2495d2a" providerId="ADAL" clId="{12ED7F48-8A43-43A8-A936-2A9BA398726A}" dt="2023-10-25T06:39:56.440" v="896" actId="478"/>
          <ac:spMkLst>
            <pc:docMk/>
            <pc:sldMk cId="1110366352" sldId="2147476512"/>
            <ac:spMk id="12" creationId="{952831A2-76B6-DF02-C7DD-1A18D6D1CA6D}"/>
          </ac:spMkLst>
        </pc:spChg>
        <pc:spChg chg="del">
          <ac:chgData name="Sara Mastrorosa" userId="d159c406-3740-4568-9f4d-6092b2495d2a" providerId="ADAL" clId="{12ED7F48-8A43-43A8-A936-2A9BA398726A}" dt="2023-10-25T06:39:00.857" v="884" actId="478"/>
          <ac:spMkLst>
            <pc:docMk/>
            <pc:sldMk cId="1110366352" sldId="2147476512"/>
            <ac:spMk id="13" creationId="{116F0759-B4B3-F684-65AE-8AB472CEFE3E}"/>
          </ac:spMkLst>
        </pc:spChg>
        <pc:spChg chg="del">
          <ac:chgData name="Sara Mastrorosa" userId="d159c406-3740-4568-9f4d-6092b2495d2a" providerId="ADAL" clId="{12ED7F48-8A43-43A8-A936-2A9BA398726A}" dt="2023-10-25T06:39:02.614" v="885" actId="478"/>
          <ac:spMkLst>
            <pc:docMk/>
            <pc:sldMk cId="1110366352" sldId="2147476512"/>
            <ac:spMk id="14" creationId="{60FE5A6E-4147-FCBC-A2FA-AB4F9D306D8A}"/>
          </ac:spMkLst>
        </pc:spChg>
        <pc:spChg chg="del">
          <ac:chgData name="Sara Mastrorosa" userId="d159c406-3740-4568-9f4d-6092b2495d2a" providerId="ADAL" clId="{12ED7F48-8A43-43A8-A936-2A9BA398726A}" dt="2023-10-25T06:39:59.024" v="897" actId="478"/>
          <ac:spMkLst>
            <pc:docMk/>
            <pc:sldMk cId="1110366352" sldId="2147476512"/>
            <ac:spMk id="16" creationId="{1D9F516C-B5A8-6090-F0E0-828E2373AF07}"/>
          </ac:spMkLst>
        </pc:spChg>
        <pc:spChg chg="del">
          <ac:chgData name="Sara Mastrorosa" userId="d159c406-3740-4568-9f4d-6092b2495d2a" providerId="ADAL" clId="{12ED7F48-8A43-43A8-A936-2A9BA398726A}" dt="2023-10-25T06:38:58.231" v="883" actId="478"/>
          <ac:spMkLst>
            <pc:docMk/>
            <pc:sldMk cId="1110366352" sldId="2147476512"/>
            <ac:spMk id="17" creationId="{791C4493-FFF1-33AF-1D36-60EA72072A5A}"/>
          </ac:spMkLst>
        </pc:spChg>
        <pc:spChg chg="del">
          <ac:chgData name="Sara Mastrorosa" userId="d159c406-3740-4568-9f4d-6092b2495d2a" providerId="ADAL" clId="{12ED7F48-8A43-43A8-A936-2A9BA398726A}" dt="2023-10-25T06:35:11.162" v="821" actId="478"/>
          <ac:spMkLst>
            <pc:docMk/>
            <pc:sldMk cId="1110366352" sldId="2147476512"/>
            <ac:spMk id="18" creationId="{304EBD68-979E-4FB3-4F72-717E61F775C5}"/>
          </ac:spMkLst>
        </pc:spChg>
        <pc:spChg chg="del">
          <ac:chgData name="Sara Mastrorosa" userId="d159c406-3740-4568-9f4d-6092b2495d2a" providerId="ADAL" clId="{12ED7F48-8A43-43A8-A936-2A9BA398726A}" dt="2023-10-25T06:35:06.165" v="820" actId="478"/>
          <ac:spMkLst>
            <pc:docMk/>
            <pc:sldMk cId="1110366352" sldId="2147476512"/>
            <ac:spMk id="20" creationId="{A40534B3-C76E-CEDE-D43F-9C0BB81686B8}"/>
          </ac:spMkLst>
        </pc:spChg>
        <pc:spChg chg="add mod">
          <ac:chgData name="Sara Mastrorosa" userId="d159c406-3740-4568-9f4d-6092b2495d2a" providerId="ADAL" clId="{12ED7F48-8A43-43A8-A936-2A9BA398726A}" dt="2023-10-25T07:12:22.240" v="1253" actId="1036"/>
          <ac:spMkLst>
            <pc:docMk/>
            <pc:sldMk cId="1110366352" sldId="2147476512"/>
            <ac:spMk id="21" creationId="{26E6891B-F6B4-E712-5C98-58310F5138E6}"/>
          </ac:spMkLst>
        </pc:spChg>
        <pc:spChg chg="add mod">
          <ac:chgData name="Sara Mastrorosa" userId="d159c406-3740-4568-9f4d-6092b2495d2a" providerId="ADAL" clId="{12ED7F48-8A43-43A8-A936-2A9BA398726A}" dt="2023-10-25T07:12:22.240" v="1253" actId="1036"/>
          <ac:spMkLst>
            <pc:docMk/>
            <pc:sldMk cId="1110366352" sldId="2147476512"/>
            <ac:spMk id="22" creationId="{7A500007-1E73-87CE-A091-3C161F34D837}"/>
          </ac:spMkLst>
        </pc:spChg>
        <pc:spChg chg="del">
          <ac:chgData name="Sara Mastrorosa" userId="d159c406-3740-4568-9f4d-6092b2495d2a" providerId="ADAL" clId="{12ED7F48-8A43-43A8-A936-2A9BA398726A}" dt="2023-10-25T06:35:00.172" v="819" actId="478"/>
          <ac:spMkLst>
            <pc:docMk/>
            <pc:sldMk cId="1110366352" sldId="2147476512"/>
            <ac:spMk id="24" creationId="{52BDF0FE-EA01-938C-5AA2-F99939684371}"/>
          </ac:spMkLst>
        </pc:spChg>
        <pc:spChg chg="add mod">
          <ac:chgData name="Sara Mastrorosa" userId="d159c406-3740-4568-9f4d-6092b2495d2a" providerId="ADAL" clId="{12ED7F48-8A43-43A8-A936-2A9BA398726A}" dt="2023-10-25T07:12:22.240" v="1253" actId="1036"/>
          <ac:spMkLst>
            <pc:docMk/>
            <pc:sldMk cId="1110366352" sldId="2147476512"/>
            <ac:spMk id="25" creationId="{F672294D-C5E1-1C55-A569-BA7F2C92EFF5}"/>
          </ac:spMkLst>
        </pc:spChg>
        <pc:spChg chg="del">
          <ac:chgData name="Sara Mastrorosa" userId="d159c406-3740-4568-9f4d-6092b2495d2a" providerId="ADAL" clId="{12ED7F48-8A43-43A8-A936-2A9BA398726A}" dt="2023-10-25T06:34:57.426" v="818" actId="478"/>
          <ac:spMkLst>
            <pc:docMk/>
            <pc:sldMk cId="1110366352" sldId="2147476512"/>
            <ac:spMk id="26" creationId="{43103BEE-DCE7-F82D-BA14-A2BB1C17D4E7}"/>
          </ac:spMkLst>
        </pc:spChg>
        <pc:spChg chg="add mod">
          <ac:chgData name="Sara Mastrorosa" userId="d159c406-3740-4568-9f4d-6092b2495d2a" providerId="ADAL" clId="{12ED7F48-8A43-43A8-A936-2A9BA398726A}" dt="2023-10-25T07:12:22.240" v="1253" actId="1036"/>
          <ac:spMkLst>
            <pc:docMk/>
            <pc:sldMk cId="1110366352" sldId="2147476512"/>
            <ac:spMk id="27" creationId="{9DE4CEA8-14CB-C545-4066-612052EE9DE4}"/>
          </ac:spMkLst>
        </pc:spChg>
        <pc:spChg chg="del">
          <ac:chgData name="Sara Mastrorosa" userId="d159c406-3740-4568-9f4d-6092b2495d2a" providerId="ADAL" clId="{12ED7F48-8A43-43A8-A936-2A9BA398726A}" dt="2023-10-25T06:34:48.414" v="815" actId="478"/>
          <ac:spMkLst>
            <pc:docMk/>
            <pc:sldMk cId="1110366352" sldId="2147476512"/>
            <ac:spMk id="28" creationId="{84A9E8E3-EBBF-BA57-B1A7-CB264A2ECB5E}"/>
          </ac:spMkLst>
        </pc:spChg>
        <pc:spChg chg="del">
          <ac:chgData name="Sara Mastrorosa" userId="d159c406-3740-4568-9f4d-6092b2495d2a" providerId="ADAL" clId="{12ED7F48-8A43-43A8-A936-2A9BA398726A}" dt="2023-10-25T06:34:54.045" v="817" actId="478"/>
          <ac:spMkLst>
            <pc:docMk/>
            <pc:sldMk cId="1110366352" sldId="2147476512"/>
            <ac:spMk id="29" creationId="{AE7DE209-8519-0EFC-A363-E3D6B22D53D1}"/>
          </ac:spMkLst>
        </pc:spChg>
        <pc:spChg chg="del">
          <ac:chgData name="Sara Mastrorosa" userId="d159c406-3740-4568-9f4d-6092b2495d2a" providerId="ADAL" clId="{12ED7F48-8A43-43A8-A936-2A9BA398726A}" dt="2023-10-25T06:37:00.069" v="856" actId="478"/>
          <ac:spMkLst>
            <pc:docMk/>
            <pc:sldMk cId="1110366352" sldId="2147476512"/>
            <ac:spMk id="30" creationId="{9943A313-3EEE-00CF-1A6D-1F672B98EDBF}"/>
          </ac:spMkLst>
        </pc:spChg>
        <pc:spChg chg="del">
          <ac:chgData name="Sara Mastrorosa" userId="d159c406-3740-4568-9f4d-6092b2495d2a" providerId="ADAL" clId="{12ED7F48-8A43-43A8-A936-2A9BA398726A}" dt="2023-10-25T06:37:10.014" v="857" actId="478"/>
          <ac:spMkLst>
            <pc:docMk/>
            <pc:sldMk cId="1110366352" sldId="2147476512"/>
            <ac:spMk id="31" creationId="{106ADF83-53A6-F6C1-16B4-5E5AC1F704AA}"/>
          </ac:spMkLst>
        </pc:spChg>
        <pc:spChg chg="add mod">
          <ac:chgData name="Sara Mastrorosa" userId="d159c406-3740-4568-9f4d-6092b2495d2a" providerId="ADAL" clId="{12ED7F48-8A43-43A8-A936-2A9BA398726A}" dt="2023-10-25T07:12:22.240" v="1253" actId="1036"/>
          <ac:spMkLst>
            <pc:docMk/>
            <pc:sldMk cId="1110366352" sldId="2147476512"/>
            <ac:spMk id="33" creationId="{DF193F12-ADFD-42F3-6751-7E63E6507841}"/>
          </ac:spMkLst>
        </pc:spChg>
        <pc:spChg chg="add mod">
          <ac:chgData name="Sara Mastrorosa" userId="d159c406-3740-4568-9f4d-6092b2495d2a" providerId="ADAL" clId="{12ED7F48-8A43-43A8-A936-2A9BA398726A}" dt="2023-10-25T07:12:22.240" v="1253" actId="1036"/>
          <ac:spMkLst>
            <pc:docMk/>
            <pc:sldMk cId="1110366352" sldId="2147476512"/>
            <ac:spMk id="34" creationId="{F28E670B-E08E-EACF-CEAC-837E325D11D4}"/>
          </ac:spMkLst>
        </pc:spChg>
        <pc:spChg chg="add del mod">
          <ac:chgData name="Sara Mastrorosa" userId="d159c406-3740-4568-9f4d-6092b2495d2a" providerId="ADAL" clId="{12ED7F48-8A43-43A8-A936-2A9BA398726A}" dt="2023-10-25T06:50:37.109" v="937" actId="478"/>
          <ac:spMkLst>
            <pc:docMk/>
            <pc:sldMk cId="1110366352" sldId="2147476512"/>
            <ac:spMk id="36" creationId="{56AD1FED-3064-B957-F584-602108988150}"/>
          </ac:spMkLst>
        </pc:spChg>
        <pc:spChg chg="add mod">
          <ac:chgData name="Sara Mastrorosa" userId="d159c406-3740-4568-9f4d-6092b2495d2a" providerId="ADAL" clId="{12ED7F48-8A43-43A8-A936-2A9BA398726A}" dt="2023-10-25T07:12:22.240" v="1253" actId="1036"/>
          <ac:spMkLst>
            <pc:docMk/>
            <pc:sldMk cId="1110366352" sldId="2147476512"/>
            <ac:spMk id="38" creationId="{52519BF9-7E03-28AF-E02F-7BBE74B52FCE}"/>
          </ac:spMkLst>
        </pc:spChg>
        <pc:spChg chg="add mod">
          <ac:chgData name="Sara Mastrorosa" userId="d159c406-3740-4568-9f4d-6092b2495d2a" providerId="ADAL" clId="{12ED7F48-8A43-43A8-A936-2A9BA398726A}" dt="2023-10-25T07:12:22.240" v="1253" actId="1036"/>
          <ac:spMkLst>
            <pc:docMk/>
            <pc:sldMk cId="1110366352" sldId="2147476512"/>
            <ac:spMk id="40" creationId="{9C65DDF0-DA7A-77E3-25B5-4E0995E77878}"/>
          </ac:spMkLst>
        </pc:spChg>
        <pc:spChg chg="add mod">
          <ac:chgData name="Sara Mastrorosa" userId="d159c406-3740-4568-9f4d-6092b2495d2a" providerId="ADAL" clId="{12ED7F48-8A43-43A8-A936-2A9BA398726A}" dt="2023-10-25T07:12:22.240" v="1253" actId="1036"/>
          <ac:spMkLst>
            <pc:docMk/>
            <pc:sldMk cId="1110366352" sldId="2147476512"/>
            <ac:spMk id="41" creationId="{89794C9E-9B51-AF0B-4154-E06BF83B0384}"/>
          </ac:spMkLst>
        </pc:spChg>
        <pc:spChg chg="del">
          <ac:chgData name="Sara Mastrorosa" userId="d159c406-3740-4568-9f4d-6092b2495d2a" providerId="ADAL" clId="{12ED7F48-8A43-43A8-A936-2A9BA398726A}" dt="2023-10-25T06:36:31.359" v="849" actId="478"/>
          <ac:spMkLst>
            <pc:docMk/>
            <pc:sldMk cId="1110366352" sldId="2147476512"/>
            <ac:spMk id="42" creationId="{B451AD0F-257D-725C-0CCD-AABA75A138D0}"/>
          </ac:spMkLst>
        </pc:spChg>
        <pc:spChg chg="del">
          <ac:chgData name="Sara Mastrorosa" userId="d159c406-3740-4568-9f4d-6092b2495d2a" providerId="ADAL" clId="{12ED7F48-8A43-43A8-A936-2A9BA398726A}" dt="2023-10-25T06:36:37.287" v="850" actId="478"/>
          <ac:spMkLst>
            <pc:docMk/>
            <pc:sldMk cId="1110366352" sldId="2147476512"/>
            <ac:spMk id="55" creationId="{7DDB88A8-6E59-8D33-CACF-9212C81D38FD}"/>
          </ac:spMkLst>
        </pc:spChg>
        <pc:spChg chg="del">
          <ac:chgData name="Sara Mastrorosa" userId="d159c406-3740-4568-9f4d-6092b2495d2a" providerId="ADAL" clId="{12ED7F48-8A43-43A8-A936-2A9BA398726A}" dt="2023-10-25T06:35:58.516" v="835" actId="478"/>
          <ac:spMkLst>
            <pc:docMk/>
            <pc:sldMk cId="1110366352" sldId="2147476512"/>
            <ac:spMk id="60" creationId="{9369D9AD-621F-5AFF-C489-D03282C23101}"/>
          </ac:spMkLst>
        </pc:spChg>
        <pc:spChg chg="del">
          <ac:chgData name="Sara Mastrorosa" userId="d159c406-3740-4568-9f4d-6092b2495d2a" providerId="ADAL" clId="{12ED7F48-8A43-43A8-A936-2A9BA398726A}" dt="2023-10-25T06:36:07.444" v="838" actId="478"/>
          <ac:spMkLst>
            <pc:docMk/>
            <pc:sldMk cId="1110366352" sldId="2147476512"/>
            <ac:spMk id="70" creationId="{60EA81C1-A811-F207-ED37-3F5E0CB609E8}"/>
          </ac:spMkLst>
        </pc:spChg>
        <pc:spChg chg="del">
          <ac:chgData name="Sara Mastrorosa" userId="d159c406-3740-4568-9f4d-6092b2495d2a" providerId="ADAL" clId="{12ED7F48-8A43-43A8-A936-2A9BA398726A}" dt="2023-10-25T06:36:05.967" v="837" actId="478"/>
          <ac:spMkLst>
            <pc:docMk/>
            <pc:sldMk cId="1110366352" sldId="2147476512"/>
            <ac:spMk id="71" creationId="{B8147A46-FE81-D5EF-2EDC-24494D0B9AB2}"/>
          </ac:spMkLst>
        </pc:spChg>
        <pc:spChg chg="del">
          <ac:chgData name="Sara Mastrorosa" userId="d159c406-3740-4568-9f4d-6092b2495d2a" providerId="ADAL" clId="{12ED7F48-8A43-43A8-A936-2A9BA398726A}" dt="2023-10-25T06:36:04.379" v="836" actId="478"/>
          <ac:spMkLst>
            <pc:docMk/>
            <pc:sldMk cId="1110366352" sldId="2147476512"/>
            <ac:spMk id="72" creationId="{3508EB46-88EC-B292-AE67-CC6B4378C901}"/>
          </ac:spMkLst>
        </pc:spChg>
        <pc:spChg chg="del">
          <ac:chgData name="Sara Mastrorosa" userId="d159c406-3740-4568-9f4d-6092b2495d2a" providerId="ADAL" clId="{12ED7F48-8A43-43A8-A936-2A9BA398726A}" dt="2023-10-25T06:38:46.477" v="879" actId="478"/>
          <ac:spMkLst>
            <pc:docMk/>
            <pc:sldMk cId="1110366352" sldId="2147476512"/>
            <ac:spMk id="82" creationId="{776745CD-CA77-1A4B-BBE6-94E236D97C9A}"/>
          </ac:spMkLst>
        </pc:spChg>
        <pc:spChg chg="del">
          <ac:chgData name="Sara Mastrorosa" userId="d159c406-3740-4568-9f4d-6092b2495d2a" providerId="ADAL" clId="{12ED7F48-8A43-43A8-A936-2A9BA398726A}" dt="2023-10-25T06:38:44.571" v="878" actId="478"/>
          <ac:spMkLst>
            <pc:docMk/>
            <pc:sldMk cId="1110366352" sldId="2147476512"/>
            <ac:spMk id="83" creationId="{43AC3BE3-0511-9A00-1200-6A89F9DBF937}"/>
          </ac:spMkLst>
        </pc:spChg>
        <pc:spChg chg="del">
          <ac:chgData name="Sara Mastrorosa" userId="d159c406-3740-4568-9f4d-6092b2495d2a" providerId="ADAL" clId="{12ED7F48-8A43-43A8-A936-2A9BA398726A}" dt="2023-10-25T06:38:42.514" v="877" actId="478"/>
          <ac:spMkLst>
            <pc:docMk/>
            <pc:sldMk cId="1110366352" sldId="2147476512"/>
            <ac:spMk id="84" creationId="{A6301EEF-BF11-8B6B-698C-113E60274313}"/>
          </ac:spMkLst>
        </pc:spChg>
        <pc:spChg chg="del">
          <ac:chgData name="Sara Mastrorosa" userId="d159c406-3740-4568-9f4d-6092b2495d2a" providerId="ADAL" clId="{12ED7F48-8A43-43A8-A936-2A9BA398726A}" dt="2023-10-25T06:38:40.444" v="876" actId="478"/>
          <ac:spMkLst>
            <pc:docMk/>
            <pc:sldMk cId="1110366352" sldId="2147476512"/>
            <ac:spMk id="85" creationId="{1152C518-68AD-E1DA-4D05-6794E8818316}"/>
          </ac:spMkLst>
        </pc:spChg>
        <pc:spChg chg="del">
          <ac:chgData name="Sara Mastrorosa" userId="d159c406-3740-4568-9f4d-6092b2495d2a" providerId="ADAL" clId="{12ED7F48-8A43-43A8-A936-2A9BA398726A}" dt="2023-10-25T06:37:26.872" v="863" actId="478"/>
          <ac:spMkLst>
            <pc:docMk/>
            <pc:sldMk cId="1110366352" sldId="2147476512"/>
            <ac:spMk id="86" creationId="{34A31DC6-4CDB-8FC3-0A82-721040199565}"/>
          </ac:spMkLst>
        </pc:spChg>
        <pc:spChg chg="del">
          <ac:chgData name="Sara Mastrorosa" userId="d159c406-3740-4568-9f4d-6092b2495d2a" providerId="ADAL" clId="{12ED7F48-8A43-43A8-A936-2A9BA398726A}" dt="2023-10-25T06:37:24.890" v="862" actId="478"/>
          <ac:spMkLst>
            <pc:docMk/>
            <pc:sldMk cId="1110366352" sldId="2147476512"/>
            <ac:spMk id="87" creationId="{7135CF0F-EADB-A60C-324A-58CB4F42783F}"/>
          </ac:spMkLst>
        </pc:spChg>
        <pc:spChg chg="del">
          <ac:chgData name="Sara Mastrorosa" userId="d159c406-3740-4568-9f4d-6092b2495d2a" providerId="ADAL" clId="{12ED7F48-8A43-43A8-A936-2A9BA398726A}" dt="2023-10-25T06:37:22.963" v="861" actId="478"/>
          <ac:spMkLst>
            <pc:docMk/>
            <pc:sldMk cId="1110366352" sldId="2147476512"/>
            <ac:spMk id="88" creationId="{FAEB6007-AEC3-C57A-7487-516B364B41BD}"/>
          </ac:spMkLst>
        </pc:spChg>
        <pc:spChg chg="del">
          <ac:chgData name="Sara Mastrorosa" userId="d159c406-3740-4568-9f4d-6092b2495d2a" providerId="ADAL" clId="{12ED7F48-8A43-43A8-A936-2A9BA398726A}" dt="2023-10-25T06:37:21.599" v="860" actId="478"/>
          <ac:spMkLst>
            <pc:docMk/>
            <pc:sldMk cId="1110366352" sldId="2147476512"/>
            <ac:spMk id="89" creationId="{6E10CE8C-3C52-E210-7939-D795EB07D7F6}"/>
          </ac:spMkLst>
        </pc:spChg>
        <pc:spChg chg="del">
          <ac:chgData name="Sara Mastrorosa" userId="d159c406-3740-4568-9f4d-6092b2495d2a" providerId="ADAL" clId="{12ED7F48-8A43-43A8-A936-2A9BA398726A}" dt="2023-10-25T06:39:42.346" v="894" actId="478"/>
          <ac:spMkLst>
            <pc:docMk/>
            <pc:sldMk cId="1110366352" sldId="2147476512"/>
            <ac:spMk id="90" creationId="{69758773-7A76-B064-1A54-55D4A2219E67}"/>
          </ac:spMkLst>
        </pc:spChg>
        <pc:spChg chg="del">
          <ac:chgData name="Sara Mastrorosa" userId="d159c406-3740-4568-9f4d-6092b2495d2a" providerId="ADAL" clId="{12ED7F48-8A43-43A8-A936-2A9BA398726A}" dt="2023-10-25T06:37:31.359" v="865" actId="478"/>
          <ac:spMkLst>
            <pc:docMk/>
            <pc:sldMk cId="1110366352" sldId="2147476512"/>
            <ac:spMk id="91" creationId="{E1A9D925-8CB7-370D-0202-EA38DB00B49B}"/>
          </ac:spMkLst>
        </pc:spChg>
        <pc:spChg chg="del">
          <ac:chgData name="Sara Mastrorosa" userId="d159c406-3740-4568-9f4d-6092b2495d2a" providerId="ADAL" clId="{12ED7F48-8A43-43A8-A936-2A9BA398726A}" dt="2023-10-25T06:39:39.840" v="893" actId="478"/>
          <ac:spMkLst>
            <pc:docMk/>
            <pc:sldMk cId="1110366352" sldId="2147476512"/>
            <ac:spMk id="92" creationId="{101C3152-456A-F283-CF76-9AF7F55AC2B9}"/>
          </ac:spMkLst>
        </pc:spChg>
        <pc:spChg chg="del">
          <ac:chgData name="Sara Mastrorosa" userId="d159c406-3740-4568-9f4d-6092b2495d2a" providerId="ADAL" clId="{12ED7F48-8A43-43A8-A936-2A9BA398726A}" dt="2023-10-25T06:37:29.624" v="864" actId="478"/>
          <ac:spMkLst>
            <pc:docMk/>
            <pc:sldMk cId="1110366352" sldId="2147476512"/>
            <ac:spMk id="93" creationId="{BB899B94-8DEB-DF60-826A-B739EF1FA20A}"/>
          </ac:spMkLst>
        </pc:spChg>
        <pc:spChg chg="del">
          <ac:chgData name="Sara Mastrorosa" userId="d159c406-3740-4568-9f4d-6092b2495d2a" providerId="ADAL" clId="{12ED7F48-8A43-43A8-A936-2A9BA398726A}" dt="2023-10-25T06:37:43.280" v="869" actId="478"/>
          <ac:spMkLst>
            <pc:docMk/>
            <pc:sldMk cId="1110366352" sldId="2147476512"/>
            <ac:spMk id="94" creationId="{75E61E9C-9002-AD2E-F535-6469B468FD51}"/>
          </ac:spMkLst>
        </pc:spChg>
        <pc:spChg chg="del">
          <ac:chgData name="Sara Mastrorosa" userId="d159c406-3740-4568-9f4d-6092b2495d2a" providerId="ADAL" clId="{12ED7F48-8A43-43A8-A936-2A9BA398726A}" dt="2023-10-25T06:37:40.927" v="868" actId="478"/>
          <ac:spMkLst>
            <pc:docMk/>
            <pc:sldMk cId="1110366352" sldId="2147476512"/>
            <ac:spMk id="95" creationId="{B3F90B3A-0AAC-84EC-6868-776777AE3BBF}"/>
          </ac:spMkLst>
        </pc:spChg>
        <pc:spChg chg="del">
          <ac:chgData name="Sara Mastrorosa" userId="d159c406-3740-4568-9f4d-6092b2495d2a" providerId="ADAL" clId="{12ED7F48-8A43-43A8-A936-2A9BA398726A}" dt="2023-10-25T06:37:38.824" v="867" actId="478"/>
          <ac:spMkLst>
            <pc:docMk/>
            <pc:sldMk cId="1110366352" sldId="2147476512"/>
            <ac:spMk id="96" creationId="{1C3537D6-CB07-FFB5-BC0F-35197F171029}"/>
          </ac:spMkLst>
        </pc:spChg>
        <pc:spChg chg="del">
          <ac:chgData name="Sara Mastrorosa" userId="d159c406-3740-4568-9f4d-6092b2495d2a" providerId="ADAL" clId="{12ED7F48-8A43-43A8-A936-2A9BA398726A}" dt="2023-10-25T06:37:36.749" v="866" actId="478"/>
          <ac:spMkLst>
            <pc:docMk/>
            <pc:sldMk cId="1110366352" sldId="2147476512"/>
            <ac:spMk id="97" creationId="{7B30ED19-380A-795C-7C26-FF363613E48D}"/>
          </ac:spMkLst>
        </pc:spChg>
        <pc:spChg chg="del">
          <ac:chgData name="Sara Mastrorosa" userId="d159c406-3740-4568-9f4d-6092b2495d2a" providerId="ADAL" clId="{12ED7F48-8A43-43A8-A936-2A9BA398726A}" dt="2023-10-25T06:39:31.213" v="891" actId="478"/>
          <ac:spMkLst>
            <pc:docMk/>
            <pc:sldMk cId="1110366352" sldId="2147476512"/>
            <ac:spMk id="98" creationId="{402ABF24-766D-3884-4D62-E306B580C87F}"/>
          </ac:spMkLst>
        </pc:spChg>
        <pc:spChg chg="del">
          <ac:chgData name="Sara Mastrorosa" userId="d159c406-3740-4568-9f4d-6092b2495d2a" providerId="ADAL" clId="{12ED7F48-8A43-43A8-A936-2A9BA398726A}" dt="2023-10-25T06:36:56.251" v="855" actId="478"/>
          <ac:spMkLst>
            <pc:docMk/>
            <pc:sldMk cId="1110366352" sldId="2147476512"/>
            <ac:spMk id="99" creationId="{6705EDB2-E7C3-FEB7-5236-31C201E43A8E}"/>
          </ac:spMkLst>
        </pc:spChg>
        <pc:spChg chg="del">
          <ac:chgData name="Sara Mastrorosa" userId="d159c406-3740-4568-9f4d-6092b2495d2a" providerId="ADAL" clId="{12ED7F48-8A43-43A8-A936-2A9BA398726A}" dt="2023-10-25T06:39:29.194" v="890" actId="478"/>
          <ac:spMkLst>
            <pc:docMk/>
            <pc:sldMk cId="1110366352" sldId="2147476512"/>
            <ac:spMk id="100" creationId="{028F8C2A-5306-A60C-F82B-4AAF802F1116}"/>
          </ac:spMkLst>
        </pc:spChg>
        <pc:spChg chg="del">
          <ac:chgData name="Sara Mastrorosa" userId="d159c406-3740-4568-9f4d-6092b2495d2a" providerId="ADAL" clId="{12ED7F48-8A43-43A8-A936-2A9BA398726A}" dt="2023-10-25T06:36:54.161" v="854" actId="478"/>
          <ac:spMkLst>
            <pc:docMk/>
            <pc:sldMk cId="1110366352" sldId="2147476512"/>
            <ac:spMk id="101" creationId="{AA22733D-2DBB-4C7D-DA18-2DBB10E15ECC}"/>
          </ac:spMkLst>
        </pc:spChg>
        <pc:spChg chg="del">
          <ac:chgData name="Sara Mastrorosa" userId="d159c406-3740-4568-9f4d-6092b2495d2a" providerId="ADAL" clId="{12ED7F48-8A43-43A8-A936-2A9BA398726A}" dt="2023-10-25T06:39:26.036" v="889" actId="478"/>
          <ac:spMkLst>
            <pc:docMk/>
            <pc:sldMk cId="1110366352" sldId="2147476512"/>
            <ac:spMk id="102" creationId="{649AB376-95D5-A084-CD9B-BC41E3166E24}"/>
          </ac:spMkLst>
        </pc:spChg>
        <pc:spChg chg="del">
          <ac:chgData name="Sara Mastrorosa" userId="d159c406-3740-4568-9f4d-6092b2495d2a" providerId="ADAL" clId="{12ED7F48-8A43-43A8-A936-2A9BA398726A}" dt="2023-10-25T06:39:24.253" v="888" actId="478"/>
          <ac:spMkLst>
            <pc:docMk/>
            <pc:sldMk cId="1110366352" sldId="2147476512"/>
            <ac:spMk id="104" creationId="{B18F0DA8-0EC2-6A55-4B0D-C01184264110}"/>
          </ac:spMkLst>
        </pc:spChg>
        <pc:spChg chg="del">
          <ac:chgData name="Sara Mastrorosa" userId="d159c406-3740-4568-9f4d-6092b2495d2a" providerId="ADAL" clId="{12ED7F48-8A43-43A8-A936-2A9BA398726A}" dt="2023-10-25T06:39:08.016" v="887" actId="478"/>
          <ac:spMkLst>
            <pc:docMk/>
            <pc:sldMk cId="1110366352" sldId="2147476512"/>
            <ac:spMk id="106" creationId="{7CE9F474-A656-1711-AF58-E88DC9210B49}"/>
          </ac:spMkLst>
        </pc:spChg>
        <pc:spChg chg="del">
          <ac:chgData name="Sara Mastrorosa" userId="d159c406-3740-4568-9f4d-6092b2495d2a" providerId="ADAL" clId="{12ED7F48-8A43-43A8-A936-2A9BA398726A}" dt="2023-10-25T06:36:50.705" v="853" actId="478"/>
          <ac:spMkLst>
            <pc:docMk/>
            <pc:sldMk cId="1110366352" sldId="2147476512"/>
            <ac:spMk id="107" creationId="{201FBE58-ECCD-4653-7039-B60040953E59}"/>
          </ac:spMkLst>
        </pc:spChg>
        <pc:spChg chg="del">
          <ac:chgData name="Sara Mastrorosa" userId="d159c406-3740-4568-9f4d-6092b2495d2a" providerId="ADAL" clId="{12ED7F48-8A43-43A8-A936-2A9BA398726A}" dt="2023-10-25T06:36:48.723" v="852" actId="478"/>
          <ac:spMkLst>
            <pc:docMk/>
            <pc:sldMk cId="1110366352" sldId="2147476512"/>
            <ac:spMk id="108" creationId="{85F0440A-C20D-D27C-B80B-446DCE5D1554}"/>
          </ac:spMkLst>
        </pc:spChg>
        <pc:spChg chg="del">
          <ac:chgData name="Sara Mastrorosa" userId="d159c406-3740-4568-9f4d-6092b2495d2a" providerId="ADAL" clId="{12ED7F48-8A43-43A8-A936-2A9BA398726A}" dt="2023-10-25T06:36:46.337" v="851" actId="478"/>
          <ac:spMkLst>
            <pc:docMk/>
            <pc:sldMk cId="1110366352" sldId="2147476512"/>
            <ac:spMk id="109" creationId="{48724B6B-BA16-C816-88BB-B1501818567B}"/>
          </ac:spMkLst>
        </pc:spChg>
        <pc:spChg chg="del">
          <ac:chgData name="Sara Mastrorosa" userId="d159c406-3740-4568-9f4d-6092b2495d2a" providerId="ADAL" clId="{12ED7F48-8A43-43A8-A936-2A9BA398726A}" dt="2023-10-25T06:39:04.891" v="886" actId="478"/>
          <ac:spMkLst>
            <pc:docMk/>
            <pc:sldMk cId="1110366352" sldId="2147476512"/>
            <ac:spMk id="110" creationId="{0BCE082E-B61B-FA55-FE59-110F9B550B7F}"/>
          </ac:spMkLst>
        </pc:spChg>
        <pc:spChg chg="del">
          <ac:chgData name="Sara Mastrorosa" userId="d159c406-3740-4568-9f4d-6092b2495d2a" providerId="ADAL" clId="{12ED7F48-8A43-43A8-A936-2A9BA398726A}" dt="2023-10-25T06:39:33.490" v="892" actId="478"/>
          <ac:spMkLst>
            <pc:docMk/>
            <pc:sldMk cId="1110366352" sldId="2147476512"/>
            <ac:spMk id="114" creationId="{6FEAE617-E592-7537-DAAB-C09782CF0E8F}"/>
          </ac:spMkLst>
        </pc:spChg>
        <pc:spChg chg="del">
          <ac:chgData name="Sara Mastrorosa" userId="d159c406-3740-4568-9f4d-6092b2495d2a" providerId="ADAL" clId="{12ED7F48-8A43-43A8-A936-2A9BA398726A}" dt="2023-10-25T06:38:06.605" v="874" actId="478"/>
          <ac:spMkLst>
            <pc:docMk/>
            <pc:sldMk cId="1110366352" sldId="2147476512"/>
            <ac:spMk id="115" creationId="{AFC7BF32-E5D5-561C-42D9-9B287C4C1585}"/>
          </ac:spMkLst>
        </pc:spChg>
        <pc:spChg chg="del">
          <ac:chgData name="Sara Mastrorosa" userId="d159c406-3740-4568-9f4d-6092b2495d2a" providerId="ADAL" clId="{12ED7F48-8A43-43A8-A936-2A9BA398726A}" dt="2023-10-25T06:38:09.189" v="875" actId="478"/>
          <ac:spMkLst>
            <pc:docMk/>
            <pc:sldMk cId="1110366352" sldId="2147476512"/>
            <ac:spMk id="116" creationId="{179CA72A-5F80-EF1F-35ED-8F7F27BE825A}"/>
          </ac:spMkLst>
        </pc:spChg>
        <pc:spChg chg="del">
          <ac:chgData name="Sara Mastrorosa" userId="d159c406-3740-4568-9f4d-6092b2495d2a" providerId="ADAL" clId="{12ED7F48-8A43-43A8-A936-2A9BA398726A}" dt="2023-10-25T06:38:01.277" v="873" actId="478"/>
          <ac:spMkLst>
            <pc:docMk/>
            <pc:sldMk cId="1110366352" sldId="2147476512"/>
            <ac:spMk id="117" creationId="{65B02C09-6971-982D-45F9-A70834C66098}"/>
          </ac:spMkLst>
        </pc:spChg>
        <pc:spChg chg="del">
          <ac:chgData name="Sara Mastrorosa" userId="d159c406-3740-4568-9f4d-6092b2495d2a" providerId="ADAL" clId="{12ED7F48-8A43-43A8-A936-2A9BA398726A}" dt="2023-10-25T06:40:31.004" v="902" actId="478"/>
          <ac:spMkLst>
            <pc:docMk/>
            <pc:sldMk cId="1110366352" sldId="2147476512"/>
            <ac:spMk id="118" creationId="{0911DB33-465B-E97E-7282-1090DE40FBDE}"/>
          </ac:spMkLst>
        </pc:spChg>
        <pc:spChg chg="del">
          <ac:chgData name="Sara Mastrorosa" userId="d159c406-3740-4568-9f4d-6092b2495d2a" providerId="ADAL" clId="{12ED7F48-8A43-43A8-A936-2A9BA398726A}" dt="2023-10-25T06:37:58.752" v="872" actId="478"/>
          <ac:spMkLst>
            <pc:docMk/>
            <pc:sldMk cId="1110366352" sldId="2147476512"/>
            <ac:spMk id="119" creationId="{091B01E8-5F7A-678E-729E-863A7F1ACA7D}"/>
          </ac:spMkLst>
        </pc:spChg>
        <pc:spChg chg="del">
          <ac:chgData name="Sara Mastrorosa" userId="d159c406-3740-4568-9f4d-6092b2495d2a" providerId="ADAL" clId="{12ED7F48-8A43-43A8-A936-2A9BA398726A}" dt="2023-10-25T06:37:56.432" v="871" actId="478"/>
          <ac:spMkLst>
            <pc:docMk/>
            <pc:sldMk cId="1110366352" sldId="2147476512"/>
            <ac:spMk id="120" creationId="{ED4AB0C0-59D6-5094-996A-5E9F7778DC33}"/>
          </ac:spMkLst>
        </pc:spChg>
        <pc:spChg chg="del">
          <ac:chgData name="Sara Mastrorosa" userId="d159c406-3740-4568-9f4d-6092b2495d2a" providerId="ADAL" clId="{12ED7F48-8A43-43A8-A936-2A9BA398726A}" dt="2023-10-25T06:37:54.126" v="870" actId="478"/>
          <ac:spMkLst>
            <pc:docMk/>
            <pc:sldMk cId="1110366352" sldId="2147476512"/>
            <ac:spMk id="121" creationId="{8B4912A6-B158-8457-2604-60E904CA374D}"/>
          </ac:spMkLst>
        </pc:spChg>
        <pc:spChg chg="del">
          <ac:chgData name="Sara Mastrorosa" userId="d159c406-3740-4568-9f4d-6092b2495d2a" providerId="ADAL" clId="{12ED7F48-8A43-43A8-A936-2A9BA398726A}" dt="2023-10-25T06:34:19.198" v="804" actId="478"/>
          <ac:spMkLst>
            <pc:docMk/>
            <pc:sldMk cId="1110366352" sldId="2147476512"/>
            <ac:spMk id="146" creationId="{237BA185-8FDF-4D12-4F00-CC620D9C1317}"/>
          </ac:spMkLst>
        </pc:spChg>
        <pc:spChg chg="del">
          <ac:chgData name="Sara Mastrorosa" userId="d159c406-3740-4568-9f4d-6092b2495d2a" providerId="ADAL" clId="{12ED7F48-8A43-43A8-A936-2A9BA398726A}" dt="2023-10-25T06:34:16.529" v="803" actId="478"/>
          <ac:spMkLst>
            <pc:docMk/>
            <pc:sldMk cId="1110366352" sldId="2147476512"/>
            <ac:spMk id="147" creationId="{D3C74254-A6D4-180C-6B50-C1F1BB461D60}"/>
          </ac:spMkLst>
        </pc:spChg>
        <pc:spChg chg="del">
          <ac:chgData name="Sara Mastrorosa" userId="d159c406-3740-4568-9f4d-6092b2495d2a" providerId="ADAL" clId="{12ED7F48-8A43-43A8-A936-2A9BA398726A}" dt="2023-10-25T06:34:14.510" v="802" actId="478"/>
          <ac:spMkLst>
            <pc:docMk/>
            <pc:sldMk cId="1110366352" sldId="2147476512"/>
            <ac:spMk id="148" creationId="{96168E10-6E36-EE18-BA7C-0B44C2FA6785}"/>
          </ac:spMkLst>
        </pc:spChg>
        <pc:spChg chg="del">
          <ac:chgData name="Sara Mastrorosa" userId="d159c406-3740-4568-9f4d-6092b2495d2a" providerId="ADAL" clId="{12ED7F48-8A43-43A8-A936-2A9BA398726A}" dt="2023-10-25T06:34:11.756" v="801" actId="478"/>
          <ac:spMkLst>
            <pc:docMk/>
            <pc:sldMk cId="1110366352" sldId="2147476512"/>
            <ac:spMk id="149" creationId="{F6316F8D-DE9A-9729-C481-D42CF959880E}"/>
          </ac:spMkLst>
        </pc:spChg>
        <pc:spChg chg="del">
          <ac:chgData name="Sara Mastrorosa" userId="d159c406-3740-4568-9f4d-6092b2495d2a" providerId="ADAL" clId="{12ED7F48-8A43-43A8-A936-2A9BA398726A}" dt="2023-10-25T06:34:09.733" v="800" actId="478"/>
          <ac:spMkLst>
            <pc:docMk/>
            <pc:sldMk cId="1110366352" sldId="2147476512"/>
            <ac:spMk id="150" creationId="{E29826AD-6925-BE23-CD83-6F4B6F1F7D26}"/>
          </ac:spMkLst>
        </pc:spChg>
        <pc:spChg chg="del">
          <ac:chgData name="Sara Mastrorosa" userId="d159c406-3740-4568-9f4d-6092b2495d2a" providerId="ADAL" clId="{12ED7F48-8A43-43A8-A936-2A9BA398726A}" dt="2023-10-25T06:34:07.256" v="799" actId="478"/>
          <ac:spMkLst>
            <pc:docMk/>
            <pc:sldMk cId="1110366352" sldId="2147476512"/>
            <ac:spMk id="151" creationId="{9332DBF8-8EEB-32ED-E790-83A7CC644D15}"/>
          </ac:spMkLst>
        </pc:spChg>
        <pc:spChg chg="del">
          <ac:chgData name="Sara Mastrorosa" userId="d159c406-3740-4568-9f4d-6092b2495d2a" providerId="ADAL" clId="{12ED7F48-8A43-43A8-A936-2A9BA398726A}" dt="2023-10-25T06:34:05.207" v="798" actId="478"/>
          <ac:spMkLst>
            <pc:docMk/>
            <pc:sldMk cId="1110366352" sldId="2147476512"/>
            <ac:spMk id="152" creationId="{D5BC7022-EA17-1164-92A3-00BAE69BC907}"/>
          </ac:spMkLst>
        </pc:spChg>
        <pc:spChg chg="del">
          <ac:chgData name="Sara Mastrorosa" userId="d159c406-3740-4568-9f4d-6092b2495d2a" providerId="ADAL" clId="{12ED7F48-8A43-43A8-A936-2A9BA398726A}" dt="2023-10-25T06:34:02.527" v="797" actId="478"/>
          <ac:spMkLst>
            <pc:docMk/>
            <pc:sldMk cId="1110366352" sldId="2147476512"/>
            <ac:spMk id="153" creationId="{EE084F13-BA84-DC04-0FC2-91CC56AC52DC}"/>
          </ac:spMkLst>
        </pc:spChg>
        <pc:spChg chg="del">
          <ac:chgData name="Sara Mastrorosa" userId="d159c406-3740-4568-9f4d-6092b2495d2a" providerId="ADAL" clId="{12ED7F48-8A43-43A8-A936-2A9BA398726A}" dt="2023-10-25T06:34:27.898" v="807" actId="478"/>
          <ac:spMkLst>
            <pc:docMk/>
            <pc:sldMk cId="1110366352" sldId="2147476512"/>
            <ac:spMk id="154" creationId="{F5BDB9CE-139E-67AA-20CE-268AC745C975}"/>
          </ac:spMkLst>
        </pc:spChg>
        <pc:spChg chg="del">
          <ac:chgData name="Sara Mastrorosa" userId="d159c406-3740-4568-9f4d-6092b2495d2a" providerId="ADAL" clId="{12ED7F48-8A43-43A8-A936-2A9BA398726A}" dt="2023-10-25T06:34:22.674" v="805" actId="478"/>
          <ac:spMkLst>
            <pc:docMk/>
            <pc:sldMk cId="1110366352" sldId="2147476512"/>
            <ac:spMk id="155" creationId="{6C240C8E-4803-1C63-E599-99E6047EF5CB}"/>
          </ac:spMkLst>
        </pc:spChg>
        <pc:spChg chg="del">
          <ac:chgData name="Sara Mastrorosa" userId="d159c406-3740-4568-9f4d-6092b2495d2a" providerId="ADAL" clId="{12ED7F48-8A43-43A8-A936-2A9BA398726A}" dt="2023-10-25T06:34:25.626" v="806" actId="478"/>
          <ac:spMkLst>
            <pc:docMk/>
            <pc:sldMk cId="1110366352" sldId="2147476512"/>
            <ac:spMk id="156" creationId="{B7ED2C6B-6D40-CD30-9510-C5D36CD070A5}"/>
          </ac:spMkLst>
        </pc:spChg>
        <pc:spChg chg="add mod">
          <ac:chgData name="Sara Mastrorosa" userId="d159c406-3740-4568-9f4d-6092b2495d2a" providerId="ADAL" clId="{12ED7F48-8A43-43A8-A936-2A9BA398726A}" dt="2023-10-25T07:12:22.240" v="1253" actId="1036"/>
          <ac:spMkLst>
            <pc:docMk/>
            <pc:sldMk cId="1110366352" sldId="2147476512"/>
            <ac:spMk id="157" creationId="{D2BD697F-C72A-EA23-1D4E-21EE5FD00335}"/>
          </ac:spMkLst>
        </pc:spChg>
        <pc:spChg chg="del">
          <ac:chgData name="Sara Mastrorosa" userId="d159c406-3740-4568-9f4d-6092b2495d2a" providerId="ADAL" clId="{12ED7F48-8A43-43A8-A936-2A9BA398726A}" dt="2023-10-25T06:34:32.464" v="809" actId="478"/>
          <ac:spMkLst>
            <pc:docMk/>
            <pc:sldMk cId="1110366352" sldId="2147476512"/>
            <ac:spMk id="158" creationId="{0711E7C4-0224-30DE-DEF9-577C2645947B}"/>
          </ac:spMkLst>
        </pc:spChg>
        <pc:spChg chg="add mod">
          <ac:chgData name="Sara Mastrorosa" userId="d159c406-3740-4568-9f4d-6092b2495d2a" providerId="ADAL" clId="{12ED7F48-8A43-43A8-A936-2A9BA398726A}" dt="2023-10-25T07:12:22.240" v="1253" actId="1036"/>
          <ac:spMkLst>
            <pc:docMk/>
            <pc:sldMk cId="1110366352" sldId="2147476512"/>
            <ac:spMk id="159" creationId="{F66C9CE9-C03F-BA6C-72CF-B891048866DB}"/>
          </ac:spMkLst>
        </pc:spChg>
        <pc:spChg chg="del">
          <ac:chgData name="Sara Mastrorosa" userId="d159c406-3740-4568-9f4d-6092b2495d2a" providerId="ADAL" clId="{12ED7F48-8A43-43A8-A936-2A9BA398726A}" dt="2023-10-25T06:34:30.644" v="808" actId="478"/>
          <ac:spMkLst>
            <pc:docMk/>
            <pc:sldMk cId="1110366352" sldId="2147476512"/>
            <ac:spMk id="160" creationId="{ED22A6DE-E436-DA52-E422-4B7B495759F8}"/>
          </ac:spMkLst>
        </pc:spChg>
        <pc:spChg chg="add mod">
          <ac:chgData name="Sara Mastrorosa" userId="d159c406-3740-4568-9f4d-6092b2495d2a" providerId="ADAL" clId="{12ED7F48-8A43-43A8-A936-2A9BA398726A}" dt="2023-10-25T07:12:22.240" v="1253" actId="1036"/>
          <ac:spMkLst>
            <pc:docMk/>
            <pc:sldMk cId="1110366352" sldId="2147476512"/>
            <ac:spMk id="162" creationId="{A48D69BB-509A-3EA1-C70F-472FC7A88242}"/>
          </ac:spMkLst>
        </pc:spChg>
        <pc:spChg chg="add mod">
          <ac:chgData name="Sara Mastrorosa" userId="d159c406-3740-4568-9f4d-6092b2495d2a" providerId="ADAL" clId="{12ED7F48-8A43-43A8-A936-2A9BA398726A}" dt="2023-10-25T07:12:22.240" v="1253" actId="1036"/>
          <ac:spMkLst>
            <pc:docMk/>
            <pc:sldMk cId="1110366352" sldId="2147476512"/>
            <ac:spMk id="163" creationId="{A2EEC5B1-61C2-511E-A338-B3AA54B2062A}"/>
          </ac:spMkLst>
        </pc:spChg>
        <pc:spChg chg="add mod">
          <ac:chgData name="Sara Mastrorosa" userId="d159c406-3740-4568-9f4d-6092b2495d2a" providerId="ADAL" clId="{12ED7F48-8A43-43A8-A936-2A9BA398726A}" dt="2023-10-25T07:12:22.240" v="1253" actId="1036"/>
          <ac:spMkLst>
            <pc:docMk/>
            <pc:sldMk cId="1110366352" sldId="2147476512"/>
            <ac:spMk id="164" creationId="{2B5CB0FA-8879-2D54-6805-B5AC84C03219}"/>
          </ac:spMkLst>
        </pc:spChg>
        <pc:spChg chg="del">
          <ac:chgData name="Sara Mastrorosa" userId="d159c406-3740-4568-9f4d-6092b2495d2a" providerId="ADAL" clId="{12ED7F48-8A43-43A8-A936-2A9BA398726A}" dt="2023-10-25T06:34:43.018" v="814" actId="478"/>
          <ac:spMkLst>
            <pc:docMk/>
            <pc:sldMk cId="1110366352" sldId="2147476512"/>
            <ac:spMk id="166" creationId="{33FCE488-55AC-BC31-1AC5-FB18EA58C7D4}"/>
          </ac:spMkLst>
        </pc:spChg>
        <pc:spChg chg="del">
          <ac:chgData name="Sara Mastrorosa" userId="d159c406-3740-4568-9f4d-6092b2495d2a" providerId="ADAL" clId="{12ED7F48-8A43-43A8-A936-2A9BA398726A}" dt="2023-10-25T06:34:41.176" v="813" actId="478"/>
          <ac:spMkLst>
            <pc:docMk/>
            <pc:sldMk cId="1110366352" sldId="2147476512"/>
            <ac:spMk id="168" creationId="{718FACB7-CB4A-D489-4F9B-E53509781EF1}"/>
          </ac:spMkLst>
        </pc:spChg>
        <pc:spChg chg="del">
          <ac:chgData name="Sara Mastrorosa" userId="d159c406-3740-4568-9f4d-6092b2495d2a" providerId="ADAL" clId="{12ED7F48-8A43-43A8-A936-2A9BA398726A}" dt="2023-10-25T06:34:51.709" v="816" actId="478"/>
          <ac:spMkLst>
            <pc:docMk/>
            <pc:sldMk cId="1110366352" sldId="2147476512"/>
            <ac:spMk id="170" creationId="{39A867DD-AC84-A367-471D-7C290BA7E7F6}"/>
          </ac:spMkLst>
        </pc:spChg>
        <pc:spChg chg="del">
          <ac:chgData name="Sara Mastrorosa" userId="d159c406-3740-4568-9f4d-6092b2495d2a" providerId="ADAL" clId="{12ED7F48-8A43-43A8-A936-2A9BA398726A}" dt="2023-10-25T06:34:39.171" v="812" actId="478"/>
          <ac:spMkLst>
            <pc:docMk/>
            <pc:sldMk cId="1110366352" sldId="2147476512"/>
            <ac:spMk id="171" creationId="{F4A4D7BC-3C6D-97EA-0DD5-8363EA4F74F6}"/>
          </ac:spMkLst>
        </pc:spChg>
        <pc:spChg chg="del">
          <ac:chgData name="Sara Mastrorosa" userId="d159c406-3740-4568-9f4d-6092b2495d2a" providerId="ADAL" clId="{12ED7F48-8A43-43A8-A936-2A9BA398726A}" dt="2023-10-25T06:34:37.298" v="811" actId="478"/>
          <ac:spMkLst>
            <pc:docMk/>
            <pc:sldMk cId="1110366352" sldId="2147476512"/>
            <ac:spMk id="172" creationId="{3984E8B9-EBFA-7F92-CD66-5F3FE9D8BBB8}"/>
          </ac:spMkLst>
        </pc:spChg>
        <pc:spChg chg="del">
          <ac:chgData name="Sara Mastrorosa" userId="d159c406-3740-4568-9f4d-6092b2495d2a" providerId="ADAL" clId="{12ED7F48-8A43-43A8-A936-2A9BA398726A}" dt="2023-10-25T06:34:34.476" v="810" actId="478"/>
          <ac:spMkLst>
            <pc:docMk/>
            <pc:sldMk cId="1110366352" sldId="2147476512"/>
            <ac:spMk id="173" creationId="{E1AFD517-EC2A-ED76-4EC3-3635703EA2B8}"/>
          </ac:spMkLst>
        </pc:spChg>
        <pc:spChg chg="del">
          <ac:chgData name="Sara Mastrorosa" userId="d159c406-3740-4568-9f4d-6092b2495d2a" providerId="ADAL" clId="{12ED7F48-8A43-43A8-A936-2A9BA398726A}" dt="2023-10-25T06:35:23.314" v="826" actId="478"/>
          <ac:spMkLst>
            <pc:docMk/>
            <pc:sldMk cId="1110366352" sldId="2147476512"/>
            <ac:spMk id="190" creationId="{6A4960A7-256B-1481-9905-20DB298071F6}"/>
          </ac:spMkLst>
        </pc:spChg>
        <pc:spChg chg="add mod">
          <ac:chgData name="Sara Mastrorosa" userId="d159c406-3740-4568-9f4d-6092b2495d2a" providerId="ADAL" clId="{12ED7F48-8A43-43A8-A936-2A9BA398726A}" dt="2023-10-25T07:08:39.840" v="1215" actId="571"/>
          <ac:spMkLst>
            <pc:docMk/>
            <pc:sldMk cId="1110366352" sldId="2147476512"/>
            <ac:spMk id="191" creationId="{F7694D69-087D-37B3-8567-0F168D271F4D}"/>
          </ac:spMkLst>
        </pc:spChg>
        <pc:spChg chg="del">
          <ac:chgData name="Sara Mastrorosa" userId="d159c406-3740-4568-9f4d-6092b2495d2a" providerId="ADAL" clId="{12ED7F48-8A43-43A8-A936-2A9BA398726A}" dt="2023-10-25T06:35:21.480" v="825" actId="478"/>
          <ac:spMkLst>
            <pc:docMk/>
            <pc:sldMk cId="1110366352" sldId="2147476512"/>
            <ac:spMk id="192" creationId="{A4BC5441-5BAE-28BD-39C7-5491565151ED}"/>
          </ac:spMkLst>
        </pc:spChg>
        <pc:spChg chg="add mod">
          <ac:chgData name="Sara Mastrorosa" userId="d159c406-3740-4568-9f4d-6092b2495d2a" providerId="ADAL" clId="{12ED7F48-8A43-43A8-A936-2A9BA398726A}" dt="2023-10-25T07:08:39.840" v="1215" actId="571"/>
          <ac:spMkLst>
            <pc:docMk/>
            <pc:sldMk cId="1110366352" sldId="2147476512"/>
            <ac:spMk id="193" creationId="{43FBF498-9647-022F-44B5-ED99FC31052B}"/>
          </ac:spMkLst>
        </pc:spChg>
        <pc:spChg chg="del">
          <ac:chgData name="Sara Mastrorosa" userId="d159c406-3740-4568-9f4d-6092b2495d2a" providerId="ADAL" clId="{12ED7F48-8A43-43A8-A936-2A9BA398726A}" dt="2023-10-25T06:37:13.122" v="858" actId="478"/>
          <ac:spMkLst>
            <pc:docMk/>
            <pc:sldMk cId="1110366352" sldId="2147476512"/>
            <ac:spMk id="194" creationId="{FEA09E07-6F24-1186-1235-D2D49D3B1323}"/>
          </ac:spMkLst>
        </pc:spChg>
        <pc:spChg chg="del">
          <ac:chgData name="Sara Mastrorosa" userId="d159c406-3740-4568-9f4d-6092b2495d2a" providerId="ADAL" clId="{12ED7F48-8A43-43A8-A936-2A9BA398726A}" dt="2023-10-25T06:35:18.371" v="824" actId="478"/>
          <ac:spMkLst>
            <pc:docMk/>
            <pc:sldMk cId="1110366352" sldId="2147476512"/>
            <ac:spMk id="195" creationId="{1DE0C54F-F959-C3A6-BC17-9F8B74D15146}"/>
          </ac:spMkLst>
        </pc:spChg>
        <pc:spChg chg="del">
          <ac:chgData name="Sara Mastrorosa" userId="d159c406-3740-4568-9f4d-6092b2495d2a" providerId="ADAL" clId="{12ED7F48-8A43-43A8-A936-2A9BA398726A}" dt="2023-10-25T06:35:15.258" v="823" actId="478"/>
          <ac:spMkLst>
            <pc:docMk/>
            <pc:sldMk cId="1110366352" sldId="2147476512"/>
            <ac:spMk id="196" creationId="{37DFF859-84AA-F3EA-B135-EBC98850015D}"/>
          </ac:spMkLst>
        </pc:spChg>
        <pc:spChg chg="del">
          <ac:chgData name="Sara Mastrorosa" userId="d159c406-3740-4568-9f4d-6092b2495d2a" providerId="ADAL" clId="{12ED7F48-8A43-43A8-A936-2A9BA398726A}" dt="2023-10-25T06:35:13.837" v="822" actId="478"/>
          <ac:spMkLst>
            <pc:docMk/>
            <pc:sldMk cId="1110366352" sldId="2147476512"/>
            <ac:spMk id="197" creationId="{4ED2C364-4EAB-B17C-AE1D-A98725EBB61C}"/>
          </ac:spMkLst>
        </pc:spChg>
        <pc:spChg chg="del">
          <ac:chgData name="Sara Mastrorosa" userId="d159c406-3740-4568-9f4d-6092b2495d2a" providerId="ADAL" clId="{12ED7F48-8A43-43A8-A936-2A9BA398726A}" dt="2023-10-25T06:40:17.650" v="899" actId="478"/>
          <ac:spMkLst>
            <pc:docMk/>
            <pc:sldMk cId="1110366352" sldId="2147476512"/>
            <ac:spMk id="238" creationId="{F040A539-634E-AD1F-68E4-325B3FAE012B}"/>
          </ac:spMkLst>
        </pc:spChg>
        <pc:spChg chg="del">
          <ac:chgData name="Sara Mastrorosa" userId="d159c406-3740-4568-9f4d-6092b2495d2a" providerId="ADAL" clId="{12ED7F48-8A43-43A8-A936-2A9BA398726A}" dt="2023-10-25T06:35:43.671" v="828" actId="478"/>
          <ac:spMkLst>
            <pc:docMk/>
            <pc:sldMk cId="1110366352" sldId="2147476512"/>
            <ac:spMk id="239" creationId="{1A4D59CD-DB72-2DB3-A88F-50A4B6A9D314}"/>
          </ac:spMkLst>
        </pc:spChg>
        <pc:spChg chg="del">
          <ac:chgData name="Sara Mastrorosa" userId="d159c406-3740-4568-9f4d-6092b2495d2a" providerId="ADAL" clId="{12ED7F48-8A43-43A8-A936-2A9BA398726A}" dt="2023-10-25T06:40:05.296" v="898" actId="478"/>
          <ac:spMkLst>
            <pc:docMk/>
            <pc:sldMk cId="1110366352" sldId="2147476512"/>
            <ac:spMk id="240" creationId="{F94D0262-EA9C-70F8-E801-9B74CBAE683F}"/>
          </ac:spMkLst>
        </pc:spChg>
        <pc:spChg chg="del">
          <ac:chgData name="Sara Mastrorosa" userId="d159c406-3740-4568-9f4d-6092b2495d2a" providerId="ADAL" clId="{12ED7F48-8A43-43A8-A936-2A9BA398726A}" dt="2023-10-25T06:35:42.129" v="827" actId="478"/>
          <ac:spMkLst>
            <pc:docMk/>
            <pc:sldMk cId="1110366352" sldId="2147476512"/>
            <ac:spMk id="241" creationId="{9B687703-0C26-EAB6-1A03-45FCA8E8D1D2}"/>
          </ac:spMkLst>
        </pc:spChg>
        <pc:spChg chg="del">
          <ac:chgData name="Sara Mastrorosa" userId="d159c406-3740-4568-9f4d-6092b2495d2a" providerId="ADAL" clId="{12ED7F48-8A43-43A8-A936-2A9BA398726A}" dt="2023-10-25T06:40:23.125" v="901" actId="478"/>
          <ac:spMkLst>
            <pc:docMk/>
            <pc:sldMk cId="1110366352" sldId="2147476512"/>
            <ac:spMk id="242" creationId="{9B8B38EF-BBFE-FCF0-A298-A631EAC69D36}"/>
          </ac:spMkLst>
        </pc:spChg>
        <pc:spChg chg="del">
          <ac:chgData name="Sara Mastrorosa" userId="d159c406-3740-4568-9f4d-6092b2495d2a" providerId="ADAL" clId="{12ED7F48-8A43-43A8-A936-2A9BA398726A}" dt="2023-10-25T06:35:55.250" v="834" actId="478"/>
          <ac:spMkLst>
            <pc:docMk/>
            <pc:sldMk cId="1110366352" sldId="2147476512"/>
            <ac:spMk id="243" creationId="{F5A943B7-0B02-0D07-14E8-1B049CC2EDCD}"/>
          </ac:spMkLst>
        </pc:spChg>
        <pc:spChg chg="del">
          <ac:chgData name="Sara Mastrorosa" userId="d159c406-3740-4568-9f4d-6092b2495d2a" providerId="ADAL" clId="{12ED7F48-8A43-43A8-A936-2A9BA398726A}" dt="2023-10-25T06:40:20.497" v="900" actId="478"/>
          <ac:spMkLst>
            <pc:docMk/>
            <pc:sldMk cId="1110366352" sldId="2147476512"/>
            <ac:spMk id="244" creationId="{A5E3E443-2D31-4327-9160-58DAA66F4149}"/>
          </ac:spMkLst>
        </pc:spChg>
        <pc:spChg chg="del">
          <ac:chgData name="Sara Mastrorosa" userId="d159c406-3740-4568-9f4d-6092b2495d2a" providerId="ADAL" clId="{12ED7F48-8A43-43A8-A936-2A9BA398726A}" dt="2023-10-25T06:35:51.170" v="833" actId="478"/>
          <ac:spMkLst>
            <pc:docMk/>
            <pc:sldMk cId="1110366352" sldId="2147476512"/>
            <ac:spMk id="245" creationId="{63F97D25-B710-AA18-9C19-7FD79EFF3C64}"/>
          </ac:spMkLst>
        </pc:spChg>
        <pc:spChg chg="del">
          <ac:chgData name="Sara Mastrorosa" userId="d159c406-3740-4568-9f4d-6092b2495d2a" providerId="ADAL" clId="{12ED7F48-8A43-43A8-A936-2A9BA398726A}" dt="2023-10-25T06:37:16.490" v="859" actId="478"/>
          <ac:spMkLst>
            <pc:docMk/>
            <pc:sldMk cId="1110366352" sldId="2147476512"/>
            <ac:spMk id="246" creationId="{687A4348-711B-34B3-B741-1054470059F3}"/>
          </ac:spMkLst>
        </pc:spChg>
        <pc:spChg chg="del">
          <ac:chgData name="Sara Mastrorosa" userId="d159c406-3740-4568-9f4d-6092b2495d2a" providerId="ADAL" clId="{12ED7F48-8A43-43A8-A936-2A9BA398726A}" dt="2023-10-25T06:35:48.430" v="831" actId="478"/>
          <ac:spMkLst>
            <pc:docMk/>
            <pc:sldMk cId="1110366352" sldId="2147476512"/>
            <ac:spMk id="247" creationId="{37FFB89D-73A8-60C5-BF8E-9989E6D844F4}"/>
          </ac:spMkLst>
        </pc:spChg>
        <pc:spChg chg="del">
          <ac:chgData name="Sara Mastrorosa" userId="d159c406-3740-4568-9f4d-6092b2495d2a" providerId="ADAL" clId="{12ED7F48-8A43-43A8-A936-2A9BA398726A}" dt="2023-10-25T06:35:47.064" v="830" actId="478"/>
          <ac:spMkLst>
            <pc:docMk/>
            <pc:sldMk cId="1110366352" sldId="2147476512"/>
            <ac:spMk id="248" creationId="{306A2B2C-26CF-12C9-A98E-7029FF2B1C56}"/>
          </ac:spMkLst>
        </pc:spChg>
        <pc:spChg chg="del">
          <ac:chgData name="Sara Mastrorosa" userId="d159c406-3740-4568-9f4d-6092b2495d2a" providerId="ADAL" clId="{12ED7F48-8A43-43A8-A936-2A9BA398726A}" dt="2023-10-25T06:35:45.291" v="829" actId="478"/>
          <ac:spMkLst>
            <pc:docMk/>
            <pc:sldMk cId="1110366352" sldId="2147476512"/>
            <ac:spMk id="249" creationId="{271EC0B4-9458-2FED-48B3-F3F9C8E61F01}"/>
          </ac:spMkLst>
        </pc:spChg>
        <pc:spChg chg="del">
          <ac:chgData name="Sara Mastrorosa" userId="d159c406-3740-4568-9f4d-6092b2495d2a" providerId="ADAL" clId="{12ED7F48-8A43-43A8-A936-2A9BA398726A}" dt="2023-10-25T06:36:14.583" v="842" actId="478"/>
          <ac:spMkLst>
            <pc:docMk/>
            <pc:sldMk cId="1110366352" sldId="2147476512"/>
            <ac:spMk id="262" creationId="{ED5250AA-8DD9-22A7-7195-6EEF10EDC899}"/>
          </ac:spMkLst>
        </pc:spChg>
        <pc:spChg chg="del">
          <ac:chgData name="Sara Mastrorosa" userId="d159c406-3740-4568-9f4d-6092b2495d2a" providerId="ADAL" clId="{12ED7F48-8A43-43A8-A936-2A9BA398726A}" dt="2023-10-25T06:36:12.877" v="841" actId="478"/>
          <ac:spMkLst>
            <pc:docMk/>
            <pc:sldMk cId="1110366352" sldId="2147476512"/>
            <ac:spMk id="263" creationId="{B6D90158-BD58-4D7D-94B9-9D99FB759BCA}"/>
          </ac:spMkLst>
        </pc:spChg>
        <pc:spChg chg="del">
          <ac:chgData name="Sara Mastrorosa" userId="d159c406-3740-4568-9f4d-6092b2495d2a" providerId="ADAL" clId="{12ED7F48-8A43-43A8-A936-2A9BA398726A}" dt="2023-10-25T06:36:11.024" v="840" actId="478"/>
          <ac:spMkLst>
            <pc:docMk/>
            <pc:sldMk cId="1110366352" sldId="2147476512"/>
            <ac:spMk id="264" creationId="{768104D4-7723-3492-AE15-2CDC6731385F}"/>
          </ac:spMkLst>
        </pc:spChg>
        <pc:spChg chg="del">
          <ac:chgData name="Sara Mastrorosa" userId="d159c406-3740-4568-9f4d-6092b2495d2a" providerId="ADAL" clId="{12ED7F48-8A43-43A8-A936-2A9BA398726A}" dt="2023-10-25T06:36:09.118" v="839" actId="478"/>
          <ac:spMkLst>
            <pc:docMk/>
            <pc:sldMk cId="1110366352" sldId="2147476512"/>
            <ac:spMk id="265" creationId="{BA0576DF-31E2-BE41-0D24-1BB7DB22CB50}"/>
          </ac:spMkLst>
        </pc:spChg>
        <pc:spChg chg="del">
          <ac:chgData name="Sara Mastrorosa" userId="d159c406-3740-4568-9f4d-6092b2495d2a" providerId="ADAL" clId="{12ED7F48-8A43-43A8-A936-2A9BA398726A}" dt="2023-10-25T06:36:24.230" v="848" actId="478"/>
          <ac:spMkLst>
            <pc:docMk/>
            <pc:sldMk cId="1110366352" sldId="2147476512"/>
            <ac:spMk id="270" creationId="{C409F72E-1F8B-3143-91D1-D8C8DD01E625}"/>
          </ac:spMkLst>
        </pc:spChg>
        <pc:spChg chg="del">
          <ac:chgData name="Sara Mastrorosa" userId="d159c406-3740-4568-9f4d-6092b2495d2a" providerId="ADAL" clId="{12ED7F48-8A43-43A8-A936-2A9BA398726A}" dt="2023-10-25T06:36:22.448" v="847" actId="478"/>
          <ac:spMkLst>
            <pc:docMk/>
            <pc:sldMk cId="1110366352" sldId="2147476512"/>
            <ac:spMk id="271" creationId="{4595485F-5622-4EBA-EB9E-1B5D543717A5}"/>
          </ac:spMkLst>
        </pc:spChg>
        <pc:spChg chg="del">
          <ac:chgData name="Sara Mastrorosa" userId="d159c406-3740-4568-9f4d-6092b2495d2a" providerId="ADAL" clId="{12ED7F48-8A43-43A8-A936-2A9BA398726A}" dt="2023-10-25T06:36:18.176" v="844" actId="478"/>
          <ac:spMkLst>
            <pc:docMk/>
            <pc:sldMk cId="1110366352" sldId="2147476512"/>
            <ac:spMk id="272" creationId="{709C0197-C22C-E34A-E8A2-2FBE2220311B}"/>
          </ac:spMkLst>
        </pc:spChg>
        <pc:spChg chg="del">
          <ac:chgData name="Sara Mastrorosa" userId="d159c406-3740-4568-9f4d-6092b2495d2a" providerId="ADAL" clId="{12ED7F48-8A43-43A8-A936-2A9BA398726A}" dt="2023-10-25T06:36:16.503" v="843" actId="478"/>
          <ac:spMkLst>
            <pc:docMk/>
            <pc:sldMk cId="1110366352" sldId="2147476512"/>
            <ac:spMk id="273" creationId="{73860CFB-2EE3-A423-5D0F-93FA8D7BE63A}"/>
          </ac:spMkLst>
        </pc:spChg>
        <pc:spChg chg="mod">
          <ac:chgData name="Sara Mastrorosa" userId="d159c406-3740-4568-9f4d-6092b2495d2a" providerId="ADAL" clId="{12ED7F48-8A43-43A8-A936-2A9BA398726A}" dt="2023-10-25T07:02:13.146" v="1101" actId="207"/>
          <ac:spMkLst>
            <pc:docMk/>
            <pc:sldMk cId="1110366352" sldId="2147476512"/>
            <ac:spMk id="284" creationId="{05F1CF0E-9BF0-807F-91B8-52398C41DFA6}"/>
          </ac:spMkLst>
        </pc:spChg>
        <pc:spChg chg="mod">
          <ac:chgData name="Sara Mastrorosa" userId="d159c406-3740-4568-9f4d-6092b2495d2a" providerId="ADAL" clId="{12ED7F48-8A43-43A8-A936-2A9BA398726A}" dt="2023-10-25T07:11:25.894" v="1237" actId="207"/>
          <ac:spMkLst>
            <pc:docMk/>
            <pc:sldMk cId="1110366352" sldId="2147476512"/>
            <ac:spMk id="322" creationId="{43B18763-5C68-DC3C-A3D8-1803972C3E01}"/>
          </ac:spMkLst>
        </pc:spChg>
        <pc:spChg chg="mod">
          <ac:chgData name="Sara Mastrorosa" userId="d159c406-3740-4568-9f4d-6092b2495d2a" providerId="ADAL" clId="{12ED7F48-8A43-43A8-A936-2A9BA398726A}" dt="2023-10-25T07:08:39.840" v="1215" actId="571"/>
          <ac:spMkLst>
            <pc:docMk/>
            <pc:sldMk cId="1110366352" sldId="2147476512"/>
            <ac:spMk id="323" creationId="{AAFA6800-A0BF-5419-8F69-7A3D2BCF1373}"/>
          </ac:spMkLst>
        </pc:spChg>
        <pc:spChg chg="mod">
          <ac:chgData name="Sara Mastrorosa" userId="d159c406-3740-4568-9f4d-6092b2495d2a" providerId="ADAL" clId="{12ED7F48-8A43-43A8-A936-2A9BA398726A}" dt="2023-10-25T07:08:39.840" v="1215" actId="571"/>
          <ac:spMkLst>
            <pc:docMk/>
            <pc:sldMk cId="1110366352" sldId="2147476512"/>
            <ac:spMk id="324" creationId="{4CC43EFC-D900-4165-020F-D5C9FFABDC88}"/>
          </ac:spMkLst>
        </pc:spChg>
        <pc:spChg chg="mod">
          <ac:chgData name="Sara Mastrorosa" userId="d159c406-3740-4568-9f4d-6092b2495d2a" providerId="ADAL" clId="{12ED7F48-8A43-43A8-A936-2A9BA398726A}" dt="2023-10-25T07:08:39.840" v="1215" actId="571"/>
          <ac:spMkLst>
            <pc:docMk/>
            <pc:sldMk cId="1110366352" sldId="2147476512"/>
            <ac:spMk id="325" creationId="{F36C7C12-DB64-5E99-7CBD-D8A0864F9909}"/>
          </ac:spMkLst>
        </pc:spChg>
        <pc:spChg chg="mod">
          <ac:chgData name="Sara Mastrorosa" userId="d159c406-3740-4568-9f4d-6092b2495d2a" providerId="ADAL" clId="{12ED7F48-8A43-43A8-A936-2A9BA398726A}" dt="2023-10-25T07:08:39.840" v="1215" actId="571"/>
          <ac:spMkLst>
            <pc:docMk/>
            <pc:sldMk cId="1110366352" sldId="2147476512"/>
            <ac:spMk id="326" creationId="{E21856F7-6356-07D5-36E5-1AE53B5AA62C}"/>
          </ac:spMkLst>
        </pc:spChg>
        <pc:spChg chg="mod">
          <ac:chgData name="Sara Mastrorosa" userId="d159c406-3740-4568-9f4d-6092b2495d2a" providerId="ADAL" clId="{12ED7F48-8A43-43A8-A936-2A9BA398726A}" dt="2023-10-25T07:08:39.840" v="1215" actId="571"/>
          <ac:spMkLst>
            <pc:docMk/>
            <pc:sldMk cId="1110366352" sldId="2147476512"/>
            <ac:spMk id="327" creationId="{2AD6DB22-A106-71B2-F89C-F812D6F94395}"/>
          </ac:spMkLst>
        </pc:spChg>
        <pc:spChg chg="mod">
          <ac:chgData name="Sara Mastrorosa" userId="d159c406-3740-4568-9f4d-6092b2495d2a" providerId="ADAL" clId="{12ED7F48-8A43-43A8-A936-2A9BA398726A}" dt="2023-10-25T07:08:39.840" v="1215" actId="571"/>
          <ac:spMkLst>
            <pc:docMk/>
            <pc:sldMk cId="1110366352" sldId="2147476512"/>
            <ac:spMk id="328" creationId="{74480614-1430-26DA-DD22-39BBE20F5663}"/>
          </ac:spMkLst>
        </pc:spChg>
        <pc:spChg chg="mod">
          <ac:chgData name="Sara Mastrorosa" userId="d159c406-3740-4568-9f4d-6092b2495d2a" providerId="ADAL" clId="{12ED7F48-8A43-43A8-A936-2A9BA398726A}" dt="2023-10-25T07:08:39.840" v="1215" actId="571"/>
          <ac:spMkLst>
            <pc:docMk/>
            <pc:sldMk cId="1110366352" sldId="2147476512"/>
            <ac:spMk id="329" creationId="{76973FF0-0083-B32A-00BF-11BEDC854949}"/>
          </ac:spMkLst>
        </pc:spChg>
        <pc:spChg chg="mod">
          <ac:chgData name="Sara Mastrorosa" userId="d159c406-3740-4568-9f4d-6092b2495d2a" providerId="ADAL" clId="{12ED7F48-8A43-43A8-A936-2A9BA398726A}" dt="2023-10-25T07:08:39.840" v="1215" actId="571"/>
          <ac:spMkLst>
            <pc:docMk/>
            <pc:sldMk cId="1110366352" sldId="2147476512"/>
            <ac:spMk id="330" creationId="{53BAACE8-8976-0871-56FA-2050E8EBA0F1}"/>
          </ac:spMkLst>
        </pc:spChg>
        <pc:spChg chg="mod">
          <ac:chgData name="Sara Mastrorosa" userId="d159c406-3740-4568-9f4d-6092b2495d2a" providerId="ADAL" clId="{12ED7F48-8A43-43A8-A936-2A9BA398726A}" dt="2023-10-25T07:08:39.840" v="1215" actId="571"/>
          <ac:spMkLst>
            <pc:docMk/>
            <pc:sldMk cId="1110366352" sldId="2147476512"/>
            <ac:spMk id="331" creationId="{BB0AB9F5-E89C-6DBE-7427-B4867CF00C9F}"/>
          </ac:spMkLst>
        </pc:spChg>
        <pc:spChg chg="mod">
          <ac:chgData name="Sara Mastrorosa" userId="d159c406-3740-4568-9f4d-6092b2495d2a" providerId="ADAL" clId="{12ED7F48-8A43-43A8-A936-2A9BA398726A}" dt="2023-10-25T07:08:39.840" v="1215" actId="571"/>
          <ac:spMkLst>
            <pc:docMk/>
            <pc:sldMk cId="1110366352" sldId="2147476512"/>
            <ac:spMk id="332" creationId="{AB3F8F90-6DA1-8195-7256-5C8A58D85F08}"/>
          </ac:spMkLst>
        </pc:spChg>
        <pc:spChg chg="mod">
          <ac:chgData name="Sara Mastrorosa" userId="d159c406-3740-4568-9f4d-6092b2495d2a" providerId="ADAL" clId="{12ED7F48-8A43-43A8-A936-2A9BA398726A}" dt="2023-10-25T07:09:57.422" v="1232" actId="403"/>
          <ac:spMkLst>
            <pc:docMk/>
            <pc:sldMk cId="1110366352" sldId="2147476512"/>
            <ac:spMk id="333" creationId="{CE71EAA8-C7C9-70DB-D70F-5D650511FD80}"/>
          </ac:spMkLst>
        </pc:spChg>
        <pc:spChg chg="mod">
          <ac:chgData name="Sara Mastrorosa" userId="d159c406-3740-4568-9f4d-6092b2495d2a" providerId="ADAL" clId="{12ED7F48-8A43-43A8-A936-2A9BA398726A}" dt="2023-10-25T07:10:00.416" v="1233" actId="403"/>
          <ac:spMkLst>
            <pc:docMk/>
            <pc:sldMk cId="1110366352" sldId="2147476512"/>
            <ac:spMk id="334" creationId="{3C49B945-F888-8430-8E48-60C4DF265791}"/>
          </ac:spMkLst>
        </pc:spChg>
        <pc:spChg chg="del mod">
          <ac:chgData name="Sara Mastrorosa" userId="d159c406-3740-4568-9f4d-6092b2495d2a" providerId="ADAL" clId="{12ED7F48-8A43-43A8-A936-2A9BA398726A}" dt="2023-10-25T06:33:44.938" v="796" actId="478"/>
          <ac:spMkLst>
            <pc:docMk/>
            <pc:sldMk cId="1110366352" sldId="2147476512"/>
            <ac:spMk id="346" creationId="{63AEA129-CC06-AEB0-61D0-FA377989EF0E}"/>
          </ac:spMkLst>
        </pc:spChg>
        <pc:spChg chg="del">
          <ac:chgData name="Sara Mastrorosa" userId="d159c406-3740-4568-9f4d-6092b2495d2a" providerId="ADAL" clId="{12ED7F48-8A43-43A8-A936-2A9BA398726A}" dt="2023-10-25T06:50:29.308" v="934" actId="478"/>
          <ac:spMkLst>
            <pc:docMk/>
            <pc:sldMk cId="1110366352" sldId="2147476512"/>
            <ac:spMk id="347" creationId="{F22ED18F-F6C1-D499-5F56-A6777F39AF5E}"/>
          </ac:spMkLst>
        </pc:spChg>
        <pc:spChg chg="mod">
          <ac:chgData name="Sara Mastrorosa" userId="d159c406-3740-4568-9f4d-6092b2495d2a" providerId="ADAL" clId="{12ED7F48-8A43-43A8-A936-2A9BA398726A}" dt="2023-10-25T07:09:42.731" v="1228" actId="403"/>
          <ac:spMkLst>
            <pc:docMk/>
            <pc:sldMk cId="1110366352" sldId="2147476512"/>
            <ac:spMk id="359" creationId="{D0AFC9DE-5BEB-C779-453F-CFEA73CFBCD3}"/>
          </ac:spMkLst>
        </pc:spChg>
        <pc:spChg chg="mod">
          <ac:chgData name="Sara Mastrorosa" userId="d159c406-3740-4568-9f4d-6092b2495d2a" providerId="ADAL" clId="{12ED7F48-8A43-43A8-A936-2A9BA398726A}" dt="2023-10-25T07:09:45.970" v="1229" actId="403"/>
          <ac:spMkLst>
            <pc:docMk/>
            <pc:sldMk cId="1110366352" sldId="2147476512"/>
            <ac:spMk id="360" creationId="{872C5D1C-57F7-95EB-6EA1-14E34844DFD3}"/>
          </ac:spMkLst>
        </pc:spChg>
        <pc:spChg chg="mod">
          <ac:chgData name="Sara Mastrorosa" userId="d159c406-3740-4568-9f4d-6092b2495d2a" providerId="ADAL" clId="{12ED7F48-8A43-43A8-A936-2A9BA398726A}" dt="2023-10-25T07:09:49.279" v="1230" actId="403"/>
          <ac:spMkLst>
            <pc:docMk/>
            <pc:sldMk cId="1110366352" sldId="2147476512"/>
            <ac:spMk id="361" creationId="{3DF69B4D-9E04-4CFB-6612-9C204773B07D}"/>
          </ac:spMkLst>
        </pc:spChg>
        <pc:spChg chg="mod">
          <ac:chgData name="Sara Mastrorosa" userId="d159c406-3740-4568-9f4d-6092b2495d2a" providerId="ADAL" clId="{12ED7F48-8A43-43A8-A936-2A9BA398726A}" dt="2023-10-25T07:09:51.844" v="1231" actId="403"/>
          <ac:spMkLst>
            <pc:docMk/>
            <pc:sldMk cId="1110366352" sldId="2147476512"/>
            <ac:spMk id="362" creationId="{6ACE679B-EDDC-4E04-C601-EC04F8112F2A}"/>
          </ac:spMkLst>
        </pc:spChg>
        <pc:grpChg chg="add del mod">
          <ac:chgData name="Sara Mastrorosa" userId="d159c406-3740-4568-9f4d-6092b2495d2a" providerId="ADAL" clId="{12ED7F48-8A43-43A8-A936-2A9BA398726A}" dt="2023-10-25T07:10:08.627" v="1234" actId="1076"/>
          <ac:grpSpMkLst>
            <pc:docMk/>
            <pc:sldMk cId="1110366352" sldId="2147476512"/>
            <ac:grpSpMk id="2" creationId="{5D1C4677-CB1E-3803-F52B-221FB60E454D}"/>
          </ac:grpSpMkLst>
        </pc:grpChg>
        <pc:grpChg chg="mod">
          <ac:chgData name="Sara Mastrorosa" userId="d159c406-3740-4568-9f4d-6092b2495d2a" providerId="ADAL" clId="{12ED7F48-8A43-43A8-A936-2A9BA398726A}" dt="2023-10-25T07:08:39.840" v="1215" actId="571"/>
          <ac:grpSpMkLst>
            <pc:docMk/>
            <pc:sldMk cId="1110366352" sldId="2147476512"/>
            <ac:grpSpMk id="341" creationId="{0A45DA0A-74BD-C0EB-8E8E-ECE0616A01B2}"/>
          </ac:grpSpMkLst>
        </pc:grpChg>
        <pc:grpChg chg="del mod">
          <ac:chgData name="Sara Mastrorosa" userId="d159c406-3740-4568-9f4d-6092b2495d2a" providerId="ADAL" clId="{12ED7F48-8A43-43A8-A936-2A9BA398726A}" dt="2023-10-25T06:33:42.753" v="795" actId="478"/>
          <ac:grpSpMkLst>
            <pc:docMk/>
            <pc:sldMk cId="1110366352" sldId="2147476512"/>
            <ac:grpSpMk id="342" creationId="{C3A7447A-7B5F-A581-A957-F33D467F1368}"/>
          </ac:grpSpMkLst>
        </pc:grpChg>
        <pc:picChg chg="add mod ord">
          <ac:chgData name="Sara Mastrorosa" userId="d159c406-3740-4568-9f4d-6092b2495d2a" providerId="ADAL" clId="{12ED7F48-8A43-43A8-A936-2A9BA398726A}" dt="2023-10-25T07:12:22.240" v="1253" actId="1036"/>
          <ac:picMkLst>
            <pc:docMk/>
            <pc:sldMk cId="1110366352" sldId="2147476512"/>
            <ac:picMk id="44" creationId="{75E00E00-9E3C-9763-9999-075485F8DC09}"/>
          </ac:picMkLst>
        </pc:picChg>
        <pc:picChg chg="add del mod">
          <ac:chgData name="Sara Mastrorosa" userId="d159c406-3740-4568-9f4d-6092b2495d2a" providerId="ADAL" clId="{12ED7F48-8A43-43A8-A936-2A9BA398726A}" dt="2023-10-25T06:58:20.756" v="1048" actId="478"/>
          <ac:picMkLst>
            <pc:docMk/>
            <pc:sldMk cId="1110366352" sldId="2147476512"/>
            <ac:picMk id="46" creationId="{EDB5B17E-3115-A798-E8BD-5BE468B2AA20}"/>
          </ac:picMkLst>
        </pc:picChg>
        <pc:picChg chg="add del mod">
          <ac:chgData name="Sara Mastrorosa" userId="d159c406-3740-4568-9f4d-6092b2495d2a" providerId="ADAL" clId="{12ED7F48-8A43-43A8-A936-2A9BA398726A}" dt="2023-10-25T06:58:24.654" v="1053" actId="478"/>
          <ac:picMkLst>
            <pc:docMk/>
            <pc:sldMk cId="1110366352" sldId="2147476512"/>
            <ac:picMk id="48" creationId="{AA294FE5-3E8E-2456-B036-9B4A43407E98}"/>
          </ac:picMkLst>
        </pc:picChg>
        <pc:picChg chg="add del mod">
          <ac:chgData name="Sara Mastrorosa" userId="d159c406-3740-4568-9f4d-6092b2495d2a" providerId="ADAL" clId="{12ED7F48-8A43-43A8-A936-2A9BA398726A}" dt="2023-10-25T06:58:21.611" v="1049" actId="478"/>
          <ac:picMkLst>
            <pc:docMk/>
            <pc:sldMk cId="1110366352" sldId="2147476512"/>
            <ac:picMk id="50" creationId="{AFA04223-1D58-528D-BB17-168153559D75}"/>
          </ac:picMkLst>
        </pc:picChg>
        <pc:picChg chg="add del mod">
          <ac:chgData name="Sara Mastrorosa" userId="d159c406-3740-4568-9f4d-6092b2495d2a" providerId="ADAL" clId="{12ED7F48-8A43-43A8-A936-2A9BA398726A}" dt="2023-10-25T06:58:23.017" v="1051" actId="478"/>
          <ac:picMkLst>
            <pc:docMk/>
            <pc:sldMk cId="1110366352" sldId="2147476512"/>
            <ac:picMk id="52" creationId="{A738A9FF-A725-C789-B76A-28602A3369DD}"/>
          </ac:picMkLst>
        </pc:picChg>
        <pc:picChg chg="add mod ord">
          <ac:chgData name="Sara Mastrorosa" userId="d159c406-3740-4568-9f4d-6092b2495d2a" providerId="ADAL" clId="{12ED7F48-8A43-43A8-A936-2A9BA398726A}" dt="2023-10-25T07:12:22.240" v="1253" actId="1036"/>
          <ac:picMkLst>
            <pc:docMk/>
            <pc:sldMk cId="1110366352" sldId="2147476512"/>
            <ac:picMk id="54" creationId="{A96F0CD8-B7EF-9EF2-5553-90351C86935F}"/>
          </ac:picMkLst>
        </pc:picChg>
        <pc:picChg chg="add mod ord">
          <ac:chgData name="Sara Mastrorosa" userId="d159c406-3740-4568-9f4d-6092b2495d2a" providerId="ADAL" clId="{12ED7F48-8A43-43A8-A936-2A9BA398726A}" dt="2023-10-25T07:12:22.240" v="1253" actId="1036"/>
          <ac:picMkLst>
            <pc:docMk/>
            <pc:sldMk cId="1110366352" sldId="2147476512"/>
            <ac:picMk id="57" creationId="{5B24C0F0-C24D-C0EC-3784-458B5FCCFEBA}"/>
          </ac:picMkLst>
        </pc:picChg>
        <pc:picChg chg="add del mod">
          <ac:chgData name="Sara Mastrorosa" userId="d159c406-3740-4568-9f4d-6092b2495d2a" providerId="ADAL" clId="{12ED7F48-8A43-43A8-A936-2A9BA398726A}" dt="2023-10-25T06:58:22.312" v="1050" actId="478"/>
          <ac:picMkLst>
            <pc:docMk/>
            <pc:sldMk cId="1110366352" sldId="2147476512"/>
            <ac:picMk id="59" creationId="{E701C86C-9302-E5DD-27AE-0D9697BC776C}"/>
          </ac:picMkLst>
        </pc:picChg>
        <pc:picChg chg="add del mod">
          <ac:chgData name="Sara Mastrorosa" userId="d159c406-3740-4568-9f4d-6092b2495d2a" providerId="ADAL" clId="{12ED7F48-8A43-43A8-A936-2A9BA398726A}" dt="2023-10-25T06:58:24.074" v="1052" actId="478"/>
          <ac:picMkLst>
            <pc:docMk/>
            <pc:sldMk cId="1110366352" sldId="2147476512"/>
            <ac:picMk id="79" creationId="{91E849EE-1C30-C87C-CC5E-4D38C7CF101E}"/>
          </ac:picMkLst>
        </pc:picChg>
        <pc:picChg chg="add mod ord">
          <ac:chgData name="Sara Mastrorosa" userId="d159c406-3740-4568-9f4d-6092b2495d2a" providerId="ADAL" clId="{12ED7F48-8A43-43A8-A936-2A9BA398726A}" dt="2023-10-25T07:12:22.240" v="1253" actId="1036"/>
          <ac:picMkLst>
            <pc:docMk/>
            <pc:sldMk cId="1110366352" sldId="2147476512"/>
            <ac:picMk id="81" creationId="{B60E027A-E4C9-D03C-941A-4F4402EA3EF9}"/>
          </ac:picMkLst>
        </pc:picChg>
        <pc:picChg chg="add mod ord">
          <ac:chgData name="Sara Mastrorosa" userId="d159c406-3740-4568-9f4d-6092b2495d2a" providerId="ADAL" clId="{12ED7F48-8A43-43A8-A936-2A9BA398726A}" dt="2023-10-25T07:12:22.240" v="1253" actId="1036"/>
          <ac:picMkLst>
            <pc:docMk/>
            <pc:sldMk cId="1110366352" sldId="2147476512"/>
            <ac:picMk id="105" creationId="{4F11FED0-F191-45F0-942E-EDFB31F4CFE0}"/>
          </ac:picMkLst>
        </pc:picChg>
        <pc:picChg chg="add mod">
          <ac:chgData name="Sara Mastrorosa" userId="d159c406-3740-4568-9f4d-6092b2495d2a" providerId="ADAL" clId="{12ED7F48-8A43-43A8-A936-2A9BA398726A}" dt="2023-10-25T06:58:46.505" v="1062" actId="571"/>
          <ac:picMkLst>
            <pc:docMk/>
            <pc:sldMk cId="1110366352" sldId="2147476512"/>
            <ac:picMk id="111" creationId="{11DF791C-9564-D948-4413-41A6457DE100}"/>
          </ac:picMkLst>
        </pc:picChg>
        <pc:picChg chg="add mod">
          <ac:chgData name="Sara Mastrorosa" userId="d159c406-3740-4568-9f4d-6092b2495d2a" providerId="ADAL" clId="{12ED7F48-8A43-43A8-A936-2A9BA398726A}" dt="2023-10-25T06:58:46.505" v="1062" actId="571"/>
          <ac:picMkLst>
            <pc:docMk/>
            <pc:sldMk cId="1110366352" sldId="2147476512"/>
            <ac:picMk id="112" creationId="{595D6E24-F703-581E-6F29-19D1E7503FB2}"/>
          </ac:picMkLst>
        </pc:picChg>
        <pc:picChg chg="add mod">
          <ac:chgData name="Sara Mastrorosa" userId="d159c406-3740-4568-9f4d-6092b2495d2a" providerId="ADAL" clId="{12ED7F48-8A43-43A8-A936-2A9BA398726A}" dt="2023-10-25T06:58:46.505" v="1062" actId="571"/>
          <ac:picMkLst>
            <pc:docMk/>
            <pc:sldMk cId="1110366352" sldId="2147476512"/>
            <ac:picMk id="113" creationId="{A5228471-1375-47E8-82C6-F90B8B8871F5}"/>
          </ac:picMkLst>
        </pc:picChg>
        <pc:picChg chg="add del mod">
          <ac:chgData name="Sara Mastrorosa" userId="d159c406-3740-4568-9f4d-6092b2495d2a" providerId="ADAL" clId="{12ED7F48-8A43-43A8-A936-2A9BA398726A}" dt="2023-10-25T06:59:57.106" v="1083" actId="478"/>
          <ac:picMkLst>
            <pc:docMk/>
            <pc:sldMk cId="1110366352" sldId="2147476512"/>
            <ac:picMk id="161" creationId="{38D3B4B5-A36A-8659-29CD-99748CCFE165}"/>
          </ac:picMkLst>
        </pc:picChg>
        <pc:picChg chg="add mod">
          <ac:chgData name="Sara Mastrorosa" userId="d159c406-3740-4568-9f4d-6092b2495d2a" providerId="ADAL" clId="{12ED7F48-8A43-43A8-A936-2A9BA398726A}" dt="2023-10-25T07:06:54.825" v="1192" actId="108"/>
          <ac:picMkLst>
            <pc:docMk/>
            <pc:sldMk cId="1110366352" sldId="2147476512"/>
            <ac:picMk id="165" creationId="{2A1C4CD4-F720-06CA-98CA-9D457DBBBD73}"/>
          </ac:picMkLst>
        </pc:picChg>
        <pc:picChg chg="add del mod">
          <ac:chgData name="Sara Mastrorosa" userId="d159c406-3740-4568-9f4d-6092b2495d2a" providerId="ADAL" clId="{12ED7F48-8A43-43A8-A936-2A9BA398726A}" dt="2023-10-25T07:06:34.833" v="1190" actId="478"/>
          <ac:picMkLst>
            <pc:docMk/>
            <pc:sldMk cId="1110366352" sldId="2147476512"/>
            <ac:picMk id="167" creationId="{5A6E698C-A0E0-A154-9A6B-B835F2C14622}"/>
          </ac:picMkLst>
        </pc:picChg>
        <pc:picChg chg="add mod">
          <ac:chgData name="Sara Mastrorosa" userId="d159c406-3740-4568-9f4d-6092b2495d2a" providerId="ADAL" clId="{12ED7F48-8A43-43A8-A936-2A9BA398726A}" dt="2023-10-25T07:07:47.030" v="1200" actId="1076"/>
          <ac:picMkLst>
            <pc:docMk/>
            <pc:sldMk cId="1110366352" sldId="2147476512"/>
            <ac:picMk id="169" creationId="{1373BAE0-2D9F-4887-63BE-851322C66501}"/>
          </ac:picMkLst>
        </pc:picChg>
        <pc:cxnChg chg="mod">
          <ac:chgData name="Sara Mastrorosa" userId="d159c406-3740-4568-9f4d-6092b2495d2a" providerId="ADAL" clId="{12ED7F48-8A43-43A8-A936-2A9BA398726A}" dt="2023-10-25T07:08:39.840" v="1215" actId="571"/>
          <ac:cxnSpMkLst>
            <pc:docMk/>
            <pc:sldMk cId="1110366352" sldId="2147476512"/>
            <ac:cxnSpMk id="335" creationId="{F1ECAF39-E3CA-B3FF-4445-D273215E2D01}"/>
          </ac:cxnSpMkLst>
        </pc:cxnChg>
        <pc:cxnChg chg="mod">
          <ac:chgData name="Sara Mastrorosa" userId="d159c406-3740-4568-9f4d-6092b2495d2a" providerId="ADAL" clId="{12ED7F48-8A43-43A8-A936-2A9BA398726A}" dt="2023-10-25T07:08:39.840" v="1215" actId="571"/>
          <ac:cxnSpMkLst>
            <pc:docMk/>
            <pc:sldMk cId="1110366352" sldId="2147476512"/>
            <ac:cxnSpMk id="336" creationId="{C52B509E-2B41-10DD-EC7B-5F6BDC46AEED}"/>
          </ac:cxnSpMkLst>
        </pc:cxnChg>
        <pc:cxnChg chg="mod">
          <ac:chgData name="Sara Mastrorosa" userId="d159c406-3740-4568-9f4d-6092b2495d2a" providerId="ADAL" clId="{12ED7F48-8A43-43A8-A936-2A9BA398726A}" dt="2023-10-25T07:08:39.840" v="1215" actId="571"/>
          <ac:cxnSpMkLst>
            <pc:docMk/>
            <pc:sldMk cId="1110366352" sldId="2147476512"/>
            <ac:cxnSpMk id="337" creationId="{F886D017-10AB-9F95-2836-8E4F246C74C9}"/>
          </ac:cxnSpMkLst>
        </pc:cxnChg>
        <pc:cxnChg chg="mod">
          <ac:chgData name="Sara Mastrorosa" userId="d159c406-3740-4568-9f4d-6092b2495d2a" providerId="ADAL" clId="{12ED7F48-8A43-43A8-A936-2A9BA398726A}" dt="2023-10-25T07:08:39.840" v="1215" actId="571"/>
          <ac:cxnSpMkLst>
            <pc:docMk/>
            <pc:sldMk cId="1110366352" sldId="2147476512"/>
            <ac:cxnSpMk id="338" creationId="{2EEE9CE8-313A-6082-1225-620E0D79CEB1}"/>
          </ac:cxnSpMkLst>
        </pc:cxnChg>
        <pc:cxnChg chg="mod">
          <ac:chgData name="Sara Mastrorosa" userId="d159c406-3740-4568-9f4d-6092b2495d2a" providerId="ADAL" clId="{12ED7F48-8A43-43A8-A936-2A9BA398726A}" dt="2023-10-25T07:08:39.840" v="1215" actId="571"/>
          <ac:cxnSpMkLst>
            <pc:docMk/>
            <pc:sldMk cId="1110366352" sldId="2147476512"/>
            <ac:cxnSpMk id="339" creationId="{AB2A9432-A215-34B2-2FD3-B4D81748368D}"/>
          </ac:cxnSpMkLst>
        </pc:cxnChg>
        <pc:cxnChg chg="mod">
          <ac:chgData name="Sara Mastrorosa" userId="d159c406-3740-4568-9f4d-6092b2495d2a" providerId="ADAL" clId="{12ED7F48-8A43-43A8-A936-2A9BA398726A}" dt="2023-10-25T07:08:39.840" v="1215" actId="571"/>
          <ac:cxnSpMkLst>
            <pc:docMk/>
            <pc:sldMk cId="1110366352" sldId="2147476512"/>
            <ac:cxnSpMk id="340" creationId="{427EFAC9-B54B-925F-C9F0-3B0307CF0EBC}"/>
          </ac:cxnSpMkLst>
        </pc:cxnChg>
      </pc:sldChg>
      <pc:sldChg chg="addSp delSp modSp add del mod">
        <pc:chgData name="Sara Mastrorosa" userId="d159c406-3740-4568-9f4d-6092b2495d2a" providerId="ADAL" clId="{12ED7F48-8A43-43A8-A936-2A9BA398726A}" dt="2023-10-25T07:13:47.733" v="1264" actId="47"/>
        <pc:sldMkLst>
          <pc:docMk/>
          <pc:sldMk cId="1930917716" sldId="2147476513"/>
        </pc:sldMkLst>
        <pc:spChg chg="mod">
          <ac:chgData name="Sara Mastrorosa" userId="d159c406-3740-4568-9f4d-6092b2495d2a" providerId="ADAL" clId="{12ED7F48-8A43-43A8-A936-2A9BA398726A}" dt="2023-10-25T07:12:57.399" v="1257" actId="1076"/>
          <ac:spMkLst>
            <pc:docMk/>
            <pc:sldMk cId="1930917716" sldId="2147476513"/>
            <ac:spMk id="7" creationId="{70E4ECCD-BF80-BACA-2850-C270AA0210C3}"/>
          </ac:spMkLst>
        </pc:spChg>
        <pc:spChg chg="mod">
          <ac:chgData name="Sara Mastrorosa" userId="d159c406-3740-4568-9f4d-6092b2495d2a" providerId="ADAL" clId="{12ED7F48-8A43-43A8-A936-2A9BA398726A}" dt="2023-10-25T07:13:01.824" v="1258"/>
          <ac:spMkLst>
            <pc:docMk/>
            <pc:sldMk cId="1930917716" sldId="2147476513"/>
            <ac:spMk id="9" creationId="{CAD73FD3-68A5-B2DF-0B25-591D5BD2C77F}"/>
          </ac:spMkLst>
        </pc:spChg>
        <pc:spChg chg="mod">
          <ac:chgData name="Sara Mastrorosa" userId="d159c406-3740-4568-9f4d-6092b2495d2a" providerId="ADAL" clId="{12ED7F48-8A43-43A8-A936-2A9BA398726A}" dt="2023-10-25T07:13:01.824" v="1258"/>
          <ac:spMkLst>
            <pc:docMk/>
            <pc:sldMk cId="1930917716" sldId="2147476513"/>
            <ac:spMk id="10" creationId="{5F71B35C-BFE6-0B5D-F8AA-B06B1A1A09C8}"/>
          </ac:spMkLst>
        </pc:spChg>
        <pc:spChg chg="mod">
          <ac:chgData name="Sara Mastrorosa" userId="d159c406-3740-4568-9f4d-6092b2495d2a" providerId="ADAL" clId="{12ED7F48-8A43-43A8-A936-2A9BA398726A}" dt="2023-10-25T07:13:01.824" v="1258"/>
          <ac:spMkLst>
            <pc:docMk/>
            <pc:sldMk cId="1930917716" sldId="2147476513"/>
            <ac:spMk id="11" creationId="{947029AE-EC9F-7F64-D604-AE005F06A567}"/>
          </ac:spMkLst>
        </pc:spChg>
        <pc:spChg chg="mod">
          <ac:chgData name="Sara Mastrorosa" userId="d159c406-3740-4568-9f4d-6092b2495d2a" providerId="ADAL" clId="{12ED7F48-8A43-43A8-A936-2A9BA398726A}" dt="2023-10-25T07:13:01.824" v="1258"/>
          <ac:spMkLst>
            <pc:docMk/>
            <pc:sldMk cId="1930917716" sldId="2147476513"/>
            <ac:spMk id="12" creationId="{4F3FC071-833E-09DC-F5C1-669094226C96}"/>
          </ac:spMkLst>
        </pc:spChg>
        <pc:spChg chg="mod">
          <ac:chgData name="Sara Mastrorosa" userId="d159c406-3740-4568-9f4d-6092b2495d2a" providerId="ADAL" clId="{12ED7F48-8A43-43A8-A936-2A9BA398726A}" dt="2023-10-25T07:13:01.824" v="1258"/>
          <ac:spMkLst>
            <pc:docMk/>
            <pc:sldMk cId="1930917716" sldId="2147476513"/>
            <ac:spMk id="13" creationId="{330B450D-4779-195D-8CBD-6EECDEFB289B}"/>
          </ac:spMkLst>
        </pc:spChg>
        <pc:spChg chg="mod">
          <ac:chgData name="Sara Mastrorosa" userId="d159c406-3740-4568-9f4d-6092b2495d2a" providerId="ADAL" clId="{12ED7F48-8A43-43A8-A936-2A9BA398726A}" dt="2023-10-25T07:13:01.824" v="1258"/>
          <ac:spMkLst>
            <pc:docMk/>
            <pc:sldMk cId="1930917716" sldId="2147476513"/>
            <ac:spMk id="14" creationId="{A2D8AAF7-D1DE-1D59-ABC9-FFF8FF72A99E}"/>
          </ac:spMkLst>
        </pc:spChg>
        <pc:spChg chg="mod">
          <ac:chgData name="Sara Mastrorosa" userId="d159c406-3740-4568-9f4d-6092b2495d2a" providerId="ADAL" clId="{12ED7F48-8A43-43A8-A936-2A9BA398726A}" dt="2023-10-25T07:13:01.824" v="1258"/>
          <ac:spMkLst>
            <pc:docMk/>
            <pc:sldMk cId="1930917716" sldId="2147476513"/>
            <ac:spMk id="16" creationId="{7E81088B-26D0-B3C7-288F-5F435190F662}"/>
          </ac:spMkLst>
        </pc:spChg>
        <pc:spChg chg="mod">
          <ac:chgData name="Sara Mastrorosa" userId="d159c406-3740-4568-9f4d-6092b2495d2a" providerId="ADAL" clId="{12ED7F48-8A43-43A8-A936-2A9BA398726A}" dt="2023-10-25T07:13:01.824" v="1258"/>
          <ac:spMkLst>
            <pc:docMk/>
            <pc:sldMk cId="1930917716" sldId="2147476513"/>
            <ac:spMk id="17" creationId="{85D5EFC2-E13C-482E-5B8F-591C60544D7D}"/>
          </ac:spMkLst>
        </pc:spChg>
        <pc:spChg chg="mod">
          <ac:chgData name="Sara Mastrorosa" userId="d159c406-3740-4568-9f4d-6092b2495d2a" providerId="ADAL" clId="{12ED7F48-8A43-43A8-A936-2A9BA398726A}" dt="2023-10-25T07:13:01.824" v="1258"/>
          <ac:spMkLst>
            <pc:docMk/>
            <pc:sldMk cId="1930917716" sldId="2147476513"/>
            <ac:spMk id="18" creationId="{44BAB21C-64A1-154E-D1DA-EEA22FB619BF}"/>
          </ac:spMkLst>
        </pc:spChg>
        <pc:spChg chg="mod">
          <ac:chgData name="Sara Mastrorosa" userId="d159c406-3740-4568-9f4d-6092b2495d2a" providerId="ADAL" clId="{12ED7F48-8A43-43A8-A936-2A9BA398726A}" dt="2023-10-25T07:13:01.824" v="1258"/>
          <ac:spMkLst>
            <pc:docMk/>
            <pc:sldMk cId="1930917716" sldId="2147476513"/>
            <ac:spMk id="19" creationId="{54C7A17F-7B01-EC1E-13E9-EE12DBC62736}"/>
          </ac:spMkLst>
        </pc:spChg>
        <pc:spChg chg="mod">
          <ac:chgData name="Sara Mastrorosa" userId="d159c406-3740-4568-9f4d-6092b2495d2a" providerId="ADAL" clId="{12ED7F48-8A43-43A8-A936-2A9BA398726A}" dt="2023-10-25T07:13:01.824" v="1258"/>
          <ac:spMkLst>
            <pc:docMk/>
            <pc:sldMk cId="1930917716" sldId="2147476513"/>
            <ac:spMk id="20" creationId="{5791AD97-02F9-02BC-29AB-EF2C77D2E6F9}"/>
          </ac:spMkLst>
        </pc:spChg>
        <pc:spChg chg="mod">
          <ac:chgData name="Sara Mastrorosa" userId="d159c406-3740-4568-9f4d-6092b2495d2a" providerId="ADAL" clId="{12ED7F48-8A43-43A8-A936-2A9BA398726A}" dt="2023-10-25T07:12:57.399" v="1257" actId="1076"/>
          <ac:spMkLst>
            <pc:docMk/>
            <pc:sldMk cId="1930917716" sldId="2147476513"/>
            <ac:spMk id="21" creationId="{26E6891B-F6B4-E712-5C98-58310F5138E6}"/>
          </ac:spMkLst>
        </pc:spChg>
        <pc:spChg chg="mod">
          <ac:chgData name="Sara Mastrorosa" userId="d159c406-3740-4568-9f4d-6092b2495d2a" providerId="ADAL" clId="{12ED7F48-8A43-43A8-A936-2A9BA398726A}" dt="2023-10-25T07:12:57.399" v="1257" actId="1076"/>
          <ac:spMkLst>
            <pc:docMk/>
            <pc:sldMk cId="1930917716" sldId="2147476513"/>
            <ac:spMk id="22" creationId="{7A500007-1E73-87CE-A091-3C161F34D837}"/>
          </ac:spMkLst>
        </pc:spChg>
        <pc:spChg chg="mod">
          <ac:chgData name="Sara Mastrorosa" userId="d159c406-3740-4568-9f4d-6092b2495d2a" providerId="ADAL" clId="{12ED7F48-8A43-43A8-A936-2A9BA398726A}" dt="2023-10-25T07:13:01.824" v="1258"/>
          <ac:spMkLst>
            <pc:docMk/>
            <pc:sldMk cId="1930917716" sldId="2147476513"/>
            <ac:spMk id="23" creationId="{540E81D4-DB50-0A3E-DC5C-938A5769CAB0}"/>
          </ac:spMkLst>
        </pc:spChg>
        <pc:spChg chg="mod">
          <ac:chgData name="Sara Mastrorosa" userId="d159c406-3740-4568-9f4d-6092b2495d2a" providerId="ADAL" clId="{12ED7F48-8A43-43A8-A936-2A9BA398726A}" dt="2023-10-25T07:13:01.824" v="1258"/>
          <ac:spMkLst>
            <pc:docMk/>
            <pc:sldMk cId="1930917716" sldId="2147476513"/>
            <ac:spMk id="24" creationId="{1631846C-F860-9399-123A-CE00B25BEE0E}"/>
          </ac:spMkLst>
        </pc:spChg>
        <pc:spChg chg="mod">
          <ac:chgData name="Sara Mastrorosa" userId="d159c406-3740-4568-9f4d-6092b2495d2a" providerId="ADAL" clId="{12ED7F48-8A43-43A8-A936-2A9BA398726A}" dt="2023-10-25T07:12:57.399" v="1257" actId="1076"/>
          <ac:spMkLst>
            <pc:docMk/>
            <pc:sldMk cId="1930917716" sldId="2147476513"/>
            <ac:spMk id="25" creationId="{F672294D-C5E1-1C55-A569-BA7F2C92EFF5}"/>
          </ac:spMkLst>
        </pc:spChg>
        <pc:spChg chg="mod">
          <ac:chgData name="Sara Mastrorosa" userId="d159c406-3740-4568-9f4d-6092b2495d2a" providerId="ADAL" clId="{12ED7F48-8A43-43A8-A936-2A9BA398726A}" dt="2023-10-25T07:12:57.399" v="1257" actId="1076"/>
          <ac:spMkLst>
            <pc:docMk/>
            <pc:sldMk cId="1930917716" sldId="2147476513"/>
            <ac:spMk id="27" creationId="{9DE4CEA8-14CB-C545-4066-612052EE9DE4}"/>
          </ac:spMkLst>
        </pc:spChg>
        <pc:spChg chg="mod">
          <ac:chgData name="Sara Mastrorosa" userId="d159c406-3740-4568-9f4d-6092b2495d2a" providerId="ADAL" clId="{12ED7F48-8A43-43A8-A936-2A9BA398726A}" dt="2023-10-25T07:12:57.399" v="1257" actId="1076"/>
          <ac:spMkLst>
            <pc:docMk/>
            <pc:sldMk cId="1930917716" sldId="2147476513"/>
            <ac:spMk id="33" creationId="{DF193F12-ADFD-42F3-6751-7E63E6507841}"/>
          </ac:spMkLst>
        </pc:spChg>
        <pc:spChg chg="mod">
          <ac:chgData name="Sara Mastrorosa" userId="d159c406-3740-4568-9f4d-6092b2495d2a" providerId="ADAL" clId="{12ED7F48-8A43-43A8-A936-2A9BA398726A}" dt="2023-10-25T07:12:57.399" v="1257" actId="1076"/>
          <ac:spMkLst>
            <pc:docMk/>
            <pc:sldMk cId="1930917716" sldId="2147476513"/>
            <ac:spMk id="34" creationId="{F28E670B-E08E-EACF-CEAC-837E325D11D4}"/>
          </ac:spMkLst>
        </pc:spChg>
        <pc:spChg chg="mod">
          <ac:chgData name="Sara Mastrorosa" userId="d159c406-3740-4568-9f4d-6092b2495d2a" providerId="ADAL" clId="{12ED7F48-8A43-43A8-A936-2A9BA398726A}" dt="2023-10-25T07:13:01.824" v="1258"/>
          <ac:spMkLst>
            <pc:docMk/>
            <pc:sldMk cId="1930917716" sldId="2147476513"/>
            <ac:spMk id="37" creationId="{BCB39CFD-789C-8E53-724A-4AB9E4D26ECE}"/>
          </ac:spMkLst>
        </pc:spChg>
        <pc:spChg chg="mod">
          <ac:chgData name="Sara Mastrorosa" userId="d159c406-3740-4568-9f4d-6092b2495d2a" providerId="ADAL" clId="{12ED7F48-8A43-43A8-A936-2A9BA398726A}" dt="2023-10-25T07:12:57.399" v="1257" actId="1076"/>
          <ac:spMkLst>
            <pc:docMk/>
            <pc:sldMk cId="1930917716" sldId="2147476513"/>
            <ac:spMk id="38" creationId="{52519BF9-7E03-28AF-E02F-7BBE74B52FCE}"/>
          </ac:spMkLst>
        </pc:spChg>
        <pc:spChg chg="mod">
          <ac:chgData name="Sara Mastrorosa" userId="d159c406-3740-4568-9f4d-6092b2495d2a" providerId="ADAL" clId="{12ED7F48-8A43-43A8-A936-2A9BA398726A}" dt="2023-10-25T07:13:01.824" v="1258"/>
          <ac:spMkLst>
            <pc:docMk/>
            <pc:sldMk cId="1930917716" sldId="2147476513"/>
            <ac:spMk id="39" creationId="{222B67D6-BECC-BFCB-582D-DE82A02064F0}"/>
          </ac:spMkLst>
        </pc:spChg>
        <pc:spChg chg="mod">
          <ac:chgData name="Sara Mastrorosa" userId="d159c406-3740-4568-9f4d-6092b2495d2a" providerId="ADAL" clId="{12ED7F48-8A43-43A8-A936-2A9BA398726A}" dt="2023-10-25T07:12:57.399" v="1257" actId="1076"/>
          <ac:spMkLst>
            <pc:docMk/>
            <pc:sldMk cId="1930917716" sldId="2147476513"/>
            <ac:spMk id="40" creationId="{9C65DDF0-DA7A-77E3-25B5-4E0995E77878}"/>
          </ac:spMkLst>
        </pc:spChg>
        <pc:spChg chg="mod">
          <ac:chgData name="Sara Mastrorosa" userId="d159c406-3740-4568-9f4d-6092b2495d2a" providerId="ADAL" clId="{12ED7F48-8A43-43A8-A936-2A9BA398726A}" dt="2023-10-25T07:12:57.399" v="1257" actId="1076"/>
          <ac:spMkLst>
            <pc:docMk/>
            <pc:sldMk cId="1930917716" sldId="2147476513"/>
            <ac:spMk id="41" creationId="{89794C9E-9B51-AF0B-4154-E06BF83B0384}"/>
          </ac:spMkLst>
        </pc:spChg>
        <pc:spChg chg="mod">
          <ac:chgData name="Sara Mastrorosa" userId="d159c406-3740-4568-9f4d-6092b2495d2a" providerId="ADAL" clId="{12ED7F48-8A43-43A8-A936-2A9BA398726A}" dt="2023-10-25T07:13:01.824" v="1258"/>
          <ac:spMkLst>
            <pc:docMk/>
            <pc:sldMk cId="1930917716" sldId="2147476513"/>
            <ac:spMk id="42" creationId="{D2465CEC-F944-F358-35BB-12DD624D6501}"/>
          </ac:spMkLst>
        </pc:spChg>
        <pc:spChg chg="mod">
          <ac:chgData name="Sara Mastrorosa" userId="d159c406-3740-4568-9f4d-6092b2495d2a" providerId="ADAL" clId="{12ED7F48-8A43-43A8-A936-2A9BA398726A}" dt="2023-10-25T07:13:01.824" v="1258"/>
          <ac:spMkLst>
            <pc:docMk/>
            <pc:sldMk cId="1930917716" sldId="2147476513"/>
            <ac:spMk id="43" creationId="{51C915B2-E6A2-5A8A-2F01-38140D30D3BD}"/>
          </ac:spMkLst>
        </pc:spChg>
        <pc:spChg chg="mod">
          <ac:chgData name="Sara Mastrorosa" userId="d159c406-3740-4568-9f4d-6092b2495d2a" providerId="ADAL" clId="{12ED7F48-8A43-43A8-A936-2A9BA398726A}" dt="2023-10-25T07:12:57.399" v="1257" actId="1076"/>
          <ac:spMkLst>
            <pc:docMk/>
            <pc:sldMk cId="1930917716" sldId="2147476513"/>
            <ac:spMk id="157" creationId="{D2BD697F-C72A-EA23-1D4E-21EE5FD00335}"/>
          </ac:spMkLst>
        </pc:spChg>
        <pc:spChg chg="mod">
          <ac:chgData name="Sara Mastrorosa" userId="d159c406-3740-4568-9f4d-6092b2495d2a" providerId="ADAL" clId="{12ED7F48-8A43-43A8-A936-2A9BA398726A}" dt="2023-10-25T07:12:57.399" v="1257" actId="1076"/>
          <ac:spMkLst>
            <pc:docMk/>
            <pc:sldMk cId="1930917716" sldId="2147476513"/>
            <ac:spMk id="159" creationId="{F66C9CE9-C03F-BA6C-72CF-B891048866DB}"/>
          </ac:spMkLst>
        </pc:spChg>
        <pc:spChg chg="mod">
          <ac:chgData name="Sara Mastrorosa" userId="d159c406-3740-4568-9f4d-6092b2495d2a" providerId="ADAL" clId="{12ED7F48-8A43-43A8-A936-2A9BA398726A}" dt="2023-10-25T07:12:57.399" v="1257" actId="1076"/>
          <ac:spMkLst>
            <pc:docMk/>
            <pc:sldMk cId="1930917716" sldId="2147476513"/>
            <ac:spMk id="162" creationId="{A48D69BB-509A-3EA1-C70F-472FC7A88242}"/>
          </ac:spMkLst>
        </pc:spChg>
        <pc:spChg chg="mod">
          <ac:chgData name="Sara Mastrorosa" userId="d159c406-3740-4568-9f4d-6092b2495d2a" providerId="ADAL" clId="{12ED7F48-8A43-43A8-A936-2A9BA398726A}" dt="2023-10-25T07:12:57.399" v="1257" actId="1076"/>
          <ac:spMkLst>
            <pc:docMk/>
            <pc:sldMk cId="1930917716" sldId="2147476513"/>
            <ac:spMk id="163" creationId="{A2EEC5B1-61C2-511E-A338-B3AA54B2062A}"/>
          </ac:spMkLst>
        </pc:spChg>
        <pc:spChg chg="mod">
          <ac:chgData name="Sara Mastrorosa" userId="d159c406-3740-4568-9f4d-6092b2495d2a" providerId="ADAL" clId="{12ED7F48-8A43-43A8-A936-2A9BA398726A}" dt="2023-10-25T07:12:57.399" v="1257" actId="1076"/>
          <ac:spMkLst>
            <pc:docMk/>
            <pc:sldMk cId="1930917716" sldId="2147476513"/>
            <ac:spMk id="164" creationId="{2B5CB0FA-8879-2D54-6805-B5AC84C03219}"/>
          </ac:spMkLst>
        </pc:spChg>
        <pc:spChg chg="del">
          <ac:chgData name="Sara Mastrorosa" userId="d159c406-3740-4568-9f4d-6092b2495d2a" providerId="ADAL" clId="{12ED7F48-8A43-43A8-A936-2A9BA398726A}" dt="2023-10-25T07:12:39.367" v="1255" actId="478"/>
          <ac:spMkLst>
            <pc:docMk/>
            <pc:sldMk cId="1930917716" sldId="2147476513"/>
            <ac:spMk id="324" creationId="{4CC43EFC-D900-4165-020F-D5C9FFABDC88}"/>
          </ac:spMkLst>
        </pc:spChg>
        <pc:grpChg chg="add mod">
          <ac:chgData name="Sara Mastrorosa" userId="d159c406-3740-4568-9f4d-6092b2495d2a" providerId="ADAL" clId="{12ED7F48-8A43-43A8-A936-2A9BA398726A}" dt="2023-10-25T07:13:15.751" v="1263" actId="1076"/>
          <ac:grpSpMkLst>
            <pc:docMk/>
            <pc:sldMk cId="1930917716" sldId="2147476513"/>
            <ac:grpSpMk id="8" creationId="{BE1FC4E9-E3AA-E6D1-7E15-6EAA27CA6564}"/>
          </ac:grpSpMkLst>
        </pc:grpChg>
        <pc:grpChg chg="del">
          <ac:chgData name="Sara Mastrorosa" userId="d159c406-3740-4568-9f4d-6092b2495d2a" providerId="ADAL" clId="{12ED7F48-8A43-43A8-A936-2A9BA398726A}" dt="2023-10-25T07:12:43.088" v="1256" actId="478"/>
          <ac:grpSpMkLst>
            <pc:docMk/>
            <pc:sldMk cId="1930917716" sldId="2147476513"/>
            <ac:grpSpMk id="341" creationId="{0A45DA0A-74BD-C0EB-8E8E-ECE0616A01B2}"/>
          </ac:grpSpMkLst>
        </pc:grpChg>
        <pc:picChg chg="mod">
          <ac:chgData name="Sara Mastrorosa" userId="d159c406-3740-4568-9f4d-6092b2495d2a" providerId="ADAL" clId="{12ED7F48-8A43-43A8-A936-2A9BA398726A}" dt="2023-10-25T07:12:57.399" v="1257" actId="1076"/>
          <ac:picMkLst>
            <pc:docMk/>
            <pc:sldMk cId="1930917716" sldId="2147476513"/>
            <ac:picMk id="44" creationId="{75E00E00-9E3C-9763-9999-075485F8DC09}"/>
          </ac:picMkLst>
        </pc:picChg>
        <pc:picChg chg="mod">
          <ac:chgData name="Sara Mastrorosa" userId="d159c406-3740-4568-9f4d-6092b2495d2a" providerId="ADAL" clId="{12ED7F48-8A43-43A8-A936-2A9BA398726A}" dt="2023-10-25T07:12:57.399" v="1257" actId="1076"/>
          <ac:picMkLst>
            <pc:docMk/>
            <pc:sldMk cId="1930917716" sldId="2147476513"/>
            <ac:picMk id="54" creationId="{A96F0CD8-B7EF-9EF2-5553-90351C86935F}"/>
          </ac:picMkLst>
        </pc:picChg>
        <pc:picChg chg="mod">
          <ac:chgData name="Sara Mastrorosa" userId="d159c406-3740-4568-9f4d-6092b2495d2a" providerId="ADAL" clId="{12ED7F48-8A43-43A8-A936-2A9BA398726A}" dt="2023-10-25T07:12:57.399" v="1257" actId="1076"/>
          <ac:picMkLst>
            <pc:docMk/>
            <pc:sldMk cId="1930917716" sldId="2147476513"/>
            <ac:picMk id="57" creationId="{5B24C0F0-C24D-C0EC-3784-458B5FCCFEBA}"/>
          </ac:picMkLst>
        </pc:picChg>
        <pc:picChg chg="mod">
          <ac:chgData name="Sara Mastrorosa" userId="d159c406-3740-4568-9f4d-6092b2495d2a" providerId="ADAL" clId="{12ED7F48-8A43-43A8-A936-2A9BA398726A}" dt="2023-10-25T07:12:57.399" v="1257" actId="1076"/>
          <ac:picMkLst>
            <pc:docMk/>
            <pc:sldMk cId="1930917716" sldId="2147476513"/>
            <ac:picMk id="81" creationId="{B60E027A-E4C9-D03C-941A-4F4402EA3EF9}"/>
          </ac:picMkLst>
        </pc:picChg>
        <pc:picChg chg="mod">
          <ac:chgData name="Sara Mastrorosa" userId="d159c406-3740-4568-9f4d-6092b2495d2a" providerId="ADAL" clId="{12ED7F48-8A43-43A8-A936-2A9BA398726A}" dt="2023-10-25T07:12:57.399" v="1257" actId="1076"/>
          <ac:picMkLst>
            <pc:docMk/>
            <pc:sldMk cId="1930917716" sldId="2147476513"/>
            <ac:picMk id="105" creationId="{4F11FED0-F191-45F0-942E-EDFB31F4CFE0}"/>
          </ac:picMkLst>
        </pc:picChg>
        <pc:cxnChg chg="mod">
          <ac:chgData name="Sara Mastrorosa" userId="d159c406-3740-4568-9f4d-6092b2495d2a" providerId="ADAL" clId="{12ED7F48-8A43-43A8-A936-2A9BA398726A}" dt="2023-10-25T07:13:01.824" v="1258"/>
          <ac:cxnSpMkLst>
            <pc:docMk/>
            <pc:sldMk cId="1930917716" sldId="2147476513"/>
            <ac:cxnSpMk id="26" creationId="{9DAD4A59-1D1F-1A36-1897-27D5DD94DE44}"/>
          </ac:cxnSpMkLst>
        </pc:cxnChg>
        <pc:cxnChg chg="mod">
          <ac:chgData name="Sara Mastrorosa" userId="d159c406-3740-4568-9f4d-6092b2495d2a" providerId="ADAL" clId="{12ED7F48-8A43-43A8-A936-2A9BA398726A}" dt="2023-10-25T07:13:01.824" v="1258"/>
          <ac:cxnSpMkLst>
            <pc:docMk/>
            <pc:sldMk cId="1930917716" sldId="2147476513"/>
            <ac:cxnSpMk id="28" creationId="{2FF6AA7B-4A20-47F7-C4A8-840FE61E0067}"/>
          </ac:cxnSpMkLst>
        </pc:cxnChg>
        <pc:cxnChg chg="mod">
          <ac:chgData name="Sara Mastrorosa" userId="d159c406-3740-4568-9f4d-6092b2495d2a" providerId="ADAL" clId="{12ED7F48-8A43-43A8-A936-2A9BA398726A}" dt="2023-10-25T07:13:01.824" v="1258"/>
          <ac:cxnSpMkLst>
            <pc:docMk/>
            <pc:sldMk cId="1930917716" sldId="2147476513"/>
            <ac:cxnSpMk id="29" creationId="{460BA8D8-0BBF-322D-0635-0FE968D5585F}"/>
          </ac:cxnSpMkLst>
        </pc:cxnChg>
        <pc:cxnChg chg="mod">
          <ac:chgData name="Sara Mastrorosa" userId="d159c406-3740-4568-9f4d-6092b2495d2a" providerId="ADAL" clId="{12ED7F48-8A43-43A8-A936-2A9BA398726A}" dt="2023-10-25T07:13:01.824" v="1258"/>
          <ac:cxnSpMkLst>
            <pc:docMk/>
            <pc:sldMk cId="1930917716" sldId="2147476513"/>
            <ac:cxnSpMk id="30" creationId="{8B6531E2-34AF-CB75-6588-4817D71AA4B4}"/>
          </ac:cxnSpMkLst>
        </pc:cxnChg>
        <pc:cxnChg chg="mod">
          <ac:chgData name="Sara Mastrorosa" userId="d159c406-3740-4568-9f4d-6092b2495d2a" providerId="ADAL" clId="{12ED7F48-8A43-43A8-A936-2A9BA398726A}" dt="2023-10-25T07:13:01.824" v="1258"/>
          <ac:cxnSpMkLst>
            <pc:docMk/>
            <pc:sldMk cId="1930917716" sldId="2147476513"/>
            <ac:cxnSpMk id="31" creationId="{AB8E0CD3-BAD8-FEBA-C79E-D276D5A39C8C}"/>
          </ac:cxnSpMkLst>
        </pc:cxnChg>
        <pc:cxnChg chg="mod">
          <ac:chgData name="Sara Mastrorosa" userId="d159c406-3740-4568-9f4d-6092b2495d2a" providerId="ADAL" clId="{12ED7F48-8A43-43A8-A936-2A9BA398726A}" dt="2023-10-25T07:13:01.824" v="1258"/>
          <ac:cxnSpMkLst>
            <pc:docMk/>
            <pc:sldMk cId="1930917716" sldId="2147476513"/>
            <ac:cxnSpMk id="36" creationId="{ECC6B944-2F82-1296-F7FD-E71B80165C23}"/>
          </ac:cxnSpMkLst>
        </pc:cxnChg>
        <pc:cxnChg chg="mod">
          <ac:chgData name="Sara Mastrorosa" userId="d159c406-3740-4568-9f4d-6092b2495d2a" providerId="ADAL" clId="{12ED7F48-8A43-43A8-A936-2A9BA398726A}" dt="2023-10-25T07:12:43.088" v="1256" actId="478"/>
          <ac:cxnSpMkLst>
            <pc:docMk/>
            <pc:sldMk cId="1930917716" sldId="2147476513"/>
            <ac:cxnSpMk id="335" creationId="{F1ECAF39-E3CA-B3FF-4445-D273215E2D01}"/>
          </ac:cxnSpMkLst>
        </pc:cxnChg>
        <pc:cxnChg chg="mod">
          <ac:chgData name="Sara Mastrorosa" userId="d159c406-3740-4568-9f4d-6092b2495d2a" providerId="ADAL" clId="{12ED7F48-8A43-43A8-A936-2A9BA398726A}" dt="2023-10-25T07:12:43.088" v="1256" actId="478"/>
          <ac:cxnSpMkLst>
            <pc:docMk/>
            <pc:sldMk cId="1930917716" sldId="2147476513"/>
            <ac:cxnSpMk id="336" creationId="{C52B509E-2B41-10DD-EC7B-5F6BDC46AEED}"/>
          </ac:cxnSpMkLst>
        </pc:cxnChg>
        <pc:cxnChg chg="mod">
          <ac:chgData name="Sara Mastrorosa" userId="d159c406-3740-4568-9f4d-6092b2495d2a" providerId="ADAL" clId="{12ED7F48-8A43-43A8-A936-2A9BA398726A}" dt="2023-10-25T07:12:43.088" v="1256" actId="478"/>
          <ac:cxnSpMkLst>
            <pc:docMk/>
            <pc:sldMk cId="1930917716" sldId="2147476513"/>
            <ac:cxnSpMk id="337" creationId="{F886D017-10AB-9F95-2836-8E4F246C74C9}"/>
          </ac:cxnSpMkLst>
        </pc:cxnChg>
        <pc:cxnChg chg="mod">
          <ac:chgData name="Sara Mastrorosa" userId="d159c406-3740-4568-9f4d-6092b2495d2a" providerId="ADAL" clId="{12ED7F48-8A43-43A8-A936-2A9BA398726A}" dt="2023-10-25T07:12:43.088" v="1256" actId="478"/>
          <ac:cxnSpMkLst>
            <pc:docMk/>
            <pc:sldMk cId="1930917716" sldId="2147476513"/>
            <ac:cxnSpMk id="338" creationId="{2EEE9CE8-313A-6082-1225-620E0D79CEB1}"/>
          </ac:cxnSpMkLst>
        </pc:cxnChg>
        <pc:cxnChg chg="mod">
          <ac:chgData name="Sara Mastrorosa" userId="d159c406-3740-4568-9f4d-6092b2495d2a" providerId="ADAL" clId="{12ED7F48-8A43-43A8-A936-2A9BA398726A}" dt="2023-10-25T07:12:43.088" v="1256" actId="478"/>
          <ac:cxnSpMkLst>
            <pc:docMk/>
            <pc:sldMk cId="1930917716" sldId="2147476513"/>
            <ac:cxnSpMk id="339" creationId="{AB2A9432-A215-34B2-2FD3-B4D81748368D}"/>
          </ac:cxnSpMkLst>
        </pc:cxnChg>
        <pc:cxnChg chg="mod">
          <ac:chgData name="Sara Mastrorosa" userId="d159c406-3740-4568-9f4d-6092b2495d2a" providerId="ADAL" clId="{12ED7F48-8A43-43A8-A936-2A9BA398726A}" dt="2023-10-25T07:12:43.088" v="1256" actId="478"/>
          <ac:cxnSpMkLst>
            <pc:docMk/>
            <pc:sldMk cId="1930917716" sldId="2147476513"/>
            <ac:cxnSpMk id="340" creationId="{427EFAC9-B54B-925F-C9F0-3B0307CF0EBC}"/>
          </ac:cxnSpMkLst>
        </pc:cxnChg>
      </pc:sldChg>
    </pc:docChg>
  </pc:docChgLst>
</pc:chgInfo>
</file>

<file path=ppt/diagrams/colors1.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82081015-2673-46BF-80C3-DAAD66D771FD}" type="doc">
      <dgm:prSet loTypeId="urn:microsoft.com/office/officeart/2005/8/layout/pyramid2" loCatId="list" qsTypeId="urn:microsoft.com/office/officeart/2005/8/quickstyle/simple1" qsCatId="simple" csTypeId="urn:microsoft.com/office/officeart/2005/8/colors/colorful5" csCatId="colorful" phldr="1"/>
      <dgm:spPr/>
    </dgm:pt>
    <dgm:pt modelId="{CCDC474E-FFC5-461A-AD7D-FE7308FF442A}">
      <dgm:prSet phldrT="[Text]" custT="1"/>
      <dgm:spPr>
        <a:ln w="19050">
          <a:solidFill>
            <a:srgbClr val="FF8C0A"/>
          </a:solidFill>
        </a:ln>
      </dgm:spPr>
      <dgm:t>
        <a:bodyPr/>
        <a:lstStyle/>
        <a:p>
          <a:r>
            <a:rPr lang="it-IT" sz="1200"/>
            <a:t>n. Giorni persi per incidenti</a:t>
          </a:r>
        </a:p>
      </dgm:t>
    </dgm:pt>
    <dgm:pt modelId="{95900BB6-53F1-4DB7-8BF1-CCF9D68A0ACC}" type="parTrans" cxnId="{AFF5F009-C4F2-4EC8-ABE9-A8F92E8EF913}">
      <dgm:prSet/>
      <dgm:spPr/>
      <dgm:t>
        <a:bodyPr/>
        <a:lstStyle/>
        <a:p>
          <a:endParaRPr lang="it-IT"/>
        </a:p>
      </dgm:t>
    </dgm:pt>
    <dgm:pt modelId="{28EEDA50-78F1-431D-9074-ABCF78F502F8}" type="sibTrans" cxnId="{AFF5F009-C4F2-4EC8-ABE9-A8F92E8EF913}">
      <dgm:prSet/>
      <dgm:spPr/>
      <dgm:t>
        <a:bodyPr/>
        <a:lstStyle/>
        <a:p>
          <a:endParaRPr lang="it-IT"/>
        </a:p>
      </dgm:t>
    </dgm:pt>
    <dgm:pt modelId="{0039B85E-A143-4967-8B58-BD3D4C08C18A}">
      <dgm:prSet phldrT="[Text]" custT="1"/>
      <dgm:spPr>
        <a:ln w="19050">
          <a:solidFill>
            <a:srgbClr val="AF78D2"/>
          </a:solidFill>
        </a:ln>
      </dgm:spPr>
      <dgm:t>
        <a:bodyPr/>
        <a:lstStyle/>
        <a:p>
          <a:r>
            <a:rPr lang="it-IT" sz="1200"/>
            <a:t>n. Near Miss e Risk Observation</a:t>
          </a:r>
        </a:p>
      </dgm:t>
    </dgm:pt>
    <dgm:pt modelId="{A8080223-E33E-4CA5-8F71-EF8EDCB44C8F}" type="parTrans" cxnId="{01DAA852-875F-4571-9E14-FE7CD1EA5902}">
      <dgm:prSet/>
      <dgm:spPr/>
      <dgm:t>
        <a:bodyPr/>
        <a:lstStyle/>
        <a:p>
          <a:endParaRPr lang="it-IT"/>
        </a:p>
      </dgm:t>
    </dgm:pt>
    <dgm:pt modelId="{A4E4E5F2-4B6B-4A85-ACE6-8F483589BE46}" type="sibTrans" cxnId="{01DAA852-875F-4571-9E14-FE7CD1EA5902}">
      <dgm:prSet/>
      <dgm:spPr/>
      <dgm:t>
        <a:bodyPr/>
        <a:lstStyle/>
        <a:p>
          <a:endParaRPr lang="it-IT"/>
        </a:p>
      </dgm:t>
    </dgm:pt>
    <dgm:pt modelId="{B7FCE56B-248F-4495-8229-4DA725A01AD6}">
      <dgm:prSet phldrT="[Text]" custT="1"/>
      <dgm:spPr>
        <a:ln w="19050">
          <a:solidFill>
            <a:srgbClr val="00B050"/>
          </a:solidFill>
        </a:ln>
      </dgm:spPr>
      <dgm:t>
        <a:bodyPr/>
        <a:lstStyle/>
        <a:p>
          <a:r>
            <a:rPr lang="it-IT" sz="1200"/>
            <a:t>n. Audit svolti</a:t>
          </a:r>
        </a:p>
      </dgm:t>
    </dgm:pt>
    <dgm:pt modelId="{C33072AF-7C76-42F1-A2CE-D766F6233B75}" type="parTrans" cxnId="{E4C0C80F-E31C-4BA2-883F-2D0516ACA157}">
      <dgm:prSet/>
      <dgm:spPr/>
      <dgm:t>
        <a:bodyPr/>
        <a:lstStyle/>
        <a:p>
          <a:endParaRPr lang="it-IT"/>
        </a:p>
      </dgm:t>
    </dgm:pt>
    <dgm:pt modelId="{85A706B5-D031-4D12-AC8E-8E9C9703414D}" type="sibTrans" cxnId="{E4C0C80F-E31C-4BA2-883F-2D0516ACA157}">
      <dgm:prSet/>
      <dgm:spPr/>
      <dgm:t>
        <a:bodyPr/>
        <a:lstStyle/>
        <a:p>
          <a:endParaRPr lang="it-IT"/>
        </a:p>
      </dgm:t>
    </dgm:pt>
    <dgm:pt modelId="{9B7122F6-1C75-4435-8BF8-6DBA595DF737}" type="pres">
      <dgm:prSet presAssocID="{82081015-2673-46BF-80C3-DAAD66D771FD}" presName="compositeShape" presStyleCnt="0">
        <dgm:presLayoutVars>
          <dgm:dir/>
          <dgm:resizeHandles/>
        </dgm:presLayoutVars>
      </dgm:prSet>
      <dgm:spPr/>
    </dgm:pt>
    <dgm:pt modelId="{BD38ED09-6FD2-4814-B071-762CC62F0C83}" type="pres">
      <dgm:prSet presAssocID="{82081015-2673-46BF-80C3-DAAD66D771FD}" presName="pyramid" presStyleLbl="node1" presStyleIdx="0" presStyleCnt="1"/>
      <dgm:spPr/>
    </dgm:pt>
    <dgm:pt modelId="{0757A108-E92B-4849-9A2E-6938CA89C43A}" type="pres">
      <dgm:prSet presAssocID="{82081015-2673-46BF-80C3-DAAD66D771FD}" presName="theList" presStyleCnt="0"/>
      <dgm:spPr/>
    </dgm:pt>
    <dgm:pt modelId="{CEA15834-6FD5-40B8-83B8-35A90B102AAE}" type="pres">
      <dgm:prSet presAssocID="{CCDC474E-FFC5-461A-AD7D-FE7308FF442A}" presName="aNode" presStyleLbl="fgAcc1" presStyleIdx="0" presStyleCnt="3">
        <dgm:presLayoutVars>
          <dgm:bulletEnabled val="1"/>
        </dgm:presLayoutVars>
      </dgm:prSet>
      <dgm:spPr/>
    </dgm:pt>
    <dgm:pt modelId="{CB47C5A9-1B26-4FB2-9906-10AF343D15BC}" type="pres">
      <dgm:prSet presAssocID="{CCDC474E-FFC5-461A-AD7D-FE7308FF442A}" presName="aSpace" presStyleCnt="0"/>
      <dgm:spPr/>
    </dgm:pt>
    <dgm:pt modelId="{793F40AA-2621-4C2F-B0AF-D10D9CF9AA1E}" type="pres">
      <dgm:prSet presAssocID="{0039B85E-A143-4967-8B58-BD3D4C08C18A}" presName="aNode" presStyleLbl="fgAcc1" presStyleIdx="1" presStyleCnt="3">
        <dgm:presLayoutVars>
          <dgm:bulletEnabled val="1"/>
        </dgm:presLayoutVars>
      </dgm:prSet>
      <dgm:spPr/>
    </dgm:pt>
    <dgm:pt modelId="{E249FD2E-8167-4F22-BAA1-845CF50795E0}" type="pres">
      <dgm:prSet presAssocID="{0039B85E-A143-4967-8B58-BD3D4C08C18A}" presName="aSpace" presStyleCnt="0"/>
      <dgm:spPr/>
    </dgm:pt>
    <dgm:pt modelId="{4899BCDB-58DE-4659-BFE6-69694A3A6622}" type="pres">
      <dgm:prSet presAssocID="{B7FCE56B-248F-4495-8229-4DA725A01AD6}" presName="aNode" presStyleLbl="fgAcc1" presStyleIdx="2" presStyleCnt="3" custLinFactNeighborX="-525" custLinFactNeighborY="-4887">
        <dgm:presLayoutVars>
          <dgm:bulletEnabled val="1"/>
        </dgm:presLayoutVars>
      </dgm:prSet>
      <dgm:spPr/>
    </dgm:pt>
    <dgm:pt modelId="{F19936D9-021B-4BB2-B6C7-55767B23D40B}" type="pres">
      <dgm:prSet presAssocID="{B7FCE56B-248F-4495-8229-4DA725A01AD6}" presName="aSpace" presStyleCnt="0"/>
      <dgm:spPr/>
    </dgm:pt>
  </dgm:ptLst>
  <dgm:cxnLst>
    <dgm:cxn modelId="{AFF5F009-C4F2-4EC8-ABE9-A8F92E8EF913}" srcId="{82081015-2673-46BF-80C3-DAAD66D771FD}" destId="{CCDC474E-FFC5-461A-AD7D-FE7308FF442A}" srcOrd="0" destOrd="0" parTransId="{95900BB6-53F1-4DB7-8BF1-CCF9D68A0ACC}" sibTransId="{28EEDA50-78F1-431D-9074-ABCF78F502F8}"/>
    <dgm:cxn modelId="{E4C0C80F-E31C-4BA2-883F-2D0516ACA157}" srcId="{82081015-2673-46BF-80C3-DAAD66D771FD}" destId="{B7FCE56B-248F-4495-8229-4DA725A01AD6}" srcOrd="2" destOrd="0" parTransId="{C33072AF-7C76-42F1-A2CE-D766F6233B75}" sibTransId="{85A706B5-D031-4D12-AC8E-8E9C9703414D}"/>
    <dgm:cxn modelId="{5459A534-D2A0-4377-BA3F-A6C9FF9755CF}" type="presOf" srcId="{82081015-2673-46BF-80C3-DAAD66D771FD}" destId="{9B7122F6-1C75-4435-8BF8-6DBA595DF737}" srcOrd="0" destOrd="0" presId="urn:microsoft.com/office/officeart/2005/8/layout/pyramid2"/>
    <dgm:cxn modelId="{01DAA852-875F-4571-9E14-FE7CD1EA5902}" srcId="{82081015-2673-46BF-80C3-DAAD66D771FD}" destId="{0039B85E-A143-4967-8B58-BD3D4C08C18A}" srcOrd="1" destOrd="0" parTransId="{A8080223-E33E-4CA5-8F71-EF8EDCB44C8F}" sibTransId="{A4E4E5F2-4B6B-4A85-ACE6-8F483589BE46}"/>
    <dgm:cxn modelId="{3A495AEB-C944-4D69-B624-D5EAA85CE7E0}" type="presOf" srcId="{0039B85E-A143-4967-8B58-BD3D4C08C18A}" destId="{793F40AA-2621-4C2F-B0AF-D10D9CF9AA1E}" srcOrd="0" destOrd="0" presId="urn:microsoft.com/office/officeart/2005/8/layout/pyramid2"/>
    <dgm:cxn modelId="{C1493EEC-35A7-4E6C-9DB4-5E63957BDA49}" type="presOf" srcId="{CCDC474E-FFC5-461A-AD7D-FE7308FF442A}" destId="{CEA15834-6FD5-40B8-83B8-35A90B102AAE}" srcOrd="0" destOrd="0" presId="urn:microsoft.com/office/officeart/2005/8/layout/pyramid2"/>
    <dgm:cxn modelId="{18E758FC-DF5E-42AE-A95C-A1954E6ECBFB}" type="presOf" srcId="{B7FCE56B-248F-4495-8229-4DA725A01AD6}" destId="{4899BCDB-58DE-4659-BFE6-69694A3A6622}" srcOrd="0" destOrd="0" presId="urn:microsoft.com/office/officeart/2005/8/layout/pyramid2"/>
    <dgm:cxn modelId="{F36FCCDF-62E8-4B17-B92F-F1E3EE2D4E22}" type="presParOf" srcId="{9B7122F6-1C75-4435-8BF8-6DBA595DF737}" destId="{BD38ED09-6FD2-4814-B071-762CC62F0C83}" srcOrd="0" destOrd="0" presId="urn:microsoft.com/office/officeart/2005/8/layout/pyramid2"/>
    <dgm:cxn modelId="{7741C208-6B37-409A-8733-624C4C4BE442}" type="presParOf" srcId="{9B7122F6-1C75-4435-8BF8-6DBA595DF737}" destId="{0757A108-E92B-4849-9A2E-6938CA89C43A}" srcOrd="1" destOrd="0" presId="urn:microsoft.com/office/officeart/2005/8/layout/pyramid2"/>
    <dgm:cxn modelId="{F318E5C0-A2A4-45D4-9EF0-8492732B5ED6}" type="presParOf" srcId="{0757A108-E92B-4849-9A2E-6938CA89C43A}" destId="{CEA15834-6FD5-40B8-83B8-35A90B102AAE}" srcOrd="0" destOrd="0" presId="urn:microsoft.com/office/officeart/2005/8/layout/pyramid2"/>
    <dgm:cxn modelId="{81D85288-79D0-41FF-ABA3-9D2D29AE364A}" type="presParOf" srcId="{0757A108-E92B-4849-9A2E-6938CA89C43A}" destId="{CB47C5A9-1B26-4FB2-9906-10AF343D15BC}" srcOrd="1" destOrd="0" presId="urn:microsoft.com/office/officeart/2005/8/layout/pyramid2"/>
    <dgm:cxn modelId="{8ACBA7E7-4347-4435-A23F-B65C932D6F02}" type="presParOf" srcId="{0757A108-E92B-4849-9A2E-6938CA89C43A}" destId="{793F40AA-2621-4C2F-B0AF-D10D9CF9AA1E}" srcOrd="2" destOrd="0" presId="urn:microsoft.com/office/officeart/2005/8/layout/pyramid2"/>
    <dgm:cxn modelId="{31367136-3919-4FC2-9C5D-153F4EA09F9B}" type="presParOf" srcId="{0757A108-E92B-4849-9A2E-6938CA89C43A}" destId="{E249FD2E-8167-4F22-BAA1-845CF50795E0}" srcOrd="3" destOrd="0" presId="urn:microsoft.com/office/officeart/2005/8/layout/pyramid2"/>
    <dgm:cxn modelId="{BDD16CF9-A27F-47B3-B574-8A1E84FF3665}" type="presParOf" srcId="{0757A108-E92B-4849-9A2E-6938CA89C43A}" destId="{4899BCDB-58DE-4659-BFE6-69694A3A6622}" srcOrd="4" destOrd="0" presId="urn:microsoft.com/office/officeart/2005/8/layout/pyramid2"/>
    <dgm:cxn modelId="{9B53D9FB-2E58-4827-9B4D-2FD8B1D104B2}" type="presParOf" srcId="{0757A108-E92B-4849-9A2E-6938CA89C43A}" destId="{F19936D9-021B-4BB2-B6C7-55767B23D40B}" srcOrd="5" destOrd="0" presId="urn:microsoft.com/office/officeart/2005/8/layout/pyramid2"/>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82081015-2673-46BF-80C3-DAAD66D771FD}" type="doc">
      <dgm:prSet loTypeId="urn:microsoft.com/office/officeart/2005/8/layout/pyramid2" loCatId="list" qsTypeId="urn:microsoft.com/office/officeart/2005/8/quickstyle/simple1" qsCatId="simple" csTypeId="urn:microsoft.com/office/officeart/2005/8/colors/colorful5" csCatId="colorful" phldr="1"/>
      <dgm:spPr/>
    </dgm:pt>
    <dgm:pt modelId="{CCDC474E-FFC5-461A-AD7D-FE7308FF442A}">
      <dgm:prSet phldrT="[Text]" custT="1"/>
      <dgm:spPr>
        <a:ln w="19050">
          <a:solidFill>
            <a:srgbClr val="FF8C0A"/>
          </a:solidFill>
        </a:ln>
      </dgm:spPr>
      <dgm:t>
        <a:bodyPr/>
        <a:lstStyle/>
        <a:p>
          <a:r>
            <a:rPr lang="it-IT" sz="1200"/>
            <a:t>n. Giorni persi per incidenti</a:t>
          </a:r>
        </a:p>
      </dgm:t>
    </dgm:pt>
    <dgm:pt modelId="{95900BB6-53F1-4DB7-8BF1-CCF9D68A0ACC}" type="parTrans" cxnId="{AFF5F009-C4F2-4EC8-ABE9-A8F92E8EF913}">
      <dgm:prSet/>
      <dgm:spPr/>
      <dgm:t>
        <a:bodyPr/>
        <a:lstStyle/>
        <a:p>
          <a:endParaRPr lang="it-IT"/>
        </a:p>
      </dgm:t>
    </dgm:pt>
    <dgm:pt modelId="{28EEDA50-78F1-431D-9074-ABCF78F502F8}" type="sibTrans" cxnId="{AFF5F009-C4F2-4EC8-ABE9-A8F92E8EF913}">
      <dgm:prSet/>
      <dgm:spPr/>
      <dgm:t>
        <a:bodyPr/>
        <a:lstStyle/>
        <a:p>
          <a:endParaRPr lang="it-IT"/>
        </a:p>
      </dgm:t>
    </dgm:pt>
    <dgm:pt modelId="{0039B85E-A143-4967-8B58-BD3D4C08C18A}">
      <dgm:prSet phldrT="[Text]" custT="1"/>
      <dgm:spPr>
        <a:ln w="19050">
          <a:solidFill>
            <a:srgbClr val="AF78D2"/>
          </a:solidFill>
        </a:ln>
      </dgm:spPr>
      <dgm:t>
        <a:bodyPr/>
        <a:lstStyle/>
        <a:p>
          <a:r>
            <a:rPr lang="it-IT" sz="1200"/>
            <a:t>n. Near Miss e Risk Observation</a:t>
          </a:r>
        </a:p>
      </dgm:t>
    </dgm:pt>
    <dgm:pt modelId="{A8080223-E33E-4CA5-8F71-EF8EDCB44C8F}" type="parTrans" cxnId="{01DAA852-875F-4571-9E14-FE7CD1EA5902}">
      <dgm:prSet/>
      <dgm:spPr/>
      <dgm:t>
        <a:bodyPr/>
        <a:lstStyle/>
        <a:p>
          <a:endParaRPr lang="it-IT"/>
        </a:p>
      </dgm:t>
    </dgm:pt>
    <dgm:pt modelId="{A4E4E5F2-4B6B-4A85-ACE6-8F483589BE46}" type="sibTrans" cxnId="{01DAA852-875F-4571-9E14-FE7CD1EA5902}">
      <dgm:prSet/>
      <dgm:spPr/>
      <dgm:t>
        <a:bodyPr/>
        <a:lstStyle/>
        <a:p>
          <a:endParaRPr lang="it-IT"/>
        </a:p>
      </dgm:t>
    </dgm:pt>
    <dgm:pt modelId="{B7FCE56B-248F-4495-8229-4DA725A01AD6}">
      <dgm:prSet phldrT="[Text]" custT="1"/>
      <dgm:spPr>
        <a:ln w="19050">
          <a:solidFill>
            <a:srgbClr val="00B050"/>
          </a:solidFill>
        </a:ln>
      </dgm:spPr>
      <dgm:t>
        <a:bodyPr/>
        <a:lstStyle/>
        <a:p>
          <a:r>
            <a:rPr lang="it-IT" sz="1200"/>
            <a:t>n. Audit svolti/n.attività svolte</a:t>
          </a:r>
        </a:p>
      </dgm:t>
    </dgm:pt>
    <dgm:pt modelId="{C33072AF-7C76-42F1-A2CE-D766F6233B75}" type="parTrans" cxnId="{E4C0C80F-E31C-4BA2-883F-2D0516ACA157}">
      <dgm:prSet/>
      <dgm:spPr/>
      <dgm:t>
        <a:bodyPr/>
        <a:lstStyle/>
        <a:p>
          <a:endParaRPr lang="it-IT"/>
        </a:p>
      </dgm:t>
    </dgm:pt>
    <dgm:pt modelId="{85A706B5-D031-4D12-AC8E-8E9C9703414D}" type="sibTrans" cxnId="{E4C0C80F-E31C-4BA2-883F-2D0516ACA157}">
      <dgm:prSet/>
      <dgm:spPr/>
      <dgm:t>
        <a:bodyPr/>
        <a:lstStyle/>
        <a:p>
          <a:endParaRPr lang="it-IT"/>
        </a:p>
      </dgm:t>
    </dgm:pt>
    <dgm:pt modelId="{9B7122F6-1C75-4435-8BF8-6DBA595DF737}" type="pres">
      <dgm:prSet presAssocID="{82081015-2673-46BF-80C3-DAAD66D771FD}" presName="compositeShape" presStyleCnt="0">
        <dgm:presLayoutVars>
          <dgm:dir/>
          <dgm:resizeHandles/>
        </dgm:presLayoutVars>
      </dgm:prSet>
      <dgm:spPr/>
    </dgm:pt>
    <dgm:pt modelId="{BD38ED09-6FD2-4814-B071-762CC62F0C83}" type="pres">
      <dgm:prSet presAssocID="{82081015-2673-46BF-80C3-DAAD66D771FD}" presName="pyramid" presStyleLbl="node1" presStyleIdx="0" presStyleCnt="1"/>
      <dgm:spPr/>
    </dgm:pt>
    <dgm:pt modelId="{0757A108-E92B-4849-9A2E-6938CA89C43A}" type="pres">
      <dgm:prSet presAssocID="{82081015-2673-46BF-80C3-DAAD66D771FD}" presName="theList" presStyleCnt="0"/>
      <dgm:spPr/>
    </dgm:pt>
    <dgm:pt modelId="{CEA15834-6FD5-40B8-83B8-35A90B102AAE}" type="pres">
      <dgm:prSet presAssocID="{CCDC474E-FFC5-461A-AD7D-FE7308FF442A}" presName="aNode" presStyleLbl="fgAcc1" presStyleIdx="0" presStyleCnt="3">
        <dgm:presLayoutVars>
          <dgm:bulletEnabled val="1"/>
        </dgm:presLayoutVars>
      </dgm:prSet>
      <dgm:spPr/>
    </dgm:pt>
    <dgm:pt modelId="{CB47C5A9-1B26-4FB2-9906-10AF343D15BC}" type="pres">
      <dgm:prSet presAssocID="{CCDC474E-FFC5-461A-AD7D-FE7308FF442A}" presName="aSpace" presStyleCnt="0"/>
      <dgm:spPr/>
    </dgm:pt>
    <dgm:pt modelId="{793F40AA-2621-4C2F-B0AF-D10D9CF9AA1E}" type="pres">
      <dgm:prSet presAssocID="{0039B85E-A143-4967-8B58-BD3D4C08C18A}" presName="aNode" presStyleLbl="fgAcc1" presStyleIdx="1" presStyleCnt="3">
        <dgm:presLayoutVars>
          <dgm:bulletEnabled val="1"/>
        </dgm:presLayoutVars>
      </dgm:prSet>
      <dgm:spPr/>
    </dgm:pt>
    <dgm:pt modelId="{E249FD2E-8167-4F22-BAA1-845CF50795E0}" type="pres">
      <dgm:prSet presAssocID="{0039B85E-A143-4967-8B58-BD3D4C08C18A}" presName="aSpace" presStyleCnt="0"/>
      <dgm:spPr/>
    </dgm:pt>
    <dgm:pt modelId="{4899BCDB-58DE-4659-BFE6-69694A3A6622}" type="pres">
      <dgm:prSet presAssocID="{B7FCE56B-248F-4495-8229-4DA725A01AD6}" presName="aNode" presStyleLbl="fgAcc1" presStyleIdx="2" presStyleCnt="3" custLinFactNeighborX="-525" custLinFactNeighborY="-4887">
        <dgm:presLayoutVars>
          <dgm:bulletEnabled val="1"/>
        </dgm:presLayoutVars>
      </dgm:prSet>
      <dgm:spPr/>
    </dgm:pt>
    <dgm:pt modelId="{F19936D9-021B-4BB2-B6C7-55767B23D40B}" type="pres">
      <dgm:prSet presAssocID="{B7FCE56B-248F-4495-8229-4DA725A01AD6}" presName="aSpace" presStyleCnt="0"/>
      <dgm:spPr/>
    </dgm:pt>
  </dgm:ptLst>
  <dgm:cxnLst>
    <dgm:cxn modelId="{AFF5F009-C4F2-4EC8-ABE9-A8F92E8EF913}" srcId="{82081015-2673-46BF-80C3-DAAD66D771FD}" destId="{CCDC474E-FFC5-461A-AD7D-FE7308FF442A}" srcOrd="0" destOrd="0" parTransId="{95900BB6-53F1-4DB7-8BF1-CCF9D68A0ACC}" sibTransId="{28EEDA50-78F1-431D-9074-ABCF78F502F8}"/>
    <dgm:cxn modelId="{E4C0C80F-E31C-4BA2-883F-2D0516ACA157}" srcId="{82081015-2673-46BF-80C3-DAAD66D771FD}" destId="{B7FCE56B-248F-4495-8229-4DA725A01AD6}" srcOrd="2" destOrd="0" parTransId="{C33072AF-7C76-42F1-A2CE-D766F6233B75}" sibTransId="{85A706B5-D031-4D12-AC8E-8E9C9703414D}"/>
    <dgm:cxn modelId="{5459A534-D2A0-4377-BA3F-A6C9FF9755CF}" type="presOf" srcId="{82081015-2673-46BF-80C3-DAAD66D771FD}" destId="{9B7122F6-1C75-4435-8BF8-6DBA595DF737}" srcOrd="0" destOrd="0" presId="urn:microsoft.com/office/officeart/2005/8/layout/pyramid2"/>
    <dgm:cxn modelId="{01DAA852-875F-4571-9E14-FE7CD1EA5902}" srcId="{82081015-2673-46BF-80C3-DAAD66D771FD}" destId="{0039B85E-A143-4967-8B58-BD3D4C08C18A}" srcOrd="1" destOrd="0" parTransId="{A8080223-E33E-4CA5-8F71-EF8EDCB44C8F}" sibTransId="{A4E4E5F2-4B6B-4A85-ACE6-8F483589BE46}"/>
    <dgm:cxn modelId="{3A495AEB-C944-4D69-B624-D5EAA85CE7E0}" type="presOf" srcId="{0039B85E-A143-4967-8B58-BD3D4C08C18A}" destId="{793F40AA-2621-4C2F-B0AF-D10D9CF9AA1E}" srcOrd="0" destOrd="0" presId="urn:microsoft.com/office/officeart/2005/8/layout/pyramid2"/>
    <dgm:cxn modelId="{C1493EEC-35A7-4E6C-9DB4-5E63957BDA49}" type="presOf" srcId="{CCDC474E-FFC5-461A-AD7D-FE7308FF442A}" destId="{CEA15834-6FD5-40B8-83B8-35A90B102AAE}" srcOrd="0" destOrd="0" presId="urn:microsoft.com/office/officeart/2005/8/layout/pyramid2"/>
    <dgm:cxn modelId="{18E758FC-DF5E-42AE-A95C-A1954E6ECBFB}" type="presOf" srcId="{B7FCE56B-248F-4495-8229-4DA725A01AD6}" destId="{4899BCDB-58DE-4659-BFE6-69694A3A6622}" srcOrd="0" destOrd="0" presId="urn:microsoft.com/office/officeart/2005/8/layout/pyramid2"/>
    <dgm:cxn modelId="{F36FCCDF-62E8-4B17-B92F-F1E3EE2D4E22}" type="presParOf" srcId="{9B7122F6-1C75-4435-8BF8-6DBA595DF737}" destId="{BD38ED09-6FD2-4814-B071-762CC62F0C83}" srcOrd="0" destOrd="0" presId="urn:microsoft.com/office/officeart/2005/8/layout/pyramid2"/>
    <dgm:cxn modelId="{7741C208-6B37-409A-8733-624C4C4BE442}" type="presParOf" srcId="{9B7122F6-1C75-4435-8BF8-6DBA595DF737}" destId="{0757A108-E92B-4849-9A2E-6938CA89C43A}" srcOrd="1" destOrd="0" presId="urn:microsoft.com/office/officeart/2005/8/layout/pyramid2"/>
    <dgm:cxn modelId="{F318E5C0-A2A4-45D4-9EF0-8492732B5ED6}" type="presParOf" srcId="{0757A108-E92B-4849-9A2E-6938CA89C43A}" destId="{CEA15834-6FD5-40B8-83B8-35A90B102AAE}" srcOrd="0" destOrd="0" presId="urn:microsoft.com/office/officeart/2005/8/layout/pyramid2"/>
    <dgm:cxn modelId="{81D85288-79D0-41FF-ABA3-9D2D29AE364A}" type="presParOf" srcId="{0757A108-E92B-4849-9A2E-6938CA89C43A}" destId="{CB47C5A9-1B26-4FB2-9906-10AF343D15BC}" srcOrd="1" destOrd="0" presId="urn:microsoft.com/office/officeart/2005/8/layout/pyramid2"/>
    <dgm:cxn modelId="{8ACBA7E7-4347-4435-A23F-B65C932D6F02}" type="presParOf" srcId="{0757A108-E92B-4849-9A2E-6938CA89C43A}" destId="{793F40AA-2621-4C2F-B0AF-D10D9CF9AA1E}" srcOrd="2" destOrd="0" presId="urn:microsoft.com/office/officeart/2005/8/layout/pyramid2"/>
    <dgm:cxn modelId="{31367136-3919-4FC2-9C5D-153F4EA09F9B}" type="presParOf" srcId="{0757A108-E92B-4849-9A2E-6938CA89C43A}" destId="{E249FD2E-8167-4F22-BAA1-845CF50795E0}" srcOrd="3" destOrd="0" presId="urn:microsoft.com/office/officeart/2005/8/layout/pyramid2"/>
    <dgm:cxn modelId="{BDD16CF9-A27F-47B3-B574-8A1E84FF3665}" type="presParOf" srcId="{0757A108-E92B-4849-9A2E-6938CA89C43A}" destId="{4899BCDB-58DE-4659-BFE6-69694A3A6622}" srcOrd="4" destOrd="0" presId="urn:microsoft.com/office/officeart/2005/8/layout/pyramid2"/>
    <dgm:cxn modelId="{9B53D9FB-2E58-4827-9B4D-2FD8B1D104B2}" type="presParOf" srcId="{0757A108-E92B-4849-9A2E-6938CA89C43A}" destId="{F19936D9-021B-4BB2-B6C7-55767B23D40B}" srcOrd="5" destOrd="0" presId="urn:microsoft.com/office/officeart/2005/8/layout/pyramid2"/>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D38ED09-6FD2-4814-B071-762CC62F0C83}">
      <dsp:nvSpPr>
        <dsp:cNvPr id="0" name=""/>
        <dsp:cNvSpPr/>
      </dsp:nvSpPr>
      <dsp:spPr>
        <a:xfrm>
          <a:off x="0" y="0"/>
          <a:ext cx="2159974" cy="2332042"/>
        </a:xfrm>
        <a:prstGeom prst="triangle">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CEA15834-6FD5-40B8-83B8-35A90B102AAE}">
      <dsp:nvSpPr>
        <dsp:cNvPr id="0" name=""/>
        <dsp:cNvSpPr/>
      </dsp:nvSpPr>
      <dsp:spPr>
        <a:xfrm>
          <a:off x="1079987" y="234456"/>
          <a:ext cx="1403983" cy="552038"/>
        </a:xfrm>
        <a:prstGeom prst="roundRect">
          <a:avLst/>
        </a:prstGeom>
        <a:solidFill>
          <a:schemeClr val="lt1">
            <a:alpha val="90000"/>
            <a:hueOff val="0"/>
            <a:satOff val="0"/>
            <a:lumOff val="0"/>
            <a:alphaOff val="0"/>
          </a:schemeClr>
        </a:solidFill>
        <a:ln w="19050" cap="flat" cmpd="sng" algn="ctr">
          <a:solidFill>
            <a:srgbClr val="FF8C0A"/>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it-IT" sz="1200" kern="1200"/>
            <a:t>n. Giorni persi per incidenti</a:t>
          </a:r>
        </a:p>
      </dsp:txBody>
      <dsp:txXfrm>
        <a:off x="1106935" y="261404"/>
        <a:ext cx="1350087" cy="498142"/>
      </dsp:txXfrm>
    </dsp:sp>
    <dsp:sp modelId="{793F40AA-2621-4C2F-B0AF-D10D9CF9AA1E}">
      <dsp:nvSpPr>
        <dsp:cNvPr id="0" name=""/>
        <dsp:cNvSpPr/>
      </dsp:nvSpPr>
      <dsp:spPr>
        <a:xfrm>
          <a:off x="1079987" y="855499"/>
          <a:ext cx="1403983" cy="552038"/>
        </a:xfrm>
        <a:prstGeom prst="roundRect">
          <a:avLst/>
        </a:prstGeom>
        <a:solidFill>
          <a:schemeClr val="lt1">
            <a:alpha val="90000"/>
            <a:hueOff val="0"/>
            <a:satOff val="0"/>
            <a:lumOff val="0"/>
            <a:alphaOff val="0"/>
          </a:schemeClr>
        </a:solidFill>
        <a:ln w="19050" cap="flat" cmpd="sng" algn="ctr">
          <a:solidFill>
            <a:srgbClr val="AF78D2"/>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it-IT" sz="1200" kern="1200"/>
            <a:t>n. Near Miss e Risk Observation</a:t>
          </a:r>
        </a:p>
      </dsp:txBody>
      <dsp:txXfrm>
        <a:off x="1106935" y="882447"/>
        <a:ext cx="1350087" cy="498142"/>
      </dsp:txXfrm>
    </dsp:sp>
    <dsp:sp modelId="{4899BCDB-58DE-4659-BFE6-69694A3A6622}">
      <dsp:nvSpPr>
        <dsp:cNvPr id="0" name=""/>
        <dsp:cNvSpPr/>
      </dsp:nvSpPr>
      <dsp:spPr>
        <a:xfrm>
          <a:off x="1072616" y="1473170"/>
          <a:ext cx="1403983" cy="552038"/>
        </a:xfrm>
        <a:prstGeom prst="roundRect">
          <a:avLst/>
        </a:prstGeom>
        <a:solidFill>
          <a:schemeClr val="lt1">
            <a:alpha val="90000"/>
            <a:hueOff val="0"/>
            <a:satOff val="0"/>
            <a:lumOff val="0"/>
            <a:alphaOff val="0"/>
          </a:schemeClr>
        </a:solidFill>
        <a:ln w="19050" cap="flat" cmpd="sng" algn="ctr">
          <a:solidFill>
            <a:srgbClr val="00B050"/>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it-IT" sz="1200" kern="1200"/>
            <a:t>n. Audit svolti</a:t>
          </a:r>
        </a:p>
      </dsp:txBody>
      <dsp:txXfrm>
        <a:off x="1099564" y="1500118"/>
        <a:ext cx="1350087" cy="498142"/>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D38ED09-6FD2-4814-B071-762CC62F0C83}">
      <dsp:nvSpPr>
        <dsp:cNvPr id="0" name=""/>
        <dsp:cNvSpPr/>
      </dsp:nvSpPr>
      <dsp:spPr>
        <a:xfrm>
          <a:off x="0" y="0"/>
          <a:ext cx="2159974" cy="2332042"/>
        </a:xfrm>
        <a:prstGeom prst="triangle">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CEA15834-6FD5-40B8-83B8-35A90B102AAE}">
      <dsp:nvSpPr>
        <dsp:cNvPr id="0" name=""/>
        <dsp:cNvSpPr/>
      </dsp:nvSpPr>
      <dsp:spPr>
        <a:xfrm>
          <a:off x="1079987" y="234456"/>
          <a:ext cx="1403983" cy="552038"/>
        </a:xfrm>
        <a:prstGeom prst="roundRect">
          <a:avLst/>
        </a:prstGeom>
        <a:solidFill>
          <a:schemeClr val="lt1">
            <a:alpha val="90000"/>
            <a:hueOff val="0"/>
            <a:satOff val="0"/>
            <a:lumOff val="0"/>
            <a:alphaOff val="0"/>
          </a:schemeClr>
        </a:solidFill>
        <a:ln w="19050" cap="flat" cmpd="sng" algn="ctr">
          <a:solidFill>
            <a:srgbClr val="FF8C0A"/>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it-IT" sz="1200" kern="1200"/>
            <a:t>n. Giorni persi per incidenti</a:t>
          </a:r>
        </a:p>
      </dsp:txBody>
      <dsp:txXfrm>
        <a:off x="1106935" y="261404"/>
        <a:ext cx="1350087" cy="498142"/>
      </dsp:txXfrm>
    </dsp:sp>
    <dsp:sp modelId="{793F40AA-2621-4C2F-B0AF-D10D9CF9AA1E}">
      <dsp:nvSpPr>
        <dsp:cNvPr id="0" name=""/>
        <dsp:cNvSpPr/>
      </dsp:nvSpPr>
      <dsp:spPr>
        <a:xfrm>
          <a:off x="1079987" y="855499"/>
          <a:ext cx="1403983" cy="552038"/>
        </a:xfrm>
        <a:prstGeom prst="roundRect">
          <a:avLst/>
        </a:prstGeom>
        <a:solidFill>
          <a:schemeClr val="lt1">
            <a:alpha val="90000"/>
            <a:hueOff val="0"/>
            <a:satOff val="0"/>
            <a:lumOff val="0"/>
            <a:alphaOff val="0"/>
          </a:schemeClr>
        </a:solidFill>
        <a:ln w="19050" cap="flat" cmpd="sng" algn="ctr">
          <a:solidFill>
            <a:srgbClr val="AF78D2"/>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it-IT" sz="1200" kern="1200"/>
            <a:t>n. Near Miss e Risk Observation</a:t>
          </a:r>
        </a:p>
      </dsp:txBody>
      <dsp:txXfrm>
        <a:off x="1106935" y="882447"/>
        <a:ext cx="1350087" cy="498142"/>
      </dsp:txXfrm>
    </dsp:sp>
    <dsp:sp modelId="{4899BCDB-58DE-4659-BFE6-69694A3A6622}">
      <dsp:nvSpPr>
        <dsp:cNvPr id="0" name=""/>
        <dsp:cNvSpPr/>
      </dsp:nvSpPr>
      <dsp:spPr>
        <a:xfrm>
          <a:off x="1072616" y="1473170"/>
          <a:ext cx="1403983" cy="552038"/>
        </a:xfrm>
        <a:prstGeom prst="roundRect">
          <a:avLst/>
        </a:prstGeom>
        <a:solidFill>
          <a:schemeClr val="lt1">
            <a:alpha val="90000"/>
            <a:hueOff val="0"/>
            <a:satOff val="0"/>
            <a:lumOff val="0"/>
            <a:alphaOff val="0"/>
          </a:schemeClr>
        </a:solidFill>
        <a:ln w="19050" cap="flat" cmpd="sng" algn="ctr">
          <a:solidFill>
            <a:srgbClr val="00B050"/>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it-IT" sz="1200" kern="1200"/>
            <a:t>n. Audit svolti/n.attività svolte</a:t>
          </a:r>
        </a:p>
      </dsp:txBody>
      <dsp:txXfrm>
        <a:off x="1099564" y="1500118"/>
        <a:ext cx="1350087" cy="498142"/>
      </dsp:txXfrm>
    </dsp:sp>
  </dsp:spTree>
</dsp:drawing>
</file>

<file path=ppt/diagrams/layout1.xml><?xml version="1.0" encoding="utf-8"?>
<dgm:layoutDef xmlns:dgm="http://schemas.openxmlformats.org/drawingml/2006/diagram" xmlns:a="http://schemas.openxmlformats.org/drawingml/2006/main" uniqueId="urn:microsoft.com/office/officeart/2005/8/layout/pyramid2">
  <dgm:title val=""/>
  <dgm:desc val=""/>
  <dgm:catLst>
    <dgm:cat type="pyramid" pri="3000"/>
    <dgm:cat type="list" pri="21000"/>
    <dgm:cat type="convert" pri="17000"/>
  </dgm:catLst>
  <dgm:sampData useDef="1">
    <dgm:dataModel>
      <dgm:ptLst/>
      <dgm:bg/>
      <dgm:whole/>
    </dgm:dataModel>
  </dgm:sampData>
  <dgm:styleData useDef="1">
    <dgm:dataModel>
      <dgm:ptLst/>
      <dgm:bg/>
      <dgm:whole/>
    </dgm:dataModel>
  </dgm:styleData>
  <dgm:clrData useDef="1">
    <dgm:dataModel>
      <dgm:ptLst/>
      <dgm:bg/>
      <dgm:whole/>
    </dgm:dataModel>
  </dgm:clrData>
  <dgm:layoutNode name="compositeShape">
    <dgm:alg type="composite"/>
    <dgm:shape xmlns:r="http://schemas.openxmlformats.org/officeDocument/2006/relationships" r:blip="">
      <dgm:adjLst/>
    </dgm:shape>
    <dgm:presOf/>
    <dgm:varLst>
      <dgm:dir/>
      <dgm:resizeHandles/>
    </dgm:varLst>
    <dgm:choose name="Name0">
      <dgm:if name="Name1" func="var" arg="dir" op="equ" val="norm">
        <dgm:constrLst>
          <dgm:constr type="w" for="ch" forName="pyramid" refType="h"/>
          <dgm:constr type="h" for="ch" forName="pyramid" refType="h"/>
          <dgm:constr type="h" for="ch" forName="theList" refType="h" fact="0.8"/>
          <dgm:constr type="w" for="ch" forName="theList" refType="h" fact="0.65"/>
          <dgm:constr type="ctrY" for="ch" forName="theList" refType="h" refFor="ch" refForName="pyramid" fact="0.5"/>
          <dgm:constr type="l" for="ch" forName="theList" refType="w" refFor="ch" refForName="pyramid" fact="0.5"/>
          <dgm:constr type="h" for="des" forName="aSpace" refType="h" fact="0.1"/>
        </dgm:constrLst>
      </dgm:if>
      <dgm:else name="Name2">
        <dgm:constrLst>
          <dgm:constr type="w" for="ch" forName="pyramid" refType="h"/>
          <dgm:constr type="h" for="ch" forName="pyramid" refType="h"/>
          <dgm:constr type="h" for="ch" forName="theList" refType="h" fact="0.8"/>
          <dgm:constr type="w" for="ch" forName="theList" refType="h" fact="0.65"/>
          <dgm:constr type="ctrY" for="ch" forName="theList" refType="h" refFor="ch" refForName="pyramid" fact="0.5"/>
          <dgm:constr type="r" for="ch" forName="theList" refType="w" refFor="ch" refForName="pyramid" fact="0.5"/>
          <dgm:constr type="h" for="des" forName="aSpace" refType="h" fact="0.1"/>
        </dgm:constrLst>
      </dgm:else>
    </dgm:choose>
    <dgm:ruleLst/>
    <dgm:choose name="Name3">
      <dgm:if name="Name4" axis="ch" ptType="node" func="cnt" op="gte" val="1">
        <dgm:layoutNode name="pyramid" styleLbl="node1">
          <dgm:alg type="sp"/>
          <dgm:shape xmlns:r="http://schemas.openxmlformats.org/officeDocument/2006/relationships" type="triangle" r:blip="">
            <dgm:adjLst/>
          </dgm:shape>
          <dgm:presOf/>
          <dgm:constrLst/>
          <dgm:ruleLst/>
        </dgm:layoutNode>
        <dgm:layoutNode name="theList">
          <dgm:alg type="lin">
            <dgm:param type="linDir" val="fromT"/>
          </dgm:alg>
          <dgm:shape xmlns:r="http://schemas.openxmlformats.org/officeDocument/2006/relationships" r:blip="">
            <dgm:adjLst/>
          </dgm:shape>
          <dgm:presOf/>
          <dgm:constrLst>
            <dgm:constr type="w" for="ch" forName="aNode" refType="w"/>
            <dgm:constr type="h" for="ch" forName="aNode" refType="h"/>
            <dgm:constr type="primFontSz" for="ch" ptType="node" op="equ"/>
          </dgm:constrLst>
          <dgm:ruleLst/>
          <dgm:forEach name="aNodeForEach" axis="ch" ptType="node">
            <dgm:layoutNode name="aNode" styleLbl="fgAcc1">
              <dgm:varLst>
                <dgm:bulletEnabled val="1"/>
              </dgm:varLst>
              <dgm:alg type="tx"/>
              <dgm:shape xmlns:r="http://schemas.openxmlformats.org/officeDocument/2006/relationships" type="roundRect" r:blip="">
                <dgm:adjLst/>
              </dgm:shape>
              <dgm:presOf axis="desOrSelf" ptType="node"/>
              <dgm:constrLst>
                <dgm:constr type="primFontSz" val="65"/>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aSpace">
              <dgm:alg type="sp"/>
              <dgm:shape xmlns:r="http://schemas.openxmlformats.org/officeDocument/2006/relationships" r:blip="">
                <dgm:adjLst/>
              </dgm:shape>
              <dgm:presOf/>
              <dgm:constrLst/>
              <dgm:ruleLst/>
            </dgm:layoutNode>
          </dgm:forEach>
        </dgm:layoutNode>
      </dgm:if>
      <dgm:else name="Name5"/>
    </dgm:choose>
  </dgm:layoutNode>
</dgm:layoutDef>
</file>

<file path=ppt/diagrams/layout2.xml><?xml version="1.0" encoding="utf-8"?>
<dgm:layoutDef xmlns:dgm="http://schemas.openxmlformats.org/drawingml/2006/diagram" xmlns:a="http://schemas.openxmlformats.org/drawingml/2006/main" uniqueId="urn:microsoft.com/office/officeart/2005/8/layout/pyramid2">
  <dgm:title val=""/>
  <dgm:desc val=""/>
  <dgm:catLst>
    <dgm:cat type="pyramid" pri="3000"/>
    <dgm:cat type="list" pri="21000"/>
    <dgm:cat type="convert" pri="17000"/>
  </dgm:catLst>
  <dgm:sampData useDef="1">
    <dgm:dataModel>
      <dgm:ptLst/>
      <dgm:bg/>
      <dgm:whole/>
    </dgm:dataModel>
  </dgm:sampData>
  <dgm:styleData useDef="1">
    <dgm:dataModel>
      <dgm:ptLst/>
      <dgm:bg/>
      <dgm:whole/>
    </dgm:dataModel>
  </dgm:styleData>
  <dgm:clrData useDef="1">
    <dgm:dataModel>
      <dgm:ptLst/>
      <dgm:bg/>
      <dgm:whole/>
    </dgm:dataModel>
  </dgm:clrData>
  <dgm:layoutNode name="compositeShape">
    <dgm:alg type="composite"/>
    <dgm:shape xmlns:r="http://schemas.openxmlformats.org/officeDocument/2006/relationships" r:blip="">
      <dgm:adjLst/>
    </dgm:shape>
    <dgm:presOf/>
    <dgm:varLst>
      <dgm:dir/>
      <dgm:resizeHandles/>
    </dgm:varLst>
    <dgm:choose name="Name0">
      <dgm:if name="Name1" func="var" arg="dir" op="equ" val="norm">
        <dgm:constrLst>
          <dgm:constr type="w" for="ch" forName="pyramid" refType="h"/>
          <dgm:constr type="h" for="ch" forName="pyramid" refType="h"/>
          <dgm:constr type="h" for="ch" forName="theList" refType="h" fact="0.8"/>
          <dgm:constr type="w" for="ch" forName="theList" refType="h" fact="0.65"/>
          <dgm:constr type="ctrY" for="ch" forName="theList" refType="h" refFor="ch" refForName="pyramid" fact="0.5"/>
          <dgm:constr type="l" for="ch" forName="theList" refType="w" refFor="ch" refForName="pyramid" fact="0.5"/>
          <dgm:constr type="h" for="des" forName="aSpace" refType="h" fact="0.1"/>
        </dgm:constrLst>
      </dgm:if>
      <dgm:else name="Name2">
        <dgm:constrLst>
          <dgm:constr type="w" for="ch" forName="pyramid" refType="h"/>
          <dgm:constr type="h" for="ch" forName="pyramid" refType="h"/>
          <dgm:constr type="h" for="ch" forName="theList" refType="h" fact="0.8"/>
          <dgm:constr type="w" for="ch" forName="theList" refType="h" fact="0.65"/>
          <dgm:constr type="ctrY" for="ch" forName="theList" refType="h" refFor="ch" refForName="pyramid" fact="0.5"/>
          <dgm:constr type="r" for="ch" forName="theList" refType="w" refFor="ch" refForName="pyramid" fact="0.5"/>
          <dgm:constr type="h" for="des" forName="aSpace" refType="h" fact="0.1"/>
        </dgm:constrLst>
      </dgm:else>
    </dgm:choose>
    <dgm:ruleLst/>
    <dgm:choose name="Name3">
      <dgm:if name="Name4" axis="ch" ptType="node" func="cnt" op="gte" val="1">
        <dgm:layoutNode name="pyramid" styleLbl="node1">
          <dgm:alg type="sp"/>
          <dgm:shape xmlns:r="http://schemas.openxmlformats.org/officeDocument/2006/relationships" type="triangle" r:blip="">
            <dgm:adjLst/>
          </dgm:shape>
          <dgm:presOf/>
          <dgm:constrLst/>
          <dgm:ruleLst/>
        </dgm:layoutNode>
        <dgm:layoutNode name="theList">
          <dgm:alg type="lin">
            <dgm:param type="linDir" val="fromT"/>
          </dgm:alg>
          <dgm:shape xmlns:r="http://schemas.openxmlformats.org/officeDocument/2006/relationships" r:blip="">
            <dgm:adjLst/>
          </dgm:shape>
          <dgm:presOf/>
          <dgm:constrLst>
            <dgm:constr type="w" for="ch" forName="aNode" refType="w"/>
            <dgm:constr type="h" for="ch" forName="aNode" refType="h"/>
            <dgm:constr type="primFontSz" for="ch" ptType="node" op="equ"/>
          </dgm:constrLst>
          <dgm:ruleLst/>
          <dgm:forEach name="aNodeForEach" axis="ch" ptType="node">
            <dgm:layoutNode name="aNode" styleLbl="fgAcc1">
              <dgm:varLst>
                <dgm:bulletEnabled val="1"/>
              </dgm:varLst>
              <dgm:alg type="tx"/>
              <dgm:shape xmlns:r="http://schemas.openxmlformats.org/officeDocument/2006/relationships" type="roundRect" r:blip="">
                <dgm:adjLst/>
              </dgm:shape>
              <dgm:presOf axis="desOrSelf" ptType="node"/>
              <dgm:constrLst>
                <dgm:constr type="primFontSz" val="65"/>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aSpace">
              <dgm:alg type="sp"/>
              <dgm:shape xmlns:r="http://schemas.openxmlformats.org/officeDocument/2006/relationships" r:blip="">
                <dgm:adjLst/>
              </dgm:shape>
              <dgm:presOf/>
              <dgm:constrLst/>
              <dgm:ruleLst/>
            </dgm:layoutNode>
          </dgm:forEach>
        </dgm:layoutNode>
      </dgm:if>
      <dgm:else name="Name5"/>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it-IT"/>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CF6752D0-FF6A-4F6D-AE05-59343B271A1E}" type="datetimeFigureOut">
              <a:rPr lang="it-IT" smtClean="0"/>
              <a:t>27/10/2023</a:t>
            </a:fld>
            <a:endParaRPr lang="it-IT"/>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it-IT"/>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it-IT"/>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it-IT"/>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C314B2D3-25E4-44D1-B5D3-316BDA3CD7CB}" type="slidenum">
              <a:rPr lang="it-IT" smtClean="0"/>
              <a:t>‹#›</a:t>
            </a:fld>
            <a:endParaRPr lang="it-IT"/>
          </a:p>
        </p:txBody>
      </p:sp>
    </p:spTree>
    <p:extLst>
      <p:ext uri="{BB962C8B-B14F-4D97-AF65-F5344CB8AC3E}">
        <p14:creationId xmlns:p14="http://schemas.microsoft.com/office/powerpoint/2010/main" val="23636373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it-IT"/>
          </a:p>
        </p:txBody>
      </p:sp>
      <p:sp>
        <p:nvSpPr>
          <p:cNvPr id="4" name="Slide Number Placeholder 3"/>
          <p:cNvSpPr>
            <a:spLocks noGrp="1"/>
          </p:cNvSpPr>
          <p:nvPr>
            <p:ph type="sldNum" sz="quarter" idx="5"/>
          </p:nvPr>
        </p:nvSpPr>
        <p:spPr/>
        <p:txBody>
          <a:bodyPr/>
          <a:lstStyle/>
          <a:p>
            <a:fld id="{C314B2D3-25E4-44D1-B5D3-316BDA3CD7CB}" type="slidenum">
              <a:rPr lang="it-IT" smtClean="0"/>
              <a:t>4</a:t>
            </a:fld>
            <a:endParaRPr lang="it-IT"/>
          </a:p>
        </p:txBody>
      </p:sp>
    </p:spTree>
    <p:extLst>
      <p:ext uri="{BB962C8B-B14F-4D97-AF65-F5344CB8AC3E}">
        <p14:creationId xmlns:p14="http://schemas.microsoft.com/office/powerpoint/2010/main" val="266685176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it-IT"/>
          </a:p>
        </p:txBody>
      </p:sp>
      <p:sp>
        <p:nvSpPr>
          <p:cNvPr id="4" name="Slide Number Placeholder 3"/>
          <p:cNvSpPr>
            <a:spLocks noGrp="1"/>
          </p:cNvSpPr>
          <p:nvPr>
            <p:ph type="sldNum" sz="quarter" idx="5"/>
          </p:nvPr>
        </p:nvSpPr>
        <p:spPr/>
        <p:txBody>
          <a:bodyPr/>
          <a:lstStyle/>
          <a:p>
            <a:fld id="{C314B2D3-25E4-44D1-B5D3-316BDA3CD7CB}" type="slidenum">
              <a:rPr lang="it-IT" smtClean="0"/>
              <a:t>8</a:t>
            </a:fld>
            <a:endParaRPr lang="it-IT"/>
          </a:p>
        </p:txBody>
      </p:sp>
    </p:spTree>
    <p:extLst>
      <p:ext uri="{BB962C8B-B14F-4D97-AF65-F5344CB8AC3E}">
        <p14:creationId xmlns:p14="http://schemas.microsoft.com/office/powerpoint/2010/main" val="374805985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it-IT"/>
              <a:t>Incluso itinere</a:t>
            </a:r>
          </a:p>
          <a:p>
            <a:r>
              <a:rPr lang="it-IT"/>
              <a:t>2021 - 169 giorni </a:t>
            </a:r>
          </a:p>
          <a:p>
            <a:r>
              <a:rPr lang="it-IT"/>
              <a:t>2022 - 114 giorni </a:t>
            </a:r>
          </a:p>
          <a:p>
            <a:r>
              <a:rPr lang="it-IT"/>
              <a:t>2023 - 60 giorni </a:t>
            </a:r>
          </a:p>
          <a:p>
            <a:endParaRPr lang="it-IT"/>
          </a:p>
          <a:p>
            <a:r>
              <a:rPr lang="it-IT"/>
              <a:t>Senza itinere</a:t>
            </a:r>
          </a:p>
          <a:p>
            <a:r>
              <a:rPr lang="it-IT"/>
              <a:t>2021 - 131 giorni</a:t>
            </a:r>
          </a:p>
          <a:p>
            <a:r>
              <a:rPr lang="it-IT"/>
              <a:t>2022 – 74 giorni</a:t>
            </a:r>
          </a:p>
          <a:p>
            <a:r>
              <a:rPr lang="it-IT"/>
              <a:t>2023 - 35 giorni</a:t>
            </a:r>
          </a:p>
          <a:p>
            <a:endParaRPr lang="it-IT"/>
          </a:p>
          <a:p>
            <a:r>
              <a:rPr lang="it-IT"/>
              <a:t>Near Miss/Risk Observation</a:t>
            </a:r>
          </a:p>
          <a:p>
            <a:r>
              <a:rPr lang="it-IT"/>
              <a:t>2021 - 41</a:t>
            </a:r>
          </a:p>
          <a:p>
            <a:r>
              <a:rPr lang="it-IT"/>
              <a:t>2022 - 180</a:t>
            </a:r>
          </a:p>
          <a:p>
            <a:r>
              <a:rPr lang="it-IT"/>
              <a:t>2023 – 200 (forecast)</a:t>
            </a:r>
          </a:p>
          <a:p>
            <a:endParaRPr lang="it-IT"/>
          </a:p>
          <a:p>
            <a:r>
              <a:rPr lang="it-IT"/>
              <a:t>Formazione</a:t>
            </a:r>
          </a:p>
          <a:p>
            <a:r>
              <a:rPr lang="it-IT"/>
              <a:t>2021 – 95,57%</a:t>
            </a:r>
          </a:p>
          <a:p>
            <a:r>
              <a:rPr lang="it-IT"/>
              <a:t>2022 – 98,5%</a:t>
            </a:r>
          </a:p>
          <a:p>
            <a:r>
              <a:rPr lang="it-IT"/>
              <a:t>2023 – 99,8%</a:t>
            </a:r>
          </a:p>
          <a:p>
            <a:endParaRPr lang="it-IT"/>
          </a:p>
          <a:p>
            <a:r>
              <a:rPr lang="it-IT"/>
              <a:t>Audit svolti/attività in campo</a:t>
            </a:r>
          </a:p>
          <a:p>
            <a:r>
              <a:rPr lang="it-IT"/>
              <a:t>2021 - </a:t>
            </a:r>
          </a:p>
          <a:p>
            <a:r>
              <a:rPr lang="it-IT"/>
              <a:t>2022 - </a:t>
            </a:r>
          </a:p>
          <a:p>
            <a:r>
              <a:rPr lang="it-IT"/>
              <a:t>2023 - </a:t>
            </a:r>
          </a:p>
          <a:p>
            <a:endParaRPr lang="it-IT"/>
          </a:p>
          <a:p>
            <a:r>
              <a:rPr lang="it-IT"/>
              <a:t>n. Risk Observation/attività in campo</a:t>
            </a:r>
          </a:p>
          <a:p>
            <a:r>
              <a:rPr lang="it-IT"/>
              <a:t>2021 – </a:t>
            </a:r>
          </a:p>
          <a:p>
            <a:r>
              <a:rPr lang="it-IT"/>
              <a:t>2022 – </a:t>
            </a:r>
          </a:p>
          <a:p>
            <a:r>
              <a:rPr lang="it-IT"/>
              <a:t>2023 – </a:t>
            </a:r>
          </a:p>
        </p:txBody>
      </p:sp>
      <p:sp>
        <p:nvSpPr>
          <p:cNvPr id="4" name="Slide Number Placeholder 3"/>
          <p:cNvSpPr>
            <a:spLocks noGrp="1"/>
          </p:cNvSpPr>
          <p:nvPr>
            <p:ph type="sldNum" sz="quarter" idx="5"/>
          </p:nvPr>
        </p:nvSpPr>
        <p:spPr/>
        <p:txBody>
          <a:bodyPr/>
          <a:lstStyle/>
          <a:p>
            <a:fld id="{C314B2D3-25E4-44D1-B5D3-316BDA3CD7CB}" type="slidenum">
              <a:rPr lang="it-IT" smtClean="0"/>
              <a:t>11</a:t>
            </a:fld>
            <a:endParaRPr lang="it-IT"/>
          </a:p>
        </p:txBody>
      </p:sp>
    </p:spTree>
    <p:extLst>
      <p:ext uri="{BB962C8B-B14F-4D97-AF65-F5344CB8AC3E}">
        <p14:creationId xmlns:p14="http://schemas.microsoft.com/office/powerpoint/2010/main" val="58131941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6DF5175-D2BC-FB94-655C-19CD6424725D}"/>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84344130-5800-0A2E-0E0F-117915B43C06}"/>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4A06071B-FF38-B11D-5CC3-FE1EDDBEA926}"/>
              </a:ext>
            </a:extLst>
          </p:cNvPr>
          <p:cNvSpPr>
            <a:spLocks noGrp="1"/>
          </p:cNvSpPr>
          <p:nvPr>
            <p:ph type="dt" sz="half" idx="10"/>
          </p:nvPr>
        </p:nvSpPr>
        <p:spPr/>
        <p:txBody>
          <a:bodyPr/>
          <a:lstStyle/>
          <a:p>
            <a:fld id="{CF7FF497-6310-49FA-AAFF-DCC6369ACB42}" type="datetimeFigureOut">
              <a:rPr lang="en-US" smtClean="0"/>
              <a:t>10/27/2023</a:t>
            </a:fld>
            <a:endParaRPr lang="en-US"/>
          </a:p>
        </p:txBody>
      </p:sp>
      <p:sp>
        <p:nvSpPr>
          <p:cNvPr id="5" name="Footer Placeholder 4">
            <a:extLst>
              <a:ext uri="{FF2B5EF4-FFF2-40B4-BE49-F238E27FC236}">
                <a16:creationId xmlns:a16="http://schemas.microsoft.com/office/drawing/2014/main" id="{2911D557-7565-695C-1B45-A636EF911B8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936E58AB-B4EE-4B60-BCFE-18D9C4B423D5}"/>
              </a:ext>
            </a:extLst>
          </p:cNvPr>
          <p:cNvSpPr>
            <a:spLocks noGrp="1"/>
          </p:cNvSpPr>
          <p:nvPr>
            <p:ph type="sldNum" sz="quarter" idx="12"/>
          </p:nvPr>
        </p:nvSpPr>
        <p:spPr/>
        <p:txBody>
          <a:bodyPr/>
          <a:lstStyle/>
          <a:p>
            <a:fld id="{59EA9F47-2892-4C74-9F98-806CD0739E5E}" type="slidenum">
              <a:rPr lang="en-US" smtClean="0"/>
              <a:t>‹#›</a:t>
            </a:fld>
            <a:endParaRPr lang="en-US"/>
          </a:p>
        </p:txBody>
      </p:sp>
    </p:spTree>
    <p:extLst>
      <p:ext uri="{BB962C8B-B14F-4D97-AF65-F5344CB8AC3E}">
        <p14:creationId xmlns:p14="http://schemas.microsoft.com/office/powerpoint/2010/main" val="268679060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C3B181D-29F2-7B83-4E10-190056961A35}"/>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9DC9F435-9441-F801-549F-0B35623A7790}"/>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83D0266B-66E3-3F2C-4900-2F4C963191BE}"/>
              </a:ext>
            </a:extLst>
          </p:cNvPr>
          <p:cNvSpPr>
            <a:spLocks noGrp="1"/>
          </p:cNvSpPr>
          <p:nvPr>
            <p:ph type="dt" sz="half" idx="10"/>
          </p:nvPr>
        </p:nvSpPr>
        <p:spPr/>
        <p:txBody>
          <a:bodyPr/>
          <a:lstStyle/>
          <a:p>
            <a:fld id="{CF7FF497-6310-49FA-AAFF-DCC6369ACB42}" type="datetimeFigureOut">
              <a:rPr lang="en-US" smtClean="0"/>
              <a:t>10/27/2023</a:t>
            </a:fld>
            <a:endParaRPr lang="en-US"/>
          </a:p>
        </p:txBody>
      </p:sp>
      <p:sp>
        <p:nvSpPr>
          <p:cNvPr id="5" name="Footer Placeholder 4">
            <a:extLst>
              <a:ext uri="{FF2B5EF4-FFF2-40B4-BE49-F238E27FC236}">
                <a16:creationId xmlns:a16="http://schemas.microsoft.com/office/drawing/2014/main" id="{C75E88D9-FC82-5CED-65EF-4C409456D5B6}"/>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6376CAF7-8266-567A-1A5B-339498C686BC}"/>
              </a:ext>
            </a:extLst>
          </p:cNvPr>
          <p:cNvSpPr>
            <a:spLocks noGrp="1"/>
          </p:cNvSpPr>
          <p:nvPr>
            <p:ph type="sldNum" sz="quarter" idx="12"/>
          </p:nvPr>
        </p:nvSpPr>
        <p:spPr/>
        <p:txBody>
          <a:bodyPr/>
          <a:lstStyle/>
          <a:p>
            <a:fld id="{59EA9F47-2892-4C74-9F98-806CD0739E5E}" type="slidenum">
              <a:rPr lang="en-US" smtClean="0"/>
              <a:t>‹#›</a:t>
            </a:fld>
            <a:endParaRPr lang="en-US"/>
          </a:p>
        </p:txBody>
      </p:sp>
    </p:spTree>
    <p:extLst>
      <p:ext uri="{BB962C8B-B14F-4D97-AF65-F5344CB8AC3E}">
        <p14:creationId xmlns:p14="http://schemas.microsoft.com/office/powerpoint/2010/main" val="359839749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068C8A9A-03FE-A9AC-2219-9CF60E99EB6A}"/>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136B95EB-3707-4D27-4F46-E51F19010B95}"/>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3FBC584E-5F44-02C1-8AC9-3931EDC763A9}"/>
              </a:ext>
            </a:extLst>
          </p:cNvPr>
          <p:cNvSpPr>
            <a:spLocks noGrp="1"/>
          </p:cNvSpPr>
          <p:nvPr>
            <p:ph type="dt" sz="half" idx="10"/>
          </p:nvPr>
        </p:nvSpPr>
        <p:spPr/>
        <p:txBody>
          <a:bodyPr/>
          <a:lstStyle/>
          <a:p>
            <a:fld id="{CF7FF497-6310-49FA-AAFF-DCC6369ACB42}" type="datetimeFigureOut">
              <a:rPr lang="en-US" smtClean="0"/>
              <a:t>10/27/2023</a:t>
            </a:fld>
            <a:endParaRPr lang="en-US"/>
          </a:p>
        </p:txBody>
      </p:sp>
      <p:sp>
        <p:nvSpPr>
          <p:cNvPr id="5" name="Footer Placeholder 4">
            <a:extLst>
              <a:ext uri="{FF2B5EF4-FFF2-40B4-BE49-F238E27FC236}">
                <a16:creationId xmlns:a16="http://schemas.microsoft.com/office/drawing/2014/main" id="{0A7D0197-CA1F-CA19-7040-E872B8B0EAC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C6CBD117-3498-4D96-DCD9-39D012DFFE78}"/>
              </a:ext>
            </a:extLst>
          </p:cNvPr>
          <p:cNvSpPr>
            <a:spLocks noGrp="1"/>
          </p:cNvSpPr>
          <p:nvPr>
            <p:ph type="sldNum" sz="quarter" idx="12"/>
          </p:nvPr>
        </p:nvSpPr>
        <p:spPr/>
        <p:txBody>
          <a:bodyPr/>
          <a:lstStyle/>
          <a:p>
            <a:fld id="{59EA9F47-2892-4C74-9F98-806CD0739E5E}" type="slidenum">
              <a:rPr lang="en-US" smtClean="0"/>
              <a:t>‹#›</a:t>
            </a:fld>
            <a:endParaRPr lang="en-US"/>
          </a:p>
        </p:txBody>
      </p:sp>
    </p:spTree>
    <p:extLst>
      <p:ext uri="{BB962C8B-B14F-4D97-AF65-F5344CB8AC3E}">
        <p14:creationId xmlns:p14="http://schemas.microsoft.com/office/powerpoint/2010/main" val="232994448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Black blank">
    <p:bg>
      <p:bgRef idx="1001">
        <a:schemeClr val="bg1"/>
      </p:bgRef>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E6869961-F931-4F1E-9FB3-8587EBA3F36F}"/>
              </a:ext>
            </a:extLst>
          </p:cNvPr>
          <p:cNvSpPr/>
          <p:nvPr userDrawn="1"/>
        </p:nvSpPr>
        <p:spPr bwMode="auto">
          <a:xfrm>
            <a:off x="0" y="0"/>
            <a:ext cx="12192000" cy="6858000"/>
          </a:xfrm>
          <a:prstGeom prst="rect">
            <a:avLst/>
          </a:prstGeom>
          <a:solidFill>
            <a:schemeClr val="bg2">
              <a:alpha val="0"/>
            </a:schemeClr>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0000" indent="-180000" algn="l">
              <a:spcBef>
                <a:spcPts val="800"/>
              </a:spcBef>
              <a:buFont typeface="Ericsson Hilda" panose="00000500000000000000" pitchFamily="2" charset="0"/>
              <a:buChar char="●"/>
            </a:pPr>
            <a:endParaRPr lang="en-GB" err="1">
              <a:solidFill>
                <a:schemeClr val="bg1"/>
              </a:solidFill>
              <a:latin typeface="+mn-lt"/>
            </a:endParaRPr>
          </a:p>
        </p:txBody>
      </p:sp>
      <p:pic>
        <p:nvPicPr>
          <p:cNvPr id="4" name="Graphic 3">
            <a:extLst>
              <a:ext uri="{FF2B5EF4-FFF2-40B4-BE49-F238E27FC236}">
                <a16:creationId xmlns:a16="http://schemas.microsoft.com/office/drawing/2014/main" id="{5D9DB7BA-3A2F-46BA-A617-2A049434CD62}"/>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93088" y="476251"/>
            <a:ext cx="256032" cy="256032"/>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203FD5EF-20DB-46AB-B412-DF9112353719}"/>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a:solidFill>
                <a:schemeClr val="tx1"/>
              </a:solidFill>
              <a:latin typeface="+mn-lt"/>
            </a:endParaRPr>
          </a:p>
        </p:txBody>
      </p:sp>
    </p:spTree>
    <p:extLst>
      <p:ext uri="{BB962C8B-B14F-4D97-AF65-F5344CB8AC3E}">
        <p14:creationId xmlns:p14="http://schemas.microsoft.com/office/powerpoint/2010/main" val="1066311111"/>
      </p:ext>
    </p:extLst>
  </p:cSld>
  <p:clrMapOvr>
    <a:overrideClrMapping bg1="dk1" tx1="lt1" bg2="dk2" tx2="lt2" accent1="accent1" accent2="accent2" accent3="accent3" accent4="accent4" accent5="accent5" accent6="accent6" hlink="hlink" folHlink="folHlink"/>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066DBFF-38BE-0290-7A91-03860604A5EB}"/>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B16FBCA7-4632-9450-D206-911C1F2C3475}"/>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6DF32AE9-70C9-3F0B-0167-AC0D6F7EC853}"/>
              </a:ext>
            </a:extLst>
          </p:cNvPr>
          <p:cNvSpPr>
            <a:spLocks noGrp="1"/>
          </p:cNvSpPr>
          <p:nvPr>
            <p:ph type="dt" sz="half" idx="10"/>
          </p:nvPr>
        </p:nvSpPr>
        <p:spPr/>
        <p:txBody>
          <a:bodyPr/>
          <a:lstStyle/>
          <a:p>
            <a:fld id="{CF7FF497-6310-49FA-AAFF-DCC6369ACB42}" type="datetimeFigureOut">
              <a:rPr lang="en-US" smtClean="0"/>
              <a:t>10/27/2023</a:t>
            </a:fld>
            <a:endParaRPr lang="en-US"/>
          </a:p>
        </p:txBody>
      </p:sp>
      <p:sp>
        <p:nvSpPr>
          <p:cNvPr id="5" name="Footer Placeholder 4">
            <a:extLst>
              <a:ext uri="{FF2B5EF4-FFF2-40B4-BE49-F238E27FC236}">
                <a16:creationId xmlns:a16="http://schemas.microsoft.com/office/drawing/2014/main" id="{60D13D65-F89A-ED60-1BCD-07A27F07E5C7}"/>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7B50BEA4-B00F-26E2-8CFB-B447D1E5EB59}"/>
              </a:ext>
            </a:extLst>
          </p:cNvPr>
          <p:cNvSpPr>
            <a:spLocks noGrp="1"/>
          </p:cNvSpPr>
          <p:nvPr>
            <p:ph type="sldNum" sz="quarter" idx="12"/>
          </p:nvPr>
        </p:nvSpPr>
        <p:spPr/>
        <p:txBody>
          <a:bodyPr/>
          <a:lstStyle/>
          <a:p>
            <a:fld id="{59EA9F47-2892-4C74-9F98-806CD0739E5E}" type="slidenum">
              <a:rPr lang="en-US" smtClean="0"/>
              <a:t>‹#›</a:t>
            </a:fld>
            <a:endParaRPr lang="en-US"/>
          </a:p>
        </p:txBody>
      </p:sp>
    </p:spTree>
    <p:extLst>
      <p:ext uri="{BB962C8B-B14F-4D97-AF65-F5344CB8AC3E}">
        <p14:creationId xmlns:p14="http://schemas.microsoft.com/office/powerpoint/2010/main" val="214698347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7D29815-8533-3357-D10F-5A45ADEDBC36}"/>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37472CE8-0365-0199-65C7-73E5B55ACB87}"/>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A8DD60DA-86C4-3AD7-3AA9-E49BACFF1D10}"/>
              </a:ext>
            </a:extLst>
          </p:cNvPr>
          <p:cNvSpPr>
            <a:spLocks noGrp="1"/>
          </p:cNvSpPr>
          <p:nvPr>
            <p:ph type="dt" sz="half" idx="10"/>
          </p:nvPr>
        </p:nvSpPr>
        <p:spPr/>
        <p:txBody>
          <a:bodyPr/>
          <a:lstStyle/>
          <a:p>
            <a:fld id="{CF7FF497-6310-49FA-AAFF-DCC6369ACB42}" type="datetimeFigureOut">
              <a:rPr lang="en-US" smtClean="0"/>
              <a:t>10/27/2023</a:t>
            </a:fld>
            <a:endParaRPr lang="en-US"/>
          </a:p>
        </p:txBody>
      </p:sp>
      <p:sp>
        <p:nvSpPr>
          <p:cNvPr id="5" name="Footer Placeholder 4">
            <a:extLst>
              <a:ext uri="{FF2B5EF4-FFF2-40B4-BE49-F238E27FC236}">
                <a16:creationId xmlns:a16="http://schemas.microsoft.com/office/drawing/2014/main" id="{A8CEEFF1-DBB9-0145-3B16-96C5E8BEFBAB}"/>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8E8CAB8F-C9E2-99F3-6ED6-D0B6C489D46C}"/>
              </a:ext>
            </a:extLst>
          </p:cNvPr>
          <p:cNvSpPr>
            <a:spLocks noGrp="1"/>
          </p:cNvSpPr>
          <p:nvPr>
            <p:ph type="sldNum" sz="quarter" idx="12"/>
          </p:nvPr>
        </p:nvSpPr>
        <p:spPr/>
        <p:txBody>
          <a:bodyPr/>
          <a:lstStyle/>
          <a:p>
            <a:fld id="{59EA9F47-2892-4C74-9F98-806CD0739E5E}" type="slidenum">
              <a:rPr lang="en-US" smtClean="0"/>
              <a:t>‹#›</a:t>
            </a:fld>
            <a:endParaRPr lang="en-US"/>
          </a:p>
        </p:txBody>
      </p:sp>
    </p:spTree>
    <p:extLst>
      <p:ext uri="{BB962C8B-B14F-4D97-AF65-F5344CB8AC3E}">
        <p14:creationId xmlns:p14="http://schemas.microsoft.com/office/powerpoint/2010/main" val="222882080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30D7B7E-74CE-6C39-8EF2-1D65EB630B65}"/>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1ED41575-D382-1F5E-5F23-24BB15608A8C}"/>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F85B9E09-CFE8-A935-C692-7338B5C0884D}"/>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786D2C4D-393C-1147-C5F8-61FEEA03BFAC}"/>
              </a:ext>
            </a:extLst>
          </p:cNvPr>
          <p:cNvSpPr>
            <a:spLocks noGrp="1"/>
          </p:cNvSpPr>
          <p:nvPr>
            <p:ph type="dt" sz="half" idx="10"/>
          </p:nvPr>
        </p:nvSpPr>
        <p:spPr/>
        <p:txBody>
          <a:bodyPr/>
          <a:lstStyle/>
          <a:p>
            <a:fld id="{CF7FF497-6310-49FA-AAFF-DCC6369ACB42}" type="datetimeFigureOut">
              <a:rPr lang="en-US" smtClean="0"/>
              <a:t>10/27/2023</a:t>
            </a:fld>
            <a:endParaRPr lang="en-US"/>
          </a:p>
        </p:txBody>
      </p:sp>
      <p:sp>
        <p:nvSpPr>
          <p:cNvPr id="6" name="Footer Placeholder 5">
            <a:extLst>
              <a:ext uri="{FF2B5EF4-FFF2-40B4-BE49-F238E27FC236}">
                <a16:creationId xmlns:a16="http://schemas.microsoft.com/office/drawing/2014/main" id="{189260EA-0C2F-5969-9B7E-20DE9DDC1A33}"/>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A4D14EE5-4EE5-060C-41B9-C55254164941}"/>
              </a:ext>
            </a:extLst>
          </p:cNvPr>
          <p:cNvSpPr>
            <a:spLocks noGrp="1"/>
          </p:cNvSpPr>
          <p:nvPr>
            <p:ph type="sldNum" sz="quarter" idx="12"/>
          </p:nvPr>
        </p:nvSpPr>
        <p:spPr/>
        <p:txBody>
          <a:bodyPr/>
          <a:lstStyle/>
          <a:p>
            <a:fld id="{59EA9F47-2892-4C74-9F98-806CD0739E5E}" type="slidenum">
              <a:rPr lang="en-US" smtClean="0"/>
              <a:t>‹#›</a:t>
            </a:fld>
            <a:endParaRPr lang="en-US"/>
          </a:p>
        </p:txBody>
      </p:sp>
    </p:spTree>
    <p:extLst>
      <p:ext uri="{BB962C8B-B14F-4D97-AF65-F5344CB8AC3E}">
        <p14:creationId xmlns:p14="http://schemas.microsoft.com/office/powerpoint/2010/main" val="329603471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A9B2615-C614-C14D-BDAD-DBA7EA3ACFD0}"/>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59900049-560C-8C65-B273-CD03783C163A}"/>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82D887F5-4378-91C4-3583-AE1B1550A1C0}"/>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B114040A-E805-9CC3-684F-784364C51282}"/>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65A8CB31-B0BF-2970-58D9-0F6431EF3D98}"/>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26298A02-85FF-7314-66A4-B36C9B51BA2D}"/>
              </a:ext>
            </a:extLst>
          </p:cNvPr>
          <p:cNvSpPr>
            <a:spLocks noGrp="1"/>
          </p:cNvSpPr>
          <p:nvPr>
            <p:ph type="dt" sz="half" idx="10"/>
          </p:nvPr>
        </p:nvSpPr>
        <p:spPr/>
        <p:txBody>
          <a:bodyPr/>
          <a:lstStyle/>
          <a:p>
            <a:fld id="{CF7FF497-6310-49FA-AAFF-DCC6369ACB42}" type="datetimeFigureOut">
              <a:rPr lang="en-US" smtClean="0"/>
              <a:t>10/27/2023</a:t>
            </a:fld>
            <a:endParaRPr lang="en-US"/>
          </a:p>
        </p:txBody>
      </p:sp>
      <p:sp>
        <p:nvSpPr>
          <p:cNvPr id="8" name="Footer Placeholder 7">
            <a:extLst>
              <a:ext uri="{FF2B5EF4-FFF2-40B4-BE49-F238E27FC236}">
                <a16:creationId xmlns:a16="http://schemas.microsoft.com/office/drawing/2014/main" id="{5CAC8525-C8B5-F5C9-23A0-1836D74A3581}"/>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9FC3FD43-E456-2BA5-BCEE-6DD616F0ECAC}"/>
              </a:ext>
            </a:extLst>
          </p:cNvPr>
          <p:cNvSpPr>
            <a:spLocks noGrp="1"/>
          </p:cNvSpPr>
          <p:nvPr>
            <p:ph type="sldNum" sz="quarter" idx="12"/>
          </p:nvPr>
        </p:nvSpPr>
        <p:spPr/>
        <p:txBody>
          <a:bodyPr/>
          <a:lstStyle/>
          <a:p>
            <a:fld id="{59EA9F47-2892-4C74-9F98-806CD0739E5E}" type="slidenum">
              <a:rPr lang="en-US" smtClean="0"/>
              <a:t>‹#›</a:t>
            </a:fld>
            <a:endParaRPr lang="en-US"/>
          </a:p>
        </p:txBody>
      </p:sp>
    </p:spTree>
    <p:extLst>
      <p:ext uri="{BB962C8B-B14F-4D97-AF65-F5344CB8AC3E}">
        <p14:creationId xmlns:p14="http://schemas.microsoft.com/office/powerpoint/2010/main" val="385533760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69A0067-902F-FD9B-D2B7-A9B893C1B8C5}"/>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D55193CF-24B8-DAF8-2F8D-76B5C2CF8D29}"/>
              </a:ext>
            </a:extLst>
          </p:cNvPr>
          <p:cNvSpPr>
            <a:spLocks noGrp="1"/>
          </p:cNvSpPr>
          <p:nvPr>
            <p:ph type="dt" sz="half" idx="10"/>
          </p:nvPr>
        </p:nvSpPr>
        <p:spPr/>
        <p:txBody>
          <a:bodyPr/>
          <a:lstStyle/>
          <a:p>
            <a:fld id="{CF7FF497-6310-49FA-AAFF-DCC6369ACB42}" type="datetimeFigureOut">
              <a:rPr lang="en-US" smtClean="0"/>
              <a:t>10/27/2023</a:t>
            </a:fld>
            <a:endParaRPr lang="en-US"/>
          </a:p>
        </p:txBody>
      </p:sp>
      <p:sp>
        <p:nvSpPr>
          <p:cNvPr id="4" name="Footer Placeholder 3">
            <a:extLst>
              <a:ext uri="{FF2B5EF4-FFF2-40B4-BE49-F238E27FC236}">
                <a16:creationId xmlns:a16="http://schemas.microsoft.com/office/drawing/2014/main" id="{86750DF2-772A-CBB5-8991-E2ADCCF44DFC}"/>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4B6F8600-B0B6-4962-F3F8-5FC57EEA9555}"/>
              </a:ext>
            </a:extLst>
          </p:cNvPr>
          <p:cNvSpPr>
            <a:spLocks noGrp="1"/>
          </p:cNvSpPr>
          <p:nvPr>
            <p:ph type="sldNum" sz="quarter" idx="12"/>
          </p:nvPr>
        </p:nvSpPr>
        <p:spPr/>
        <p:txBody>
          <a:bodyPr/>
          <a:lstStyle/>
          <a:p>
            <a:fld id="{59EA9F47-2892-4C74-9F98-806CD0739E5E}" type="slidenum">
              <a:rPr lang="en-US" smtClean="0"/>
              <a:t>‹#›</a:t>
            </a:fld>
            <a:endParaRPr lang="en-US"/>
          </a:p>
        </p:txBody>
      </p:sp>
    </p:spTree>
    <p:extLst>
      <p:ext uri="{BB962C8B-B14F-4D97-AF65-F5344CB8AC3E}">
        <p14:creationId xmlns:p14="http://schemas.microsoft.com/office/powerpoint/2010/main" val="180682805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60924801-95AA-A537-6DD0-7DB8856D6336}"/>
              </a:ext>
            </a:extLst>
          </p:cNvPr>
          <p:cNvSpPr>
            <a:spLocks noGrp="1"/>
          </p:cNvSpPr>
          <p:nvPr>
            <p:ph type="dt" sz="half" idx="10"/>
          </p:nvPr>
        </p:nvSpPr>
        <p:spPr/>
        <p:txBody>
          <a:bodyPr/>
          <a:lstStyle/>
          <a:p>
            <a:fld id="{CF7FF497-6310-49FA-AAFF-DCC6369ACB42}" type="datetimeFigureOut">
              <a:rPr lang="en-US" smtClean="0"/>
              <a:t>10/27/2023</a:t>
            </a:fld>
            <a:endParaRPr lang="en-US"/>
          </a:p>
        </p:txBody>
      </p:sp>
      <p:sp>
        <p:nvSpPr>
          <p:cNvPr id="3" name="Footer Placeholder 2">
            <a:extLst>
              <a:ext uri="{FF2B5EF4-FFF2-40B4-BE49-F238E27FC236}">
                <a16:creationId xmlns:a16="http://schemas.microsoft.com/office/drawing/2014/main" id="{05A821C6-6765-FA8A-74A0-CA64FB625DF3}"/>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D31A7F33-8813-9176-C0E8-552AED32050A}"/>
              </a:ext>
            </a:extLst>
          </p:cNvPr>
          <p:cNvSpPr>
            <a:spLocks noGrp="1"/>
          </p:cNvSpPr>
          <p:nvPr>
            <p:ph type="sldNum" sz="quarter" idx="12"/>
          </p:nvPr>
        </p:nvSpPr>
        <p:spPr/>
        <p:txBody>
          <a:bodyPr/>
          <a:lstStyle/>
          <a:p>
            <a:fld id="{59EA9F47-2892-4C74-9F98-806CD0739E5E}" type="slidenum">
              <a:rPr lang="en-US" smtClean="0"/>
              <a:t>‹#›</a:t>
            </a:fld>
            <a:endParaRPr lang="en-US"/>
          </a:p>
        </p:txBody>
      </p:sp>
    </p:spTree>
    <p:extLst>
      <p:ext uri="{BB962C8B-B14F-4D97-AF65-F5344CB8AC3E}">
        <p14:creationId xmlns:p14="http://schemas.microsoft.com/office/powerpoint/2010/main" val="67763667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F395F9-5698-9CD4-100D-EDB7B9AD803A}"/>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BACD6BC6-5B12-648F-DFF7-872F76CDDF71}"/>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FD6D159D-963C-2999-197A-5CEEB02A8444}"/>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8B54EEAD-9414-E76A-CBF9-8D5612C49257}"/>
              </a:ext>
            </a:extLst>
          </p:cNvPr>
          <p:cNvSpPr>
            <a:spLocks noGrp="1"/>
          </p:cNvSpPr>
          <p:nvPr>
            <p:ph type="dt" sz="half" idx="10"/>
          </p:nvPr>
        </p:nvSpPr>
        <p:spPr/>
        <p:txBody>
          <a:bodyPr/>
          <a:lstStyle/>
          <a:p>
            <a:fld id="{CF7FF497-6310-49FA-AAFF-DCC6369ACB42}" type="datetimeFigureOut">
              <a:rPr lang="en-US" smtClean="0"/>
              <a:t>10/27/2023</a:t>
            </a:fld>
            <a:endParaRPr lang="en-US"/>
          </a:p>
        </p:txBody>
      </p:sp>
      <p:sp>
        <p:nvSpPr>
          <p:cNvPr id="6" name="Footer Placeholder 5">
            <a:extLst>
              <a:ext uri="{FF2B5EF4-FFF2-40B4-BE49-F238E27FC236}">
                <a16:creationId xmlns:a16="http://schemas.microsoft.com/office/drawing/2014/main" id="{2BE46C64-5A57-6C03-16B5-DF0976764AED}"/>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5BC4EBA0-4088-D4BD-728D-A11669B86361}"/>
              </a:ext>
            </a:extLst>
          </p:cNvPr>
          <p:cNvSpPr>
            <a:spLocks noGrp="1"/>
          </p:cNvSpPr>
          <p:nvPr>
            <p:ph type="sldNum" sz="quarter" idx="12"/>
          </p:nvPr>
        </p:nvSpPr>
        <p:spPr/>
        <p:txBody>
          <a:bodyPr/>
          <a:lstStyle/>
          <a:p>
            <a:fld id="{59EA9F47-2892-4C74-9F98-806CD0739E5E}" type="slidenum">
              <a:rPr lang="en-US" smtClean="0"/>
              <a:t>‹#›</a:t>
            </a:fld>
            <a:endParaRPr lang="en-US"/>
          </a:p>
        </p:txBody>
      </p:sp>
    </p:spTree>
    <p:extLst>
      <p:ext uri="{BB962C8B-B14F-4D97-AF65-F5344CB8AC3E}">
        <p14:creationId xmlns:p14="http://schemas.microsoft.com/office/powerpoint/2010/main" val="34280968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D091B8B-77F4-96D1-ED5D-9C72B1BC69A9}"/>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ECE75EEE-B253-2F75-508A-BA728F9326FC}"/>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A60FA1AA-108A-7315-6A29-86A69ABABE26}"/>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D313F88A-D4B1-63DF-14DF-320DC816F44B}"/>
              </a:ext>
            </a:extLst>
          </p:cNvPr>
          <p:cNvSpPr>
            <a:spLocks noGrp="1"/>
          </p:cNvSpPr>
          <p:nvPr>
            <p:ph type="dt" sz="half" idx="10"/>
          </p:nvPr>
        </p:nvSpPr>
        <p:spPr/>
        <p:txBody>
          <a:bodyPr/>
          <a:lstStyle/>
          <a:p>
            <a:fld id="{CF7FF497-6310-49FA-AAFF-DCC6369ACB42}" type="datetimeFigureOut">
              <a:rPr lang="en-US" smtClean="0"/>
              <a:t>10/27/2023</a:t>
            </a:fld>
            <a:endParaRPr lang="en-US"/>
          </a:p>
        </p:txBody>
      </p:sp>
      <p:sp>
        <p:nvSpPr>
          <p:cNvPr id="6" name="Footer Placeholder 5">
            <a:extLst>
              <a:ext uri="{FF2B5EF4-FFF2-40B4-BE49-F238E27FC236}">
                <a16:creationId xmlns:a16="http://schemas.microsoft.com/office/drawing/2014/main" id="{C10CA94A-C683-3B59-4070-3CA397B402DF}"/>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8819ED97-D27C-BB95-2D5A-AE52D60ABB67}"/>
              </a:ext>
            </a:extLst>
          </p:cNvPr>
          <p:cNvSpPr>
            <a:spLocks noGrp="1"/>
          </p:cNvSpPr>
          <p:nvPr>
            <p:ph type="sldNum" sz="quarter" idx="12"/>
          </p:nvPr>
        </p:nvSpPr>
        <p:spPr/>
        <p:txBody>
          <a:bodyPr/>
          <a:lstStyle/>
          <a:p>
            <a:fld id="{59EA9F47-2892-4C74-9F98-806CD0739E5E}" type="slidenum">
              <a:rPr lang="en-US" smtClean="0"/>
              <a:t>‹#›</a:t>
            </a:fld>
            <a:endParaRPr lang="en-US"/>
          </a:p>
        </p:txBody>
      </p:sp>
    </p:spTree>
    <p:extLst>
      <p:ext uri="{BB962C8B-B14F-4D97-AF65-F5344CB8AC3E}">
        <p14:creationId xmlns:p14="http://schemas.microsoft.com/office/powerpoint/2010/main" val="101950124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C692CD13-158B-7E3B-B1DE-55386BE9FAD8}"/>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2D3880F8-2B6C-F4F2-B03C-E469D49235BE}"/>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47F433A6-1C92-27B3-5AB8-8D155BDC6CC2}"/>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CF7FF497-6310-49FA-AAFF-DCC6369ACB42}" type="datetimeFigureOut">
              <a:rPr lang="en-US" smtClean="0"/>
              <a:t>10/27/2023</a:t>
            </a:fld>
            <a:endParaRPr lang="en-US"/>
          </a:p>
        </p:txBody>
      </p:sp>
      <p:sp>
        <p:nvSpPr>
          <p:cNvPr id="5" name="Footer Placeholder 4">
            <a:extLst>
              <a:ext uri="{FF2B5EF4-FFF2-40B4-BE49-F238E27FC236}">
                <a16:creationId xmlns:a16="http://schemas.microsoft.com/office/drawing/2014/main" id="{448673A0-B4D3-75B2-1A68-408B5513B019}"/>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0D7634B7-61A8-A05C-A022-BA44AA232C29}"/>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59EA9F47-2892-4C74-9F98-806CD0739E5E}" type="slidenum">
              <a:rPr lang="en-US" smtClean="0"/>
              <a:t>‹#›</a:t>
            </a:fld>
            <a:endParaRPr lang="en-US"/>
          </a:p>
        </p:txBody>
      </p:sp>
    </p:spTree>
    <p:extLst>
      <p:ext uri="{BB962C8B-B14F-4D97-AF65-F5344CB8AC3E}">
        <p14:creationId xmlns:p14="http://schemas.microsoft.com/office/powerpoint/2010/main" val="1858239978"/>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slideLayout" Target="../slideLayouts/slideLayout12.xml"/><Relationship Id="rId1" Type="http://schemas.openxmlformats.org/officeDocument/2006/relationships/tags" Target="../tags/tag1.xml"/><Relationship Id="rId4" Type="http://schemas.openxmlformats.org/officeDocument/2006/relationships/image" Target="../media/image4.emf"/></Relationships>
</file>

<file path=ppt/slides/_rels/slide10.xml.rels><?xml version="1.0" encoding="UTF-8" standalone="yes"?>
<Relationships xmlns="http://schemas.openxmlformats.org/package/2006/relationships"><Relationship Id="rId8" Type="http://schemas.openxmlformats.org/officeDocument/2006/relationships/image" Target="../media/image34.png"/><Relationship Id="rId3" Type="http://schemas.openxmlformats.org/officeDocument/2006/relationships/image" Target="../media/image29.svg"/><Relationship Id="rId7" Type="http://schemas.openxmlformats.org/officeDocument/2006/relationships/image" Target="../media/image33.svg"/><Relationship Id="rId12" Type="http://schemas.openxmlformats.org/officeDocument/2006/relationships/image" Target="../media/image48.png"/><Relationship Id="rId2" Type="http://schemas.openxmlformats.org/officeDocument/2006/relationships/image" Target="../media/image28.png"/><Relationship Id="rId1" Type="http://schemas.openxmlformats.org/officeDocument/2006/relationships/slideLayout" Target="../slideLayouts/slideLayout1.xml"/><Relationship Id="rId6" Type="http://schemas.openxmlformats.org/officeDocument/2006/relationships/image" Target="../media/image32.png"/><Relationship Id="rId11" Type="http://schemas.openxmlformats.org/officeDocument/2006/relationships/image" Target="../media/image53.png"/><Relationship Id="rId5" Type="http://schemas.openxmlformats.org/officeDocument/2006/relationships/image" Target="../media/image31.svg"/><Relationship Id="rId10" Type="http://schemas.openxmlformats.org/officeDocument/2006/relationships/image" Target="../media/image52.png"/><Relationship Id="rId4" Type="http://schemas.openxmlformats.org/officeDocument/2006/relationships/image" Target="../media/image30.png"/><Relationship Id="rId9" Type="http://schemas.openxmlformats.org/officeDocument/2006/relationships/image" Target="../media/image35.svg"/></Relationships>
</file>

<file path=ppt/slides/_rels/slide11.xml.rels><?xml version="1.0" encoding="UTF-8" standalone="yes"?>
<Relationships xmlns="http://schemas.openxmlformats.org/package/2006/relationships"><Relationship Id="rId8" Type="http://schemas.openxmlformats.org/officeDocument/2006/relationships/diagramColors" Target="../diagrams/colors2.xml"/><Relationship Id="rId3" Type="http://schemas.openxmlformats.org/officeDocument/2006/relationships/image" Target="../media/image5.png"/><Relationship Id="rId7" Type="http://schemas.openxmlformats.org/officeDocument/2006/relationships/diagramQuickStyle" Target="../diagrams/quickStyle2.xml"/><Relationship Id="rId2" Type="http://schemas.openxmlformats.org/officeDocument/2006/relationships/notesSlide" Target="../notesSlides/notesSlide3.xml"/><Relationship Id="rId1" Type="http://schemas.openxmlformats.org/officeDocument/2006/relationships/slideLayout" Target="../slideLayouts/slideLayout1.xml"/><Relationship Id="rId6" Type="http://schemas.openxmlformats.org/officeDocument/2006/relationships/diagramLayout" Target="../diagrams/layout2.xml"/><Relationship Id="rId5" Type="http://schemas.openxmlformats.org/officeDocument/2006/relationships/diagramData" Target="../diagrams/data2.xml"/><Relationship Id="rId10" Type="http://schemas.openxmlformats.org/officeDocument/2006/relationships/image" Target="../media/image430.png"/><Relationship Id="rId4" Type="http://schemas.openxmlformats.org/officeDocument/2006/relationships/image" Target="../media/image6.svg"/><Relationship Id="rId9" Type="http://schemas.microsoft.com/office/2007/relationships/diagramDrawing" Target="../diagrams/drawing2.xml"/></Relationships>
</file>

<file path=ppt/slides/_rels/slide12.xml.rels><?xml version="1.0" encoding="UTF-8" standalone="yes"?>
<Relationships xmlns="http://schemas.openxmlformats.org/package/2006/relationships"><Relationship Id="rId3" Type="http://schemas.openxmlformats.org/officeDocument/2006/relationships/image" Target="../media/image54.jpeg"/><Relationship Id="rId2" Type="http://schemas.openxmlformats.org/officeDocument/2006/relationships/slideLayout" Target="../slideLayouts/slideLayout12.xml"/><Relationship Id="rId1" Type="http://schemas.openxmlformats.org/officeDocument/2006/relationships/tags" Target="../tags/tag3.xml"/><Relationship Id="rId5" Type="http://schemas.openxmlformats.org/officeDocument/2006/relationships/image" Target="../media/image2.svg"/><Relationship Id="rId4" Type="http://schemas.openxmlformats.org/officeDocument/2006/relationships/image" Target="../media/image1.png"/></Relationships>
</file>

<file path=ppt/slides/_rels/slide13.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Layout" Target="../slideLayouts/slideLayout1.xml"/><Relationship Id="rId4" Type="http://schemas.openxmlformats.org/officeDocument/2006/relationships/image" Target="../media/image440.png"/></Relationships>
</file>

<file path=ppt/slides/_rels/slide2.xml.rels><?xml version="1.0" encoding="UTF-8" standalone="yes"?>
<Relationships xmlns="http://schemas.openxmlformats.org/package/2006/relationships"><Relationship Id="rId8" Type="http://schemas.openxmlformats.org/officeDocument/2006/relationships/image" Target="../media/image11.png"/><Relationship Id="rId13" Type="http://schemas.openxmlformats.org/officeDocument/2006/relationships/image" Target="../media/image16.svg"/><Relationship Id="rId3" Type="http://schemas.openxmlformats.org/officeDocument/2006/relationships/image" Target="../media/image6.svg"/><Relationship Id="rId7" Type="http://schemas.openxmlformats.org/officeDocument/2006/relationships/image" Target="../media/image10.svg"/><Relationship Id="rId12" Type="http://schemas.openxmlformats.org/officeDocument/2006/relationships/image" Target="../media/image15.png"/><Relationship Id="rId2" Type="http://schemas.openxmlformats.org/officeDocument/2006/relationships/image" Target="../media/image5.png"/><Relationship Id="rId1" Type="http://schemas.openxmlformats.org/officeDocument/2006/relationships/slideLayout" Target="../slideLayouts/slideLayout1.xml"/><Relationship Id="rId6" Type="http://schemas.openxmlformats.org/officeDocument/2006/relationships/image" Target="../media/image9.png"/><Relationship Id="rId11" Type="http://schemas.openxmlformats.org/officeDocument/2006/relationships/image" Target="../media/image14.svg"/><Relationship Id="rId5" Type="http://schemas.openxmlformats.org/officeDocument/2006/relationships/image" Target="../media/image8.svg"/><Relationship Id="rId15" Type="http://schemas.openxmlformats.org/officeDocument/2006/relationships/image" Target="../media/image18.png"/><Relationship Id="rId10" Type="http://schemas.openxmlformats.org/officeDocument/2006/relationships/image" Target="../media/image13.png"/><Relationship Id="rId4" Type="http://schemas.openxmlformats.org/officeDocument/2006/relationships/image" Target="../media/image7.png"/><Relationship Id="rId9" Type="http://schemas.openxmlformats.org/officeDocument/2006/relationships/image" Target="../media/image12.svg"/><Relationship Id="rId14" Type="http://schemas.openxmlformats.org/officeDocument/2006/relationships/image" Target="../media/image17.png"/></Relationships>
</file>

<file path=ppt/slides/_rels/slide3.xml.rels><?xml version="1.0" encoding="UTF-8" standalone="yes"?>
<Relationships xmlns="http://schemas.openxmlformats.org/package/2006/relationships"><Relationship Id="rId8" Type="http://schemas.openxmlformats.org/officeDocument/2006/relationships/image" Target="../media/image24.svg"/><Relationship Id="rId3" Type="http://schemas.openxmlformats.org/officeDocument/2006/relationships/image" Target="../media/image19.png"/><Relationship Id="rId7" Type="http://schemas.openxmlformats.org/officeDocument/2006/relationships/image" Target="../media/image23.png"/><Relationship Id="rId12" Type="http://schemas.openxmlformats.org/officeDocument/2006/relationships/image" Target="../media/image26.svg"/><Relationship Id="rId2" Type="http://schemas.openxmlformats.org/officeDocument/2006/relationships/hyperlink" Target="https://www.ericsson.com/en/about-us/sustainability-and-corporate-responsibility/responsible-business/health-and-safety" TargetMode="External"/><Relationship Id="rId1" Type="http://schemas.openxmlformats.org/officeDocument/2006/relationships/slideLayout" Target="../slideLayouts/slideLayout1.xml"/><Relationship Id="rId6" Type="http://schemas.openxmlformats.org/officeDocument/2006/relationships/image" Target="../media/image22.svg"/><Relationship Id="rId11" Type="http://schemas.openxmlformats.org/officeDocument/2006/relationships/image" Target="../media/image25.png"/><Relationship Id="rId5" Type="http://schemas.openxmlformats.org/officeDocument/2006/relationships/image" Target="../media/image21.png"/><Relationship Id="rId10" Type="http://schemas.openxmlformats.org/officeDocument/2006/relationships/image" Target="../media/image6.svg"/><Relationship Id="rId4" Type="http://schemas.openxmlformats.org/officeDocument/2006/relationships/image" Target="../media/image20.svg"/><Relationship Id="rId9" Type="http://schemas.openxmlformats.org/officeDocument/2006/relationships/image" Target="../media/image5.png"/></Relationships>
</file>

<file path=ppt/slides/_rels/slide4.xml.rels><?xml version="1.0" encoding="UTF-8" standalone="yes"?>
<Relationships xmlns="http://schemas.openxmlformats.org/package/2006/relationships"><Relationship Id="rId8" Type="http://schemas.openxmlformats.org/officeDocument/2006/relationships/diagramColors" Target="../diagrams/colors1.xml"/><Relationship Id="rId3" Type="http://schemas.openxmlformats.org/officeDocument/2006/relationships/image" Target="../media/image5.png"/><Relationship Id="rId7" Type="http://schemas.openxmlformats.org/officeDocument/2006/relationships/diagramQuickStyle" Target="../diagrams/quickStyle1.xml"/><Relationship Id="rId2" Type="http://schemas.openxmlformats.org/officeDocument/2006/relationships/notesSlide" Target="../notesSlides/notesSlide1.xml"/><Relationship Id="rId1" Type="http://schemas.openxmlformats.org/officeDocument/2006/relationships/slideLayout" Target="../slideLayouts/slideLayout1.xml"/><Relationship Id="rId6" Type="http://schemas.openxmlformats.org/officeDocument/2006/relationships/diagramLayout" Target="../diagrams/layout1.xml"/><Relationship Id="rId5" Type="http://schemas.openxmlformats.org/officeDocument/2006/relationships/diagramData" Target="../diagrams/data1.xml"/><Relationship Id="rId10" Type="http://schemas.openxmlformats.org/officeDocument/2006/relationships/image" Target="../media/image150.png"/><Relationship Id="rId4" Type="http://schemas.openxmlformats.org/officeDocument/2006/relationships/image" Target="../media/image6.svg"/><Relationship Id="rId9" Type="http://schemas.microsoft.com/office/2007/relationships/diagramDrawing" Target="../diagrams/drawing1.xml"/></Relationships>
</file>

<file path=ppt/slides/_rels/slide5.xml.rels><?xml version="1.0" encoding="UTF-8" standalone="yes"?>
<Relationships xmlns="http://schemas.openxmlformats.org/package/2006/relationships"><Relationship Id="rId3" Type="http://schemas.openxmlformats.org/officeDocument/2006/relationships/image" Target="../media/image6.svg"/><Relationship Id="rId7" Type="http://schemas.openxmlformats.org/officeDocument/2006/relationships/image" Target="../media/image20.svg"/><Relationship Id="rId2" Type="http://schemas.openxmlformats.org/officeDocument/2006/relationships/image" Target="../media/image5.png"/><Relationship Id="rId1" Type="http://schemas.openxmlformats.org/officeDocument/2006/relationships/slideLayout" Target="../slideLayouts/slideLayout1.xml"/><Relationship Id="rId6" Type="http://schemas.openxmlformats.org/officeDocument/2006/relationships/image" Target="../media/image19.png"/><Relationship Id="rId5" Type="http://schemas.openxmlformats.org/officeDocument/2006/relationships/image" Target="../media/image26.svg"/><Relationship Id="rId4" Type="http://schemas.openxmlformats.org/officeDocument/2006/relationships/image" Target="../media/image25.png"/></Relationships>
</file>

<file path=ppt/slides/_rels/slide6.xml.rels><?xml version="1.0" encoding="UTF-8" standalone="yes"?>
<Relationships xmlns="http://schemas.openxmlformats.org/package/2006/relationships"><Relationship Id="rId8" Type="http://schemas.openxmlformats.org/officeDocument/2006/relationships/image" Target="../media/image21.png"/><Relationship Id="rId13" Type="http://schemas.openxmlformats.org/officeDocument/2006/relationships/image" Target="../media/image31.svg"/><Relationship Id="rId18" Type="http://schemas.openxmlformats.org/officeDocument/2006/relationships/image" Target="../media/image36.jpeg"/><Relationship Id="rId3" Type="http://schemas.openxmlformats.org/officeDocument/2006/relationships/image" Target="../media/image5.png"/><Relationship Id="rId7" Type="http://schemas.openxmlformats.org/officeDocument/2006/relationships/image" Target="../media/image26.svg"/><Relationship Id="rId12" Type="http://schemas.openxmlformats.org/officeDocument/2006/relationships/image" Target="../media/image30.png"/><Relationship Id="rId17" Type="http://schemas.openxmlformats.org/officeDocument/2006/relationships/image" Target="../media/image35.svg"/><Relationship Id="rId2" Type="http://schemas.openxmlformats.org/officeDocument/2006/relationships/slideLayout" Target="../slideLayouts/slideLayout1.xml"/><Relationship Id="rId16" Type="http://schemas.openxmlformats.org/officeDocument/2006/relationships/image" Target="../media/image34.png"/><Relationship Id="rId1" Type="http://schemas.openxmlformats.org/officeDocument/2006/relationships/tags" Target="../tags/tag2.xml"/><Relationship Id="rId6" Type="http://schemas.openxmlformats.org/officeDocument/2006/relationships/image" Target="../media/image25.png"/><Relationship Id="rId11" Type="http://schemas.openxmlformats.org/officeDocument/2006/relationships/image" Target="../media/image29.svg"/><Relationship Id="rId5" Type="http://schemas.openxmlformats.org/officeDocument/2006/relationships/image" Target="../media/image27.png"/><Relationship Id="rId15" Type="http://schemas.openxmlformats.org/officeDocument/2006/relationships/image" Target="../media/image33.svg"/><Relationship Id="rId10" Type="http://schemas.openxmlformats.org/officeDocument/2006/relationships/image" Target="../media/image28.png"/><Relationship Id="rId4" Type="http://schemas.openxmlformats.org/officeDocument/2006/relationships/image" Target="../media/image6.svg"/><Relationship Id="rId9" Type="http://schemas.openxmlformats.org/officeDocument/2006/relationships/image" Target="../media/image22.svg"/><Relationship Id="rId14" Type="http://schemas.openxmlformats.org/officeDocument/2006/relationships/image" Target="../media/image32.png"/></Relationships>
</file>

<file path=ppt/slides/_rels/slide7.xml.rels><?xml version="1.0" encoding="UTF-8" standalone="yes"?>
<Relationships xmlns="http://schemas.openxmlformats.org/package/2006/relationships"><Relationship Id="rId3" Type="http://schemas.openxmlformats.org/officeDocument/2006/relationships/image" Target="../media/image6.svg"/><Relationship Id="rId7" Type="http://schemas.openxmlformats.org/officeDocument/2006/relationships/image" Target="../media/image22.svg"/><Relationship Id="rId2" Type="http://schemas.openxmlformats.org/officeDocument/2006/relationships/image" Target="../media/image5.png"/><Relationship Id="rId1" Type="http://schemas.openxmlformats.org/officeDocument/2006/relationships/slideLayout" Target="../slideLayouts/slideLayout1.xml"/><Relationship Id="rId6" Type="http://schemas.openxmlformats.org/officeDocument/2006/relationships/image" Target="../media/image21.png"/><Relationship Id="rId5" Type="http://schemas.openxmlformats.org/officeDocument/2006/relationships/image" Target="../media/image26.svg"/><Relationship Id="rId4" Type="http://schemas.openxmlformats.org/officeDocument/2006/relationships/image" Target="../media/image25.png"/></Relationships>
</file>

<file path=ppt/slides/_rels/slide8.xml.rels><?xml version="1.0" encoding="UTF-8" standalone="yes"?>
<Relationships xmlns="http://schemas.openxmlformats.org/package/2006/relationships"><Relationship Id="rId8" Type="http://schemas.openxmlformats.org/officeDocument/2006/relationships/image" Target="../media/image37.png"/><Relationship Id="rId13" Type="http://schemas.openxmlformats.org/officeDocument/2006/relationships/image" Target="../media/image31.svg"/><Relationship Id="rId18" Type="http://schemas.openxmlformats.org/officeDocument/2006/relationships/image" Target="../media/image43.png"/><Relationship Id="rId3" Type="http://schemas.openxmlformats.org/officeDocument/2006/relationships/hyperlink" Target="https://www.ericsson.com/49bb60/assets/local/network-services/doc/ericsson-intelligent-site-engineering-paper.pdf" TargetMode="External"/><Relationship Id="rId7" Type="http://schemas.openxmlformats.org/officeDocument/2006/relationships/image" Target="../media/image24.svg"/><Relationship Id="rId12" Type="http://schemas.openxmlformats.org/officeDocument/2006/relationships/image" Target="../media/image30.png"/><Relationship Id="rId17" Type="http://schemas.openxmlformats.org/officeDocument/2006/relationships/image" Target="../media/image35.svg"/><Relationship Id="rId2" Type="http://schemas.openxmlformats.org/officeDocument/2006/relationships/notesSlide" Target="../notesSlides/notesSlide2.xml"/><Relationship Id="rId16" Type="http://schemas.openxmlformats.org/officeDocument/2006/relationships/image" Target="../media/image34.png"/><Relationship Id="rId1" Type="http://schemas.openxmlformats.org/officeDocument/2006/relationships/slideLayout" Target="../slideLayouts/slideLayout1.xml"/><Relationship Id="rId6" Type="http://schemas.openxmlformats.org/officeDocument/2006/relationships/image" Target="../media/image23.png"/><Relationship Id="rId11" Type="http://schemas.openxmlformats.org/officeDocument/2006/relationships/image" Target="../media/image40.png"/><Relationship Id="rId5" Type="http://schemas.openxmlformats.org/officeDocument/2006/relationships/image" Target="../media/image26.svg"/><Relationship Id="rId15" Type="http://schemas.openxmlformats.org/officeDocument/2006/relationships/image" Target="../media/image42.svg"/><Relationship Id="rId10" Type="http://schemas.openxmlformats.org/officeDocument/2006/relationships/image" Target="../media/image39.png"/><Relationship Id="rId19" Type="http://schemas.openxmlformats.org/officeDocument/2006/relationships/image" Target="../media/image44.svg"/><Relationship Id="rId4" Type="http://schemas.openxmlformats.org/officeDocument/2006/relationships/image" Target="../media/image25.png"/><Relationship Id="rId9" Type="http://schemas.openxmlformats.org/officeDocument/2006/relationships/image" Target="../media/image38.png"/><Relationship Id="rId14" Type="http://schemas.openxmlformats.org/officeDocument/2006/relationships/image" Target="../media/image41.png"/></Relationships>
</file>

<file path=ppt/slides/_rels/slide9.xml.rels><?xml version="1.0" encoding="UTF-8" standalone="yes"?>
<Relationships xmlns="http://schemas.openxmlformats.org/package/2006/relationships"><Relationship Id="rId8" Type="http://schemas.openxmlformats.org/officeDocument/2006/relationships/image" Target="../media/image47.png"/><Relationship Id="rId13" Type="http://schemas.openxmlformats.org/officeDocument/2006/relationships/image" Target="../media/image23.png"/><Relationship Id="rId3" Type="http://schemas.openxmlformats.org/officeDocument/2006/relationships/image" Target="../media/image6.svg"/><Relationship Id="rId7" Type="http://schemas.openxmlformats.org/officeDocument/2006/relationships/image" Target="../media/image46.png"/><Relationship Id="rId12" Type="http://schemas.openxmlformats.org/officeDocument/2006/relationships/image" Target="../media/image51.png"/><Relationship Id="rId2" Type="http://schemas.openxmlformats.org/officeDocument/2006/relationships/image" Target="../media/image5.png"/><Relationship Id="rId1" Type="http://schemas.openxmlformats.org/officeDocument/2006/relationships/slideLayout" Target="../slideLayouts/slideLayout1.xml"/><Relationship Id="rId6" Type="http://schemas.openxmlformats.org/officeDocument/2006/relationships/image" Target="../media/image45.png"/><Relationship Id="rId11" Type="http://schemas.openxmlformats.org/officeDocument/2006/relationships/image" Target="../media/image50.png"/><Relationship Id="rId5" Type="http://schemas.openxmlformats.org/officeDocument/2006/relationships/image" Target="../media/image26.svg"/><Relationship Id="rId10" Type="http://schemas.openxmlformats.org/officeDocument/2006/relationships/image" Target="../media/image49.png"/><Relationship Id="rId4" Type="http://schemas.openxmlformats.org/officeDocument/2006/relationships/image" Target="../media/image25.png"/><Relationship Id="rId9" Type="http://schemas.openxmlformats.org/officeDocument/2006/relationships/image" Target="../media/image48.png"/><Relationship Id="rId14" Type="http://schemas.openxmlformats.org/officeDocument/2006/relationships/image" Target="../media/image24.sv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descr="A picture containing text&#10;&#10;Description automatically generated">
            <a:extLst>
              <a:ext uri="{FF2B5EF4-FFF2-40B4-BE49-F238E27FC236}">
                <a16:creationId xmlns:a16="http://schemas.microsoft.com/office/drawing/2014/main" id="{82CCACEA-EF29-4656-BD09-045D0E2DF861}"/>
              </a:ext>
            </a:extLst>
          </p:cNvPr>
          <p:cNvPicPr>
            <a:picLocks noChangeAspect="1"/>
          </p:cNvPicPr>
          <p:nvPr/>
        </p:nvPicPr>
        <p:blipFill rotWithShape="1">
          <a:blip r:embed="rId3">
            <a:extLst>
              <a:ext uri="{28A0092B-C50C-407E-A947-70E740481C1C}">
                <a14:useLocalDpi xmlns:a14="http://schemas.microsoft.com/office/drawing/2010/main" val="0"/>
              </a:ext>
            </a:extLst>
          </a:blip>
          <a:srcRect/>
          <a:stretch/>
        </p:blipFill>
        <p:spPr>
          <a:xfrm>
            <a:off x="0" y="0"/>
            <a:ext cx="12288252" cy="6857999"/>
          </a:xfrm>
          <a:prstGeom prst="rect">
            <a:avLst/>
          </a:prstGeom>
        </p:spPr>
      </p:pic>
      <p:sp>
        <p:nvSpPr>
          <p:cNvPr id="4" name="Title 7">
            <a:extLst>
              <a:ext uri="{FF2B5EF4-FFF2-40B4-BE49-F238E27FC236}">
                <a16:creationId xmlns:a16="http://schemas.microsoft.com/office/drawing/2014/main" id="{9D1603A8-B106-49C8-9A85-772F771CEA7B}"/>
              </a:ext>
            </a:extLst>
          </p:cNvPr>
          <p:cNvSpPr txBox="1">
            <a:spLocks/>
          </p:cNvSpPr>
          <p:nvPr/>
        </p:nvSpPr>
        <p:spPr>
          <a:xfrm>
            <a:off x="479425" y="2499007"/>
            <a:ext cx="8353426" cy="3457576"/>
          </a:xfrm>
          <a:prstGeom prst="rect">
            <a:avLst/>
          </a:prstGeom>
        </p:spPr>
        <p:txBody>
          <a:bodyPr/>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marR="0" lvl="0" indent="0" algn="l" defTabSz="914400" rtl="0" eaLnBrk="1" fontAlgn="base" latinLnBrk="0" hangingPunct="1">
              <a:lnSpc>
                <a:spcPct val="85000"/>
              </a:lnSpc>
              <a:spcBef>
                <a:spcPts val="300"/>
              </a:spcBef>
              <a:spcAft>
                <a:spcPct val="0"/>
              </a:spcAft>
              <a:buClrTx/>
              <a:buSzTx/>
              <a:buFontTx/>
              <a:buNone/>
              <a:tabLst/>
              <a:defRPr/>
            </a:pPr>
            <a:r>
              <a:rPr kumimoji="0" lang="en-US" sz="8000" b="0" i="0" u="none" strike="noStrike" kern="1400" cap="none" spc="-160" normalizeH="0" baseline="0" noProof="0">
                <a:ln>
                  <a:noFill/>
                </a:ln>
                <a:effectLst/>
                <a:uLnTx/>
                <a:uFillTx/>
                <a:latin typeface="Ericsson Hilda Light"/>
                <a:ea typeface="+mj-ea"/>
                <a:cs typeface="+mj-cs"/>
              </a:rPr>
              <a:t>Safetyfirst360</a:t>
            </a:r>
          </a:p>
        </p:txBody>
      </p:sp>
      <p:sp>
        <p:nvSpPr>
          <p:cNvPr id="5" name="Subtitle 13">
            <a:extLst>
              <a:ext uri="{FF2B5EF4-FFF2-40B4-BE49-F238E27FC236}">
                <a16:creationId xmlns:a16="http://schemas.microsoft.com/office/drawing/2014/main" id="{EBE0C4A5-D42F-44F1-9F5A-67BBFB530625}"/>
              </a:ext>
            </a:extLst>
          </p:cNvPr>
          <p:cNvSpPr txBox="1">
            <a:spLocks/>
          </p:cNvSpPr>
          <p:nvPr/>
        </p:nvSpPr>
        <p:spPr>
          <a:xfrm>
            <a:off x="488661" y="3533184"/>
            <a:ext cx="5889845" cy="2087563"/>
          </a:xfrm>
          <a:prstGeom prst="rect">
            <a:avLst/>
          </a:prstGeom>
        </p:spPr>
        <p:txBody>
          <a:bodyPr/>
          <a:lst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marR="0" lvl="0" indent="0" algn="l" defTabSz="914400" rtl="0" eaLnBrk="1" fontAlgn="base" latinLnBrk="0" hangingPunct="1">
              <a:lnSpc>
                <a:spcPct val="100000"/>
              </a:lnSpc>
              <a:spcBef>
                <a:spcPts val="800"/>
              </a:spcBef>
              <a:spcAft>
                <a:spcPct val="0"/>
              </a:spcAft>
              <a:buClrTx/>
              <a:buSzTx/>
              <a:buFont typeface="Ericsson Hilda" panose="00000500000000000000" pitchFamily="2" charset="0"/>
              <a:buNone/>
              <a:tabLst/>
              <a:defRPr/>
            </a:pPr>
            <a:r>
              <a:rPr lang="en-US" sz="2400">
                <a:effectLst/>
                <a:latin typeface="Calibri" panose="020F0502020204030204" pitchFamily="34" charset="0"/>
                <a:ea typeface="Times New Roman" panose="02020603050405020304" pitchFamily="18" charset="0"/>
              </a:rPr>
              <a:t>EHS in azione per un </a:t>
            </a:r>
            <a:r>
              <a:rPr lang="it-IT" sz="2400">
                <a:effectLst/>
                <a:latin typeface="Calibri" panose="020F0502020204030204" pitchFamily="34" charset="0"/>
                <a:ea typeface="Times New Roman" panose="02020603050405020304" pitchFamily="18" charset="0"/>
              </a:rPr>
              <a:t>ambiente</a:t>
            </a:r>
            <a:r>
              <a:rPr lang="en-US" sz="2400">
                <a:effectLst/>
                <a:latin typeface="Calibri" panose="020F0502020204030204" pitchFamily="34" charset="0"/>
                <a:ea typeface="Times New Roman" panose="02020603050405020304" pitchFamily="18" charset="0"/>
              </a:rPr>
              <a:t> di lavoro </a:t>
            </a:r>
            <a:r>
              <a:rPr lang="en-US" sz="2400" err="1">
                <a:effectLst/>
                <a:latin typeface="Calibri" panose="020F0502020204030204" pitchFamily="34" charset="0"/>
                <a:ea typeface="Times New Roman" panose="02020603050405020304" pitchFamily="18" charset="0"/>
              </a:rPr>
              <a:t>sicuro</a:t>
            </a:r>
            <a:endParaRPr kumimoji="0" lang="it-IT" sz="2800" b="0" i="0" u="none" strike="noStrike" kern="1000" cap="none" spc="-30" normalizeH="0" baseline="0" noProof="0">
              <a:ln>
                <a:noFill/>
              </a:ln>
              <a:effectLst/>
              <a:uLnTx/>
              <a:uFillTx/>
              <a:latin typeface="Ericsson Hilda"/>
              <a:ea typeface="+mn-ea"/>
              <a:cs typeface="+mn-cs"/>
            </a:endParaRPr>
          </a:p>
        </p:txBody>
      </p:sp>
      <p:sp>
        <p:nvSpPr>
          <p:cNvPr id="8" name="Content Placeholder 16">
            <a:extLst>
              <a:ext uri="{FF2B5EF4-FFF2-40B4-BE49-F238E27FC236}">
                <a16:creationId xmlns:a16="http://schemas.microsoft.com/office/drawing/2014/main" id="{C845FF77-4366-46F5-98BF-D30F6C614057}"/>
              </a:ext>
            </a:extLst>
          </p:cNvPr>
          <p:cNvSpPr txBox="1">
            <a:spLocks/>
          </p:cNvSpPr>
          <p:nvPr/>
        </p:nvSpPr>
        <p:spPr>
          <a:xfrm>
            <a:off x="10811951" y="6264000"/>
            <a:ext cx="897503" cy="262800"/>
          </a:xfrm>
          <a:prstGeom prst="rect">
            <a:avLst/>
          </a:prstGeom>
        </p:spPr>
        <p:txBody>
          <a:bodyPr/>
          <a:lstStyle>
            <a:lvl1pPr marL="265113"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538163"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803275"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1076325" indent="-27305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1341438" indent="-265113"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1341438" indent="-265113"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marR="0" lvl="0" indent="0" algn="r" defTabSz="914400" rtl="0" eaLnBrk="1" fontAlgn="base" latinLnBrk="0" hangingPunct="1">
              <a:lnSpc>
                <a:spcPct val="100000"/>
              </a:lnSpc>
              <a:spcBef>
                <a:spcPts val="800"/>
              </a:spcBef>
              <a:spcAft>
                <a:spcPct val="0"/>
              </a:spcAft>
              <a:buClrTx/>
              <a:buSzTx/>
              <a:buFont typeface="Ericsson Hilda" panose="00000500000000000000" pitchFamily="2" charset="0"/>
              <a:buNone/>
              <a:tabLst/>
              <a:defRPr/>
            </a:pPr>
            <a:r>
              <a:rPr kumimoji="0" lang="en-US" sz="1100" b="0" i="0" u="none" strike="noStrike" kern="1000" cap="none" spc="-30" normalizeH="0" baseline="0" noProof="0">
                <a:ln>
                  <a:noFill/>
                </a:ln>
                <a:effectLst/>
                <a:uLnTx/>
                <a:uFillTx/>
                <a:latin typeface="Ericsson Hilda"/>
                <a:ea typeface="+mn-ea"/>
                <a:cs typeface="+mn-cs"/>
              </a:rPr>
              <a:t>2023-09-25</a:t>
            </a:r>
          </a:p>
        </p:txBody>
      </p:sp>
      <p:pic>
        <p:nvPicPr>
          <p:cNvPr id="12" name="image">
            <a:extLst>
              <a:ext uri="{FF2B5EF4-FFF2-40B4-BE49-F238E27FC236}">
                <a16:creationId xmlns:a16="http://schemas.microsoft.com/office/drawing/2014/main" id="{123626AC-1355-4AB8-B034-146B7B48F9BE}"/>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a:stretch/>
        </p:blipFill>
        <p:spPr>
          <a:xfrm>
            <a:off x="11379841" y="429421"/>
            <a:ext cx="482228" cy="482439"/>
          </a:xfrm>
          <a:prstGeom prst="rect">
            <a:avLst/>
          </a:prstGeom>
        </p:spPr>
      </p:pic>
      <p:sp>
        <p:nvSpPr>
          <p:cNvPr id="3" name="TextBox 2">
            <a:extLst>
              <a:ext uri="{FF2B5EF4-FFF2-40B4-BE49-F238E27FC236}">
                <a16:creationId xmlns:a16="http://schemas.microsoft.com/office/drawing/2014/main" id="{24AFB83E-6E50-5FAF-3034-8EA88810A0E5}"/>
              </a:ext>
            </a:extLst>
          </p:cNvPr>
          <p:cNvSpPr txBox="1"/>
          <p:nvPr/>
        </p:nvSpPr>
        <p:spPr>
          <a:xfrm>
            <a:off x="479425" y="429421"/>
            <a:ext cx="9865302" cy="369332"/>
          </a:xfrm>
          <a:prstGeom prst="rect">
            <a:avLst/>
          </a:prstGeom>
          <a:noFill/>
        </p:spPr>
        <p:txBody>
          <a:bodyPr wrap="square">
            <a:spAutoFit/>
          </a:bodyPr>
          <a:lstStyle/>
          <a:p>
            <a:pPr marL="0" marR="0" lvl="0" indent="0" algn="l" defTabSz="914400" rtl="0" eaLnBrk="1" fontAlgn="base" latinLnBrk="0" hangingPunct="1">
              <a:lnSpc>
                <a:spcPct val="100000"/>
              </a:lnSpc>
              <a:spcBef>
                <a:spcPts val="800"/>
              </a:spcBef>
              <a:spcAft>
                <a:spcPct val="0"/>
              </a:spcAft>
              <a:buClrTx/>
              <a:buSzTx/>
              <a:buFont typeface="Ericsson Hilda" panose="00000500000000000000" pitchFamily="2" charset="0"/>
              <a:buNone/>
              <a:tabLst/>
              <a:defRPr/>
            </a:pPr>
            <a:r>
              <a:rPr kumimoji="0" lang="it-IT" b="0" i="0" u="none" strike="noStrike" kern="1000" cap="none" spc="-30" normalizeH="0" baseline="0" noProof="0">
                <a:ln>
                  <a:noFill/>
                </a:ln>
                <a:effectLst/>
                <a:uLnTx/>
                <a:uFillTx/>
                <a:latin typeface="Ericsson Hilda"/>
                <a:ea typeface="+mn-ea"/>
                <a:cs typeface="+mn-cs"/>
              </a:rPr>
              <a:t>Premio Unindustria “Salute e Sicurezza sul Lavoro” anno 2023 - Seconda Edizione</a:t>
            </a:r>
            <a:endParaRPr kumimoji="0" lang="en-US" b="0" i="0" u="none" strike="noStrike" kern="1000" cap="none" spc="-30" normalizeH="0" baseline="0" noProof="0">
              <a:ln>
                <a:noFill/>
              </a:ln>
              <a:effectLst/>
              <a:uLnTx/>
              <a:uFillTx/>
              <a:latin typeface="Ericsson Hilda"/>
              <a:ea typeface="+mn-ea"/>
              <a:cs typeface="+mn-cs"/>
            </a:endParaRPr>
          </a:p>
        </p:txBody>
      </p:sp>
    </p:spTree>
    <p:custDataLst>
      <p:tags r:id="rId1"/>
    </p:custDataLst>
    <p:extLst>
      <p:ext uri="{BB962C8B-B14F-4D97-AF65-F5344CB8AC3E}">
        <p14:creationId xmlns:p14="http://schemas.microsoft.com/office/powerpoint/2010/main" val="1384036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7" name="Straight Connector 6">
            <a:extLst>
              <a:ext uri="{FF2B5EF4-FFF2-40B4-BE49-F238E27FC236}">
                <a16:creationId xmlns:a16="http://schemas.microsoft.com/office/drawing/2014/main" id="{94EAB30F-9703-5FF8-E251-AF3F5D94D4A0}"/>
              </a:ext>
            </a:extLst>
          </p:cNvPr>
          <p:cNvCxnSpPr>
            <a:cxnSpLocks/>
          </p:cNvCxnSpPr>
          <p:nvPr/>
        </p:nvCxnSpPr>
        <p:spPr>
          <a:xfrm>
            <a:off x="6173244" y="2424838"/>
            <a:ext cx="6860" cy="4265688"/>
          </a:xfrm>
          <a:prstGeom prst="line">
            <a:avLst/>
          </a:prstGeom>
          <a:ln>
            <a:solidFill>
              <a:srgbClr val="7030A0"/>
            </a:solidFill>
          </a:ln>
        </p:spPr>
        <p:style>
          <a:lnRef idx="1">
            <a:schemeClr val="accent1"/>
          </a:lnRef>
          <a:fillRef idx="0">
            <a:schemeClr val="accent1"/>
          </a:fillRef>
          <a:effectRef idx="0">
            <a:schemeClr val="accent1"/>
          </a:effectRef>
          <a:fontRef idx="minor">
            <a:schemeClr val="tx1"/>
          </a:fontRef>
        </p:style>
      </p:cxnSp>
      <p:cxnSp>
        <p:nvCxnSpPr>
          <p:cNvPr id="47" name="Straight Arrow Connector 46">
            <a:extLst>
              <a:ext uri="{FF2B5EF4-FFF2-40B4-BE49-F238E27FC236}">
                <a16:creationId xmlns:a16="http://schemas.microsoft.com/office/drawing/2014/main" id="{6EAD61A9-072A-9B1D-FA54-C70EE017FF23}"/>
              </a:ext>
            </a:extLst>
          </p:cNvPr>
          <p:cNvCxnSpPr>
            <a:cxnSpLocks/>
          </p:cNvCxnSpPr>
          <p:nvPr/>
        </p:nvCxnSpPr>
        <p:spPr bwMode="auto">
          <a:xfrm flipH="1">
            <a:off x="190667" y="3720426"/>
            <a:ext cx="680718" cy="0"/>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 name="TextBox 4">
            <a:extLst>
              <a:ext uri="{FF2B5EF4-FFF2-40B4-BE49-F238E27FC236}">
                <a16:creationId xmlns:a16="http://schemas.microsoft.com/office/drawing/2014/main" id="{08F2B45B-2BC1-44B2-4465-F8FD2B97328F}"/>
              </a:ext>
            </a:extLst>
          </p:cNvPr>
          <p:cNvSpPr txBox="1"/>
          <p:nvPr/>
        </p:nvSpPr>
        <p:spPr>
          <a:xfrm>
            <a:off x="563742" y="231187"/>
            <a:ext cx="10646661" cy="523220"/>
          </a:xfrm>
          <a:prstGeom prst="rect">
            <a:avLst/>
          </a:prstGeom>
          <a:noFill/>
        </p:spPr>
        <p:txBody>
          <a:bodyPr wrap="square" rtlCol="0">
            <a:spAutoFit/>
          </a:bodyPr>
          <a:lstStyle/>
          <a:p>
            <a:r>
              <a:rPr lang="en-US" sz="2800" b="1" err="1">
                <a:solidFill>
                  <a:schemeClr val="tx1">
                    <a:lumMod val="75000"/>
                    <a:lumOff val="25000"/>
                  </a:schemeClr>
                </a:solidFill>
              </a:rPr>
              <a:t>Integrazione</a:t>
            </a:r>
            <a:r>
              <a:rPr lang="en-US" sz="2800" b="1">
                <a:solidFill>
                  <a:schemeClr val="tx1">
                    <a:lumMod val="75000"/>
                    <a:lumOff val="25000"/>
                  </a:schemeClr>
                </a:solidFill>
              </a:rPr>
              <a:t> del </a:t>
            </a:r>
            <a:r>
              <a:rPr lang="en-US" sz="2800" b="1" err="1">
                <a:solidFill>
                  <a:schemeClr val="tx1">
                    <a:lumMod val="75000"/>
                    <a:lumOff val="25000"/>
                  </a:schemeClr>
                </a:solidFill>
              </a:rPr>
              <a:t>Monitoraggio</a:t>
            </a:r>
            <a:r>
              <a:rPr lang="en-US" sz="2800" b="1">
                <a:solidFill>
                  <a:schemeClr val="tx1">
                    <a:lumMod val="75000"/>
                    <a:lumOff val="25000"/>
                  </a:schemeClr>
                </a:solidFill>
              </a:rPr>
              <a:t> con </a:t>
            </a:r>
            <a:r>
              <a:rPr lang="en-US" sz="2800" b="1" err="1">
                <a:solidFill>
                  <a:schemeClr val="tx1">
                    <a:lumMod val="75000"/>
                    <a:lumOff val="25000"/>
                  </a:schemeClr>
                </a:solidFill>
              </a:rPr>
              <a:t>l’uso</a:t>
            </a:r>
            <a:r>
              <a:rPr lang="en-US" sz="2800" b="1">
                <a:solidFill>
                  <a:schemeClr val="tx1">
                    <a:lumMod val="75000"/>
                    <a:lumOff val="25000"/>
                  </a:schemeClr>
                </a:solidFill>
              </a:rPr>
              <a:t> di </a:t>
            </a:r>
            <a:r>
              <a:rPr lang="en-US" sz="2800" b="1" err="1">
                <a:solidFill>
                  <a:schemeClr val="tx1">
                    <a:lumMod val="75000"/>
                    <a:lumOff val="25000"/>
                  </a:schemeClr>
                </a:solidFill>
              </a:rPr>
              <a:t>Tecnologie</a:t>
            </a:r>
            <a:r>
              <a:rPr lang="en-US" sz="2800" b="1">
                <a:solidFill>
                  <a:schemeClr val="tx1">
                    <a:lumMod val="75000"/>
                    <a:lumOff val="25000"/>
                  </a:schemeClr>
                </a:solidFill>
              </a:rPr>
              <a:t> </a:t>
            </a:r>
            <a:r>
              <a:rPr lang="en-US" sz="2800" b="1" err="1">
                <a:solidFill>
                  <a:schemeClr val="tx1">
                    <a:lumMod val="75000"/>
                    <a:lumOff val="25000"/>
                  </a:schemeClr>
                </a:solidFill>
              </a:rPr>
              <a:t>Digitali</a:t>
            </a:r>
            <a:endParaRPr lang="en-US" sz="2800" b="1">
              <a:solidFill>
                <a:schemeClr val="tx1">
                  <a:lumMod val="75000"/>
                  <a:lumOff val="25000"/>
                </a:schemeClr>
              </a:solidFill>
            </a:endParaRPr>
          </a:p>
        </p:txBody>
      </p:sp>
      <p:cxnSp>
        <p:nvCxnSpPr>
          <p:cNvPr id="35" name="Straight Connector 34">
            <a:extLst>
              <a:ext uri="{FF2B5EF4-FFF2-40B4-BE49-F238E27FC236}">
                <a16:creationId xmlns:a16="http://schemas.microsoft.com/office/drawing/2014/main" id="{6DA4F8F9-EAFC-DA02-1EAC-A1777C1A0701}"/>
              </a:ext>
            </a:extLst>
          </p:cNvPr>
          <p:cNvCxnSpPr/>
          <p:nvPr/>
        </p:nvCxnSpPr>
        <p:spPr>
          <a:xfrm>
            <a:off x="630620" y="734762"/>
            <a:ext cx="10731063" cy="0"/>
          </a:xfrm>
          <a:prstGeom prst="line">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
        <p:nvSpPr>
          <p:cNvPr id="10" name="TextBox 9">
            <a:extLst>
              <a:ext uri="{FF2B5EF4-FFF2-40B4-BE49-F238E27FC236}">
                <a16:creationId xmlns:a16="http://schemas.microsoft.com/office/drawing/2014/main" id="{8609373F-287F-D060-FC0C-9A87CD90D3CD}"/>
              </a:ext>
            </a:extLst>
          </p:cNvPr>
          <p:cNvSpPr txBox="1"/>
          <p:nvPr/>
        </p:nvSpPr>
        <p:spPr>
          <a:xfrm>
            <a:off x="-108939" y="6396933"/>
            <a:ext cx="3086362" cy="523220"/>
          </a:xfrm>
          <a:prstGeom prst="rect">
            <a:avLst/>
          </a:prstGeom>
          <a:noFill/>
        </p:spPr>
        <p:txBody>
          <a:bodyPr wrap="square">
            <a:spAutoFit/>
          </a:bodyPr>
          <a:lstStyle/>
          <a:p>
            <a:pPr algn="ctr"/>
            <a:r>
              <a:rPr lang="it-IT" sz="1100"/>
              <a:t>I</a:t>
            </a:r>
            <a:r>
              <a:rPr lang="it-IT" sz="1400"/>
              <a:t> </a:t>
            </a:r>
            <a:r>
              <a:rPr lang="it-IT" sz="1100"/>
              <a:t>dati vengono acquisiti tramite droni o laser </a:t>
            </a:r>
            <a:r>
              <a:rPr lang="it-IT" sz="1400"/>
              <a:t>
</a:t>
            </a:r>
            <a:endParaRPr lang="it-IT"/>
          </a:p>
        </p:txBody>
      </p:sp>
      <p:sp>
        <p:nvSpPr>
          <p:cNvPr id="12" name="TextBox 11">
            <a:extLst>
              <a:ext uri="{FF2B5EF4-FFF2-40B4-BE49-F238E27FC236}">
                <a16:creationId xmlns:a16="http://schemas.microsoft.com/office/drawing/2014/main" id="{84A6FEE9-C9B5-59B2-F810-29649986BAE1}"/>
              </a:ext>
            </a:extLst>
          </p:cNvPr>
          <p:cNvSpPr txBox="1"/>
          <p:nvPr/>
        </p:nvSpPr>
        <p:spPr>
          <a:xfrm>
            <a:off x="3115551" y="6416601"/>
            <a:ext cx="2807338" cy="261610"/>
          </a:xfrm>
          <a:prstGeom prst="rect">
            <a:avLst/>
          </a:prstGeom>
          <a:noFill/>
        </p:spPr>
        <p:txBody>
          <a:bodyPr wrap="square">
            <a:spAutoFit/>
          </a:bodyPr>
          <a:lstStyle/>
          <a:p>
            <a:r>
              <a:rPr lang="en-US" sz="1100"/>
              <a:t>I “digital twins” </a:t>
            </a:r>
            <a:r>
              <a:rPr lang="en-US" sz="1100" err="1"/>
              <a:t>sono</a:t>
            </a:r>
            <a:r>
              <a:rPr lang="en-US" sz="1100"/>
              <a:t> version DIGITALI del </a:t>
            </a:r>
            <a:r>
              <a:rPr lang="en-US" sz="1100" err="1"/>
              <a:t>sito</a:t>
            </a:r>
            <a:r>
              <a:rPr lang="en-US" sz="1100"/>
              <a:t> </a:t>
            </a:r>
            <a:endParaRPr lang="it-IT" sz="1100"/>
          </a:p>
        </p:txBody>
      </p:sp>
      <p:sp>
        <p:nvSpPr>
          <p:cNvPr id="13" name="Arrow: Right 12">
            <a:extLst>
              <a:ext uri="{FF2B5EF4-FFF2-40B4-BE49-F238E27FC236}">
                <a16:creationId xmlns:a16="http://schemas.microsoft.com/office/drawing/2014/main" id="{F892B68B-D2AB-BF8C-9E7E-E5752B6238DC}"/>
              </a:ext>
            </a:extLst>
          </p:cNvPr>
          <p:cNvSpPr/>
          <p:nvPr/>
        </p:nvSpPr>
        <p:spPr>
          <a:xfrm>
            <a:off x="2790276" y="5422733"/>
            <a:ext cx="463644" cy="550700"/>
          </a:xfrm>
          <a:prstGeom prst="rightArrow">
            <a:avLst/>
          </a:prstGeom>
          <a:solidFill>
            <a:schemeClr val="bg2">
              <a:lumMod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cxnSp>
        <p:nvCxnSpPr>
          <p:cNvPr id="34" name="Straight Connector 33">
            <a:extLst>
              <a:ext uri="{FF2B5EF4-FFF2-40B4-BE49-F238E27FC236}">
                <a16:creationId xmlns:a16="http://schemas.microsoft.com/office/drawing/2014/main" id="{DE0432A5-928F-77BC-00FD-4C47320EA01A}"/>
              </a:ext>
            </a:extLst>
          </p:cNvPr>
          <p:cNvCxnSpPr/>
          <p:nvPr/>
        </p:nvCxnSpPr>
        <p:spPr>
          <a:xfrm>
            <a:off x="630620" y="734762"/>
            <a:ext cx="10731063" cy="0"/>
          </a:xfrm>
          <a:prstGeom prst="line">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0C63C86E-BF91-4793-CA4B-F6A95CBA0E83}"/>
              </a:ext>
            </a:extLst>
          </p:cNvPr>
          <p:cNvCxnSpPr/>
          <p:nvPr/>
        </p:nvCxnSpPr>
        <p:spPr>
          <a:xfrm>
            <a:off x="630620" y="734762"/>
            <a:ext cx="10731063" cy="0"/>
          </a:xfrm>
          <a:prstGeom prst="line">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37" name="Straight Arrow Connector 36">
            <a:extLst>
              <a:ext uri="{FF2B5EF4-FFF2-40B4-BE49-F238E27FC236}">
                <a16:creationId xmlns:a16="http://schemas.microsoft.com/office/drawing/2014/main" id="{36798850-9724-D2CA-DBC8-10E51B96BE27}"/>
              </a:ext>
            </a:extLst>
          </p:cNvPr>
          <p:cNvCxnSpPr>
            <a:cxnSpLocks/>
          </p:cNvCxnSpPr>
          <p:nvPr/>
        </p:nvCxnSpPr>
        <p:spPr bwMode="auto">
          <a:xfrm flipH="1">
            <a:off x="203916" y="1695380"/>
            <a:ext cx="11740458" cy="0"/>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 name="Oval 39">
            <a:extLst>
              <a:ext uri="{FF2B5EF4-FFF2-40B4-BE49-F238E27FC236}">
                <a16:creationId xmlns:a16="http://schemas.microsoft.com/office/drawing/2014/main" id="{EE6FA58A-6E1D-B918-9340-6270FDB95CD8}"/>
              </a:ext>
            </a:extLst>
          </p:cNvPr>
          <p:cNvSpPr/>
          <p:nvPr/>
        </p:nvSpPr>
        <p:spPr>
          <a:xfrm>
            <a:off x="5734948" y="768202"/>
            <a:ext cx="715654" cy="542188"/>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cxnSp>
        <p:nvCxnSpPr>
          <p:cNvPr id="45" name="Straight Arrow Connector 44">
            <a:extLst>
              <a:ext uri="{FF2B5EF4-FFF2-40B4-BE49-F238E27FC236}">
                <a16:creationId xmlns:a16="http://schemas.microsoft.com/office/drawing/2014/main" id="{446367E0-F1A8-E41E-9CA4-83BBA9412598}"/>
              </a:ext>
            </a:extLst>
          </p:cNvPr>
          <p:cNvCxnSpPr>
            <a:cxnSpLocks/>
          </p:cNvCxnSpPr>
          <p:nvPr/>
        </p:nvCxnSpPr>
        <p:spPr bwMode="auto">
          <a:xfrm flipV="1">
            <a:off x="190785" y="1689081"/>
            <a:ext cx="0" cy="2031345"/>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6" name="Straight Arrow Connector 45">
            <a:extLst>
              <a:ext uri="{FF2B5EF4-FFF2-40B4-BE49-F238E27FC236}">
                <a16:creationId xmlns:a16="http://schemas.microsoft.com/office/drawing/2014/main" id="{F70E07B8-B9B2-09FB-6ED8-EBD4852E19F7}"/>
              </a:ext>
            </a:extLst>
          </p:cNvPr>
          <p:cNvCxnSpPr>
            <a:cxnSpLocks/>
          </p:cNvCxnSpPr>
          <p:nvPr/>
        </p:nvCxnSpPr>
        <p:spPr bwMode="auto">
          <a:xfrm flipV="1">
            <a:off x="11944374" y="1689081"/>
            <a:ext cx="0" cy="3729495"/>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A1ADF8C4-A8E2-846E-EC00-42EE03D532F8}"/>
              </a:ext>
            </a:extLst>
          </p:cNvPr>
          <p:cNvCxnSpPr>
            <a:cxnSpLocks/>
            <a:stCxn id="17" idx="6"/>
          </p:cNvCxnSpPr>
          <p:nvPr/>
        </p:nvCxnSpPr>
        <p:spPr>
          <a:xfrm flipH="1" flipV="1">
            <a:off x="1305148" y="2088569"/>
            <a:ext cx="3092226" cy="937"/>
          </a:xfrm>
          <a:prstGeom prst="line">
            <a:avLst/>
          </a:prstGeom>
          <a:ln>
            <a:solidFill>
              <a:srgbClr val="7030A0"/>
            </a:solidFill>
          </a:ln>
        </p:spPr>
        <p:style>
          <a:lnRef idx="1">
            <a:schemeClr val="accent1"/>
          </a:lnRef>
          <a:fillRef idx="0">
            <a:schemeClr val="accent1"/>
          </a:fillRef>
          <a:effectRef idx="0">
            <a:schemeClr val="accent1"/>
          </a:effectRef>
          <a:fontRef idx="minor">
            <a:schemeClr val="tx1"/>
          </a:fontRef>
        </p:style>
      </p:cxnSp>
      <p:sp>
        <p:nvSpPr>
          <p:cNvPr id="16" name="Oval 15">
            <a:extLst>
              <a:ext uri="{FF2B5EF4-FFF2-40B4-BE49-F238E27FC236}">
                <a16:creationId xmlns:a16="http://schemas.microsoft.com/office/drawing/2014/main" id="{8BFD2974-EA10-5ADB-D025-FA60392F5DBF}"/>
              </a:ext>
            </a:extLst>
          </p:cNvPr>
          <p:cNvSpPr/>
          <p:nvPr/>
        </p:nvSpPr>
        <p:spPr>
          <a:xfrm>
            <a:off x="7373682" y="2016546"/>
            <a:ext cx="105229" cy="87728"/>
          </a:xfrm>
          <a:prstGeom prst="ellipse">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17" name="Oval 16">
            <a:extLst>
              <a:ext uri="{FF2B5EF4-FFF2-40B4-BE49-F238E27FC236}">
                <a16:creationId xmlns:a16="http://schemas.microsoft.com/office/drawing/2014/main" id="{78C241A8-9BEA-4CE5-D18B-394A2E899686}"/>
              </a:ext>
            </a:extLst>
          </p:cNvPr>
          <p:cNvSpPr/>
          <p:nvPr/>
        </p:nvSpPr>
        <p:spPr>
          <a:xfrm>
            <a:off x="4292145" y="2045642"/>
            <a:ext cx="105229" cy="87728"/>
          </a:xfrm>
          <a:prstGeom prst="ellipse">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18" name="Arrow: Pentagon 17">
            <a:extLst>
              <a:ext uri="{FF2B5EF4-FFF2-40B4-BE49-F238E27FC236}">
                <a16:creationId xmlns:a16="http://schemas.microsoft.com/office/drawing/2014/main" id="{82F336B0-5D2E-2A72-C2BC-AA2C92E219CF}"/>
              </a:ext>
            </a:extLst>
          </p:cNvPr>
          <p:cNvSpPr/>
          <p:nvPr/>
        </p:nvSpPr>
        <p:spPr bwMode="auto">
          <a:xfrm>
            <a:off x="1345576" y="1164061"/>
            <a:ext cx="8865224" cy="1057383"/>
          </a:xfrm>
          <a:prstGeom prst="homePlate">
            <a:avLst>
              <a:gd name="adj" fmla="val 13396"/>
            </a:avLst>
          </a:prstGeom>
          <a:solidFill>
            <a:srgbClr val="FFFFFF">
              <a:lumMod val="85000"/>
            </a:srgbClr>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lvl="0" indent="-357188" defTabSz="914400" eaLnBrk="1" fontAlgn="base" latinLnBrk="0" hangingPunct="1">
              <a:lnSpc>
                <a:spcPct val="100000"/>
              </a:lnSpc>
              <a:spcBef>
                <a:spcPts val="300"/>
              </a:spcBef>
              <a:spcAft>
                <a:spcPct val="0"/>
              </a:spcAft>
              <a:buClrTx/>
              <a:buSzTx/>
              <a:buFont typeface="Ericsson Hilda" panose="00000500000000000000" pitchFamily="2" charset="0"/>
              <a:buChar char="—"/>
              <a:tabLst/>
              <a:defRPr/>
            </a:pPr>
            <a:endParaRPr kumimoji="0" lang="en-US" sz="500" b="0" i="0" u="none" strike="noStrike" kern="0" cap="none" spc="0" normalizeH="0" baseline="0" noProof="0">
              <a:ln>
                <a:noFill/>
              </a:ln>
              <a:solidFill>
                <a:srgbClr val="FFFFFF"/>
              </a:solidFill>
              <a:effectLst/>
              <a:uLnTx/>
              <a:uFillTx/>
              <a:latin typeface="Ericsson Hilda"/>
            </a:endParaRPr>
          </a:p>
        </p:txBody>
      </p:sp>
      <p:graphicFrame>
        <p:nvGraphicFramePr>
          <p:cNvPr id="20" name="Table 12">
            <a:extLst>
              <a:ext uri="{FF2B5EF4-FFF2-40B4-BE49-F238E27FC236}">
                <a16:creationId xmlns:a16="http://schemas.microsoft.com/office/drawing/2014/main" id="{C7C0C9F3-AF3C-D24A-7721-A4419DA63DBB}"/>
              </a:ext>
            </a:extLst>
          </p:cNvPr>
          <p:cNvGraphicFramePr>
            <a:graphicFrameLocks noGrp="1"/>
          </p:cNvGraphicFramePr>
          <p:nvPr>
            <p:extLst>
              <p:ext uri="{D42A27DB-BD31-4B8C-83A1-F6EECF244321}">
                <p14:modId xmlns:p14="http://schemas.microsoft.com/office/powerpoint/2010/main" val="283621521"/>
              </p:ext>
            </p:extLst>
          </p:nvPr>
        </p:nvGraphicFramePr>
        <p:xfrm>
          <a:off x="1374671" y="1692728"/>
          <a:ext cx="8580629" cy="426720"/>
        </p:xfrm>
        <a:graphic>
          <a:graphicData uri="http://schemas.openxmlformats.org/drawingml/2006/table">
            <a:tbl>
              <a:tblPr/>
              <a:tblGrid>
                <a:gridCol w="2182919">
                  <a:extLst>
                    <a:ext uri="{9D8B030D-6E8A-4147-A177-3AD203B41FA5}">
                      <a16:colId xmlns:a16="http://schemas.microsoft.com/office/drawing/2014/main" val="391693096"/>
                    </a:ext>
                  </a:extLst>
                </a:gridCol>
                <a:gridCol w="4304871">
                  <a:extLst>
                    <a:ext uri="{9D8B030D-6E8A-4147-A177-3AD203B41FA5}">
                      <a16:colId xmlns:a16="http://schemas.microsoft.com/office/drawing/2014/main" val="1698815345"/>
                    </a:ext>
                  </a:extLst>
                </a:gridCol>
                <a:gridCol w="2092839">
                  <a:extLst>
                    <a:ext uri="{9D8B030D-6E8A-4147-A177-3AD203B41FA5}">
                      <a16:colId xmlns:a16="http://schemas.microsoft.com/office/drawing/2014/main" val="2226880471"/>
                    </a:ext>
                  </a:extLst>
                </a:gridCol>
              </a:tblGrid>
              <a:tr h="187099">
                <a:tc>
                  <a:txBody>
                    <a:bodyPr/>
                    <a:lstStyle>
                      <a:lvl1pPr marL="0" algn="l" defTabSz="914400" rtl="0" eaLnBrk="1" latinLnBrk="0" hangingPunct="1">
                        <a:defRPr sz="1800" kern="1200">
                          <a:solidFill>
                            <a:schemeClr val="dk1"/>
                          </a:solidFill>
                          <a:latin typeface="Ericsson Hilda"/>
                        </a:defRPr>
                      </a:lvl1pPr>
                      <a:lvl2pPr marL="457200" algn="l" defTabSz="914400" rtl="0" eaLnBrk="1" latinLnBrk="0" hangingPunct="1">
                        <a:defRPr sz="1800" kern="1200">
                          <a:solidFill>
                            <a:schemeClr val="dk1"/>
                          </a:solidFill>
                          <a:latin typeface="Ericsson Hilda"/>
                        </a:defRPr>
                      </a:lvl2pPr>
                      <a:lvl3pPr marL="914400" algn="l" defTabSz="914400" rtl="0" eaLnBrk="1" latinLnBrk="0" hangingPunct="1">
                        <a:defRPr sz="1800" kern="1200">
                          <a:solidFill>
                            <a:schemeClr val="dk1"/>
                          </a:solidFill>
                          <a:latin typeface="Ericsson Hilda"/>
                        </a:defRPr>
                      </a:lvl3pPr>
                      <a:lvl4pPr marL="1371600" algn="l" defTabSz="914400" rtl="0" eaLnBrk="1" latinLnBrk="0" hangingPunct="1">
                        <a:defRPr sz="1800" kern="1200">
                          <a:solidFill>
                            <a:schemeClr val="dk1"/>
                          </a:solidFill>
                          <a:latin typeface="Ericsson Hilda"/>
                        </a:defRPr>
                      </a:lvl4pPr>
                      <a:lvl5pPr marL="1828800" algn="l" defTabSz="914400" rtl="0" eaLnBrk="1" latinLnBrk="0" hangingPunct="1">
                        <a:defRPr sz="1800" kern="1200">
                          <a:solidFill>
                            <a:schemeClr val="dk1"/>
                          </a:solidFill>
                          <a:latin typeface="Ericsson Hilda"/>
                        </a:defRPr>
                      </a:lvl5pPr>
                      <a:lvl6pPr marL="2286000" algn="l" defTabSz="914400" rtl="0" eaLnBrk="1" latinLnBrk="0" hangingPunct="1">
                        <a:defRPr sz="1800" kern="1200">
                          <a:solidFill>
                            <a:schemeClr val="dk1"/>
                          </a:solidFill>
                          <a:latin typeface="Ericsson Hilda"/>
                        </a:defRPr>
                      </a:lvl6pPr>
                      <a:lvl7pPr marL="2743200" algn="l" defTabSz="914400" rtl="0" eaLnBrk="1" latinLnBrk="0" hangingPunct="1">
                        <a:defRPr sz="1800" kern="1200">
                          <a:solidFill>
                            <a:schemeClr val="dk1"/>
                          </a:solidFill>
                          <a:latin typeface="Ericsson Hilda"/>
                        </a:defRPr>
                      </a:lvl7pPr>
                      <a:lvl8pPr marL="3200400" algn="l" defTabSz="914400" rtl="0" eaLnBrk="1" latinLnBrk="0" hangingPunct="1">
                        <a:defRPr sz="1800" kern="1200">
                          <a:solidFill>
                            <a:schemeClr val="dk1"/>
                          </a:solidFill>
                          <a:latin typeface="Ericsson Hilda"/>
                        </a:defRPr>
                      </a:lvl8pPr>
                      <a:lvl9pPr marL="3657600" algn="l" defTabSz="914400" rtl="0" eaLnBrk="1" latinLnBrk="0" hangingPunct="1">
                        <a:defRPr sz="1800" kern="1200">
                          <a:solidFill>
                            <a:schemeClr val="dk1"/>
                          </a:solidFill>
                          <a:latin typeface="Ericsson Hilda"/>
                        </a:defRPr>
                      </a:lvl9pPr>
                    </a:lstStyle>
                    <a:p>
                      <a:pPr algn="ctr"/>
                      <a:r>
                        <a:rPr lang="en-US" sz="800" b="1" i="0" noProof="0">
                          <a:solidFill>
                            <a:schemeClr val="bg1"/>
                          </a:solidFill>
                          <a:latin typeface="+mn-lt"/>
                        </a:rPr>
                        <a:t>Fase di progettazione</a:t>
                      </a:r>
                    </a:p>
                  </a:txBody>
                  <a:tcPr anchor="ctr">
                    <a:lnL w="57150" cap="flat" cmpd="sng" algn="ctr">
                      <a:solidFill>
                        <a:srgbClr val="FFFFFF"/>
                      </a:solidFill>
                      <a:prstDash val="solid"/>
                      <a:round/>
                      <a:headEnd type="none" w="med" len="med"/>
                      <a:tailEnd type="none" w="med" len="med"/>
                    </a:lnL>
                    <a:lnR w="57150" cap="flat" cmpd="sng" algn="ctr">
                      <a:solidFill>
                        <a:srgbClr val="FFFFFF"/>
                      </a:solidFill>
                      <a:prstDash val="solid"/>
                      <a:round/>
                      <a:headEnd type="none" w="med" len="med"/>
                      <a:tailEnd type="none" w="med" len="med"/>
                    </a:lnR>
                    <a:lnT w="57150" cap="flat" cmpd="sng" algn="ctr">
                      <a:solidFill>
                        <a:srgbClr val="FFFFFF"/>
                      </a:solidFill>
                      <a:prstDash val="solid"/>
                      <a:round/>
                      <a:headEnd type="none" w="med" len="med"/>
                      <a:tailEnd type="none" w="med" len="med"/>
                    </a:lnT>
                    <a:lnB w="5715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rgbClr val="FFFFFF">
                        <a:lumMod val="50000"/>
                      </a:srgbClr>
                    </a:solidFill>
                  </a:tcPr>
                </a:tc>
                <a:tc gridSpan="2">
                  <a:txBody>
                    <a:bodyPr/>
                    <a:lstStyle>
                      <a:lvl1pPr marL="0" algn="l" defTabSz="914400" rtl="0" eaLnBrk="1" latinLnBrk="0" hangingPunct="1">
                        <a:defRPr sz="1800" kern="1200">
                          <a:solidFill>
                            <a:schemeClr val="dk1"/>
                          </a:solidFill>
                          <a:latin typeface="Ericsson Hilda"/>
                        </a:defRPr>
                      </a:lvl1pPr>
                      <a:lvl2pPr marL="457200" algn="l" defTabSz="914400" rtl="0" eaLnBrk="1" latinLnBrk="0" hangingPunct="1">
                        <a:defRPr sz="1800" kern="1200">
                          <a:solidFill>
                            <a:schemeClr val="dk1"/>
                          </a:solidFill>
                          <a:latin typeface="Ericsson Hilda"/>
                        </a:defRPr>
                      </a:lvl2pPr>
                      <a:lvl3pPr marL="914400" algn="l" defTabSz="914400" rtl="0" eaLnBrk="1" latinLnBrk="0" hangingPunct="1">
                        <a:defRPr sz="1800" kern="1200">
                          <a:solidFill>
                            <a:schemeClr val="dk1"/>
                          </a:solidFill>
                          <a:latin typeface="Ericsson Hilda"/>
                        </a:defRPr>
                      </a:lvl3pPr>
                      <a:lvl4pPr marL="1371600" algn="l" defTabSz="914400" rtl="0" eaLnBrk="1" latinLnBrk="0" hangingPunct="1">
                        <a:defRPr sz="1800" kern="1200">
                          <a:solidFill>
                            <a:schemeClr val="dk1"/>
                          </a:solidFill>
                          <a:latin typeface="Ericsson Hilda"/>
                        </a:defRPr>
                      </a:lvl4pPr>
                      <a:lvl5pPr marL="1828800" algn="l" defTabSz="914400" rtl="0" eaLnBrk="1" latinLnBrk="0" hangingPunct="1">
                        <a:defRPr sz="1800" kern="1200">
                          <a:solidFill>
                            <a:schemeClr val="dk1"/>
                          </a:solidFill>
                          <a:latin typeface="Ericsson Hilda"/>
                        </a:defRPr>
                      </a:lvl5pPr>
                      <a:lvl6pPr marL="2286000" algn="l" defTabSz="914400" rtl="0" eaLnBrk="1" latinLnBrk="0" hangingPunct="1">
                        <a:defRPr sz="1800" kern="1200">
                          <a:solidFill>
                            <a:schemeClr val="dk1"/>
                          </a:solidFill>
                          <a:latin typeface="Ericsson Hilda"/>
                        </a:defRPr>
                      </a:lvl6pPr>
                      <a:lvl7pPr marL="2743200" algn="l" defTabSz="914400" rtl="0" eaLnBrk="1" latinLnBrk="0" hangingPunct="1">
                        <a:defRPr sz="1800" kern="1200">
                          <a:solidFill>
                            <a:schemeClr val="dk1"/>
                          </a:solidFill>
                          <a:latin typeface="Ericsson Hilda"/>
                        </a:defRPr>
                      </a:lvl7pPr>
                      <a:lvl8pPr marL="3200400" algn="l" defTabSz="914400" rtl="0" eaLnBrk="1" latinLnBrk="0" hangingPunct="1">
                        <a:defRPr sz="1800" kern="1200">
                          <a:solidFill>
                            <a:schemeClr val="dk1"/>
                          </a:solidFill>
                          <a:latin typeface="Ericsson Hilda"/>
                        </a:defRPr>
                      </a:lvl8pPr>
                      <a:lvl9pPr marL="3657600" algn="l" defTabSz="914400" rtl="0" eaLnBrk="1" latinLnBrk="0" hangingPunct="1">
                        <a:defRPr sz="1800" kern="1200">
                          <a:solidFill>
                            <a:schemeClr val="dk1"/>
                          </a:solidFill>
                          <a:latin typeface="Ericsson Hilda"/>
                        </a:defRPr>
                      </a:lvl9pPr>
                    </a:lstStyle>
                    <a:p>
                      <a:pPr algn="ctr" defTabSz="906463"/>
                      <a:r>
                        <a:rPr lang="en-US" sz="800" b="1" noProof="0">
                          <a:solidFill>
                            <a:schemeClr val="bg1"/>
                          </a:solidFill>
                          <a:latin typeface="+mn-lt"/>
                        </a:rPr>
                        <a:t>Fase di esecuzione</a:t>
                      </a:r>
                    </a:p>
                  </a:txBody>
                  <a:tcPr anchor="ctr">
                    <a:lnL w="57150" cap="flat" cmpd="sng" algn="ctr">
                      <a:solidFill>
                        <a:srgbClr val="FFFFFF"/>
                      </a:solidFill>
                      <a:prstDash val="solid"/>
                      <a:round/>
                      <a:headEnd type="none" w="med" len="med"/>
                      <a:tailEnd type="none" w="med" len="med"/>
                    </a:lnL>
                    <a:lnR w="57150" cap="flat" cmpd="sng" algn="ctr">
                      <a:solidFill>
                        <a:srgbClr val="FFFFFF"/>
                      </a:solidFill>
                      <a:prstDash val="solid"/>
                      <a:round/>
                      <a:headEnd type="none" w="med" len="med"/>
                      <a:tailEnd type="none" w="med" len="med"/>
                    </a:lnR>
                    <a:lnT w="57150" cap="flat" cmpd="sng" algn="ctr">
                      <a:solidFill>
                        <a:srgbClr val="FFFFFF"/>
                      </a:solidFill>
                      <a:prstDash val="solid"/>
                      <a:round/>
                      <a:headEnd type="none" w="med" len="med"/>
                      <a:tailEnd type="none" w="med" len="med"/>
                    </a:lnT>
                    <a:lnB w="5715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rgbClr val="FFFFFF">
                        <a:lumMod val="50000"/>
                      </a:srgbClr>
                    </a:solidFill>
                  </a:tcPr>
                </a:tc>
                <a:tc hMerge="1">
                  <a:txBody>
                    <a:bodyPr/>
                    <a:lstStyle/>
                    <a:p>
                      <a:pPr algn="ctr"/>
                      <a:endParaRPr lang="en-US" sz="1600" noProof="0">
                        <a:solidFill>
                          <a:schemeClr val="bg1"/>
                        </a:solidFill>
                      </a:endParaRPr>
                    </a:p>
                  </a:txBody>
                  <a:tcPr anchor="ctr">
                    <a:lnL w="57150" cap="flat" cmpd="sng" algn="ctr">
                      <a:solidFill>
                        <a:schemeClr val="bg1"/>
                      </a:solidFill>
                      <a:prstDash val="solid"/>
                      <a:round/>
                      <a:headEnd type="none" w="med" len="med"/>
                      <a:tailEnd type="none" w="med" len="med"/>
                    </a:lnL>
                    <a:lnR w="57150" cap="flat" cmpd="sng" algn="ctr">
                      <a:solidFill>
                        <a:schemeClr val="bg1"/>
                      </a:solidFill>
                      <a:prstDash val="solid"/>
                      <a:round/>
                      <a:headEnd type="none" w="med" len="med"/>
                      <a:tailEnd type="none" w="med" len="med"/>
                    </a:lnR>
                    <a:lnT w="57150" cap="flat" cmpd="sng" algn="ctr">
                      <a:solidFill>
                        <a:schemeClr val="bg1"/>
                      </a:solidFill>
                      <a:prstDash val="solid"/>
                      <a:round/>
                      <a:headEnd type="none" w="med" len="med"/>
                      <a:tailEnd type="none" w="med" len="med"/>
                    </a:lnT>
                    <a:lnB w="57150" cap="flat" cmpd="sng" algn="ctr">
                      <a:solidFill>
                        <a:schemeClr val="bg1"/>
                      </a:solidFill>
                      <a:prstDash val="solid"/>
                      <a:round/>
                      <a:headEnd type="none" w="med" len="med"/>
                      <a:tailEnd type="none" w="med" len="med"/>
                    </a:lnB>
                    <a:solidFill>
                      <a:schemeClr val="accent3"/>
                    </a:solidFill>
                  </a:tcPr>
                </a:tc>
                <a:extLst>
                  <a:ext uri="{0D108BD9-81ED-4DB2-BD59-A6C34878D82A}">
                    <a16:rowId xmlns:a16="http://schemas.microsoft.com/office/drawing/2014/main" val="1180737010"/>
                  </a:ext>
                </a:extLst>
              </a:tr>
              <a:tr h="187099">
                <a:tc gridSpan="2">
                  <a:txBody>
                    <a:bodyPr/>
                    <a:lstStyle>
                      <a:lvl1pPr marL="0" algn="l" defTabSz="914400" rtl="0" eaLnBrk="1" latinLnBrk="0" hangingPunct="1">
                        <a:defRPr sz="1800" kern="1200">
                          <a:solidFill>
                            <a:schemeClr val="dk1"/>
                          </a:solidFill>
                          <a:latin typeface="Ericsson Hilda"/>
                        </a:defRPr>
                      </a:lvl1pPr>
                      <a:lvl2pPr marL="457200" algn="l" defTabSz="914400" rtl="0" eaLnBrk="1" latinLnBrk="0" hangingPunct="1">
                        <a:defRPr sz="1800" kern="1200">
                          <a:solidFill>
                            <a:schemeClr val="dk1"/>
                          </a:solidFill>
                          <a:latin typeface="Ericsson Hilda"/>
                        </a:defRPr>
                      </a:lvl2pPr>
                      <a:lvl3pPr marL="914400" algn="l" defTabSz="914400" rtl="0" eaLnBrk="1" latinLnBrk="0" hangingPunct="1">
                        <a:defRPr sz="1800" kern="1200">
                          <a:solidFill>
                            <a:schemeClr val="dk1"/>
                          </a:solidFill>
                          <a:latin typeface="Ericsson Hilda"/>
                        </a:defRPr>
                      </a:lvl3pPr>
                      <a:lvl4pPr marL="1371600" algn="l" defTabSz="914400" rtl="0" eaLnBrk="1" latinLnBrk="0" hangingPunct="1">
                        <a:defRPr sz="1800" kern="1200">
                          <a:solidFill>
                            <a:schemeClr val="dk1"/>
                          </a:solidFill>
                          <a:latin typeface="Ericsson Hilda"/>
                        </a:defRPr>
                      </a:lvl4pPr>
                      <a:lvl5pPr marL="1828800" algn="l" defTabSz="914400" rtl="0" eaLnBrk="1" latinLnBrk="0" hangingPunct="1">
                        <a:defRPr sz="1800" kern="1200">
                          <a:solidFill>
                            <a:schemeClr val="dk1"/>
                          </a:solidFill>
                          <a:latin typeface="Ericsson Hilda"/>
                        </a:defRPr>
                      </a:lvl5pPr>
                      <a:lvl6pPr marL="2286000" algn="l" defTabSz="914400" rtl="0" eaLnBrk="1" latinLnBrk="0" hangingPunct="1">
                        <a:defRPr sz="1800" kern="1200">
                          <a:solidFill>
                            <a:schemeClr val="dk1"/>
                          </a:solidFill>
                          <a:latin typeface="Ericsson Hilda"/>
                        </a:defRPr>
                      </a:lvl6pPr>
                      <a:lvl7pPr marL="2743200" algn="l" defTabSz="914400" rtl="0" eaLnBrk="1" latinLnBrk="0" hangingPunct="1">
                        <a:defRPr sz="1800" kern="1200">
                          <a:solidFill>
                            <a:schemeClr val="dk1"/>
                          </a:solidFill>
                          <a:latin typeface="Ericsson Hilda"/>
                        </a:defRPr>
                      </a:lvl7pPr>
                      <a:lvl8pPr marL="3200400" algn="l" defTabSz="914400" rtl="0" eaLnBrk="1" latinLnBrk="0" hangingPunct="1">
                        <a:defRPr sz="1800" kern="1200">
                          <a:solidFill>
                            <a:schemeClr val="dk1"/>
                          </a:solidFill>
                          <a:latin typeface="Ericsson Hilda"/>
                        </a:defRPr>
                      </a:lvl8pPr>
                      <a:lvl9pPr marL="3657600" algn="l" defTabSz="914400" rtl="0" eaLnBrk="1" latinLnBrk="0" hangingPunct="1">
                        <a:defRPr sz="1800" kern="1200">
                          <a:solidFill>
                            <a:schemeClr val="dk1"/>
                          </a:solidFill>
                          <a:latin typeface="Ericsson Hilda"/>
                        </a:defRPr>
                      </a:lvl9pPr>
                    </a:lstStyle>
                    <a:p>
                      <a:pPr algn="l"/>
                      <a:r>
                        <a:rPr lang="en-US" sz="800" b="1" noProof="0">
                          <a:solidFill>
                            <a:schemeClr val="bg1"/>
                          </a:solidFill>
                          <a:latin typeface="+mn-lt"/>
                        </a:rPr>
                        <a:t>Prima dell’inizio dei lavori</a:t>
                      </a:r>
                    </a:p>
                  </a:txBody>
                  <a:tcPr anchor="ctr">
                    <a:lnL w="57150" cap="flat" cmpd="sng" algn="ctr">
                      <a:solidFill>
                        <a:srgbClr val="FFFFFF"/>
                      </a:solidFill>
                      <a:prstDash val="solid"/>
                      <a:round/>
                      <a:headEnd type="none" w="med" len="med"/>
                      <a:tailEnd type="none" w="med" len="med"/>
                    </a:lnL>
                    <a:lnR w="57150" cap="flat" cmpd="sng" algn="ctr">
                      <a:solidFill>
                        <a:srgbClr val="FFFFFF"/>
                      </a:solidFill>
                      <a:prstDash val="solid"/>
                      <a:round/>
                      <a:headEnd type="none" w="med" len="med"/>
                      <a:tailEnd type="none" w="med" len="med"/>
                    </a:lnR>
                    <a:lnT w="57150" cap="flat" cmpd="sng" algn="ctr">
                      <a:solidFill>
                        <a:srgbClr val="FFFFFF"/>
                      </a:solidFill>
                      <a:prstDash val="solid"/>
                      <a:round/>
                      <a:headEnd type="none" w="med" len="med"/>
                      <a:tailEnd type="none" w="med" len="med"/>
                    </a:lnT>
                    <a:lnB w="5715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chemeClr val="tx2"/>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noProof="0">
                          <a:solidFill>
                            <a:schemeClr val="bg1"/>
                          </a:solidFill>
                        </a:rPr>
                        <a:t>Before field work starts</a:t>
                      </a:r>
                    </a:p>
                  </a:txBody>
                  <a:tcPr anchor="ctr">
                    <a:lnL w="57150" cap="flat" cmpd="sng" algn="ctr">
                      <a:solidFill>
                        <a:schemeClr val="bg1"/>
                      </a:solidFill>
                      <a:prstDash val="solid"/>
                      <a:round/>
                      <a:headEnd type="none" w="med" len="med"/>
                      <a:tailEnd type="none" w="med" len="med"/>
                    </a:lnL>
                    <a:lnR w="57150" cap="flat" cmpd="sng" algn="ctr">
                      <a:solidFill>
                        <a:schemeClr val="bg1"/>
                      </a:solidFill>
                      <a:prstDash val="solid"/>
                      <a:round/>
                      <a:headEnd type="none" w="med" len="med"/>
                      <a:tailEnd type="none" w="med" len="med"/>
                    </a:lnR>
                    <a:lnT w="57150" cap="flat" cmpd="sng" algn="ctr">
                      <a:solidFill>
                        <a:schemeClr val="bg1"/>
                      </a:solidFill>
                      <a:prstDash val="solid"/>
                      <a:round/>
                      <a:headEnd type="none" w="med" len="med"/>
                      <a:tailEnd type="none" w="med" len="med"/>
                    </a:lnT>
                    <a:lnB w="57150" cap="flat" cmpd="sng" algn="ctr">
                      <a:solidFill>
                        <a:schemeClr val="bg1"/>
                      </a:solidFill>
                      <a:prstDash val="solid"/>
                      <a:round/>
                      <a:headEnd type="none" w="med" len="med"/>
                      <a:tailEnd type="none" w="med" len="med"/>
                    </a:lnB>
                    <a:solidFill>
                      <a:schemeClr val="accent3"/>
                    </a:solidFill>
                  </a:tcPr>
                </a:tc>
                <a:tc>
                  <a:txBody>
                    <a:bodyPr/>
                    <a:lstStyle>
                      <a:lvl1pPr marL="0" algn="l" defTabSz="914400" rtl="0" eaLnBrk="1" latinLnBrk="0" hangingPunct="1">
                        <a:defRPr sz="1800" kern="1200">
                          <a:solidFill>
                            <a:schemeClr val="dk1"/>
                          </a:solidFill>
                          <a:latin typeface="Ericsson Hilda"/>
                        </a:defRPr>
                      </a:lvl1pPr>
                      <a:lvl2pPr marL="457200" algn="l" defTabSz="914400" rtl="0" eaLnBrk="1" latinLnBrk="0" hangingPunct="1">
                        <a:defRPr sz="1800" kern="1200">
                          <a:solidFill>
                            <a:schemeClr val="dk1"/>
                          </a:solidFill>
                          <a:latin typeface="Ericsson Hilda"/>
                        </a:defRPr>
                      </a:lvl2pPr>
                      <a:lvl3pPr marL="914400" algn="l" defTabSz="914400" rtl="0" eaLnBrk="1" latinLnBrk="0" hangingPunct="1">
                        <a:defRPr sz="1800" kern="1200">
                          <a:solidFill>
                            <a:schemeClr val="dk1"/>
                          </a:solidFill>
                          <a:latin typeface="Ericsson Hilda"/>
                        </a:defRPr>
                      </a:lvl3pPr>
                      <a:lvl4pPr marL="1371600" algn="l" defTabSz="914400" rtl="0" eaLnBrk="1" latinLnBrk="0" hangingPunct="1">
                        <a:defRPr sz="1800" kern="1200">
                          <a:solidFill>
                            <a:schemeClr val="dk1"/>
                          </a:solidFill>
                          <a:latin typeface="Ericsson Hilda"/>
                        </a:defRPr>
                      </a:lvl4pPr>
                      <a:lvl5pPr marL="1828800" algn="l" defTabSz="914400" rtl="0" eaLnBrk="1" latinLnBrk="0" hangingPunct="1">
                        <a:defRPr sz="1800" kern="1200">
                          <a:solidFill>
                            <a:schemeClr val="dk1"/>
                          </a:solidFill>
                          <a:latin typeface="Ericsson Hilda"/>
                        </a:defRPr>
                      </a:lvl5pPr>
                      <a:lvl6pPr marL="2286000" algn="l" defTabSz="914400" rtl="0" eaLnBrk="1" latinLnBrk="0" hangingPunct="1">
                        <a:defRPr sz="1800" kern="1200">
                          <a:solidFill>
                            <a:schemeClr val="dk1"/>
                          </a:solidFill>
                          <a:latin typeface="Ericsson Hilda"/>
                        </a:defRPr>
                      </a:lvl6pPr>
                      <a:lvl7pPr marL="2743200" algn="l" defTabSz="914400" rtl="0" eaLnBrk="1" latinLnBrk="0" hangingPunct="1">
                        <a:defRPr sz="1800" kern="1200">
                          <a:solidFill>
                            <a:schemeClr val="dk1"/>
                          </a:solidFill>
                          <a:latin typeface="Ericsson Hilda"/>
                        </a:defRPr>
                      </a:lvl7pPr>
                      <a:lvl8pPr marL="3200400" algn="l" defTabSz="914400" rtl="0" eaLnBrk="1" latinLnBrk="0" hangingPunct="1">
                        <a:defRPr sz="1800" kern="1200">
                          <a:solidFill>
                            <a:schemeClr val="dk1"/>
                          </a:solidFill>
                          <a:latin typeface="Ericsson Hilda"/>
                        </a:defRPr>
                      </a:lvl8pPr>
                      <a:lvl9pPr marL="3657600" algn="l" defTabSz="914400" rtl="0" eaLnBrk="1" latinLnBrk="0" hangingPunct="1">
                        <a:defRPr sz="1800" kern="1200">
                          <a:solidFill>
                            <a:schemeClr val="dk1"/>
                          </a:solidFill>
                          <a:latin typeface="Ericsson Hilda"/>
                        </a:defRPr>
                      </a:lvl9pPr>
                    </a:lstStyle>
                    <a:p>
                      <a:pPr algn="ctr"/>
                      <a:r>
                        <a:rPr lang="en-US" sz="800" b="1" noProof="0" dirty="0">
                          <a:solidFill>
                            <a:schemeClr val="bg1"/>
                          </a:solidFill>
                          <a:latin typeface="+mn-lt"/>
                        </a:rPr>
                        <a:t>Durante le attività</a:t>
                      </a:r>
                    </a:p>
                  </a:txBody>
                  <a:tcPr anchor="ctr">
                    <a:lnL w="57150" cap="flat" cmpd="sng" algn="ctr">
                      <a:solidFill>
                        <a:srgbClr val="FFFFFF"/>
                      </a:solidFill>
                      <a:prstDash val="solid"/>
                      <a:round/>
                      <a:headEnd type="none" w="med" len="med"/>
                      <a:tailEnd type="none" w="med" len="med"/>
                    </a:lnL>
                    <a:lnR w="57150" cap="flat" cmpd="sng" algn="ctr">
                      <a:solidFill>
                        <a:srgbClr val="FFFFFF"/>
                      </a:solidFill>
                      <a:prstDash val="solid"/>
                      <a:round/>
                      <a:headEnd type="none" w="med" len="med"/>
                      <a:tailEnd type="none" w="med" len="med"/>
                    </a:lnR>
                    <a:lnT w="57150" cap="flat" cmpd="sng" algn="ctr">
                      <a:solidFill>
                        <a:srgbClr val="FFFFFF"/>
                      </a:solidFill>
                      <a:prstDash val="solid"/>
                      <a:round/>
                      <a:headEnd type="none" w="med" len="med"/>
                      <a:tailEnd type="none" w="med" len="med"/>
                    </a:lnT>
                    <a:lnB w="5715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chemeClr val="tx2"/>
                    </a:solidFill>
                  </a:tcPr>
                </a:tc>
                <a:extLst>
                  <a:ext uri="{0D108BD9-81ED-4DB2-BD59-A6C34878D82A}">
                    <a16:rowId xmlns:a16="http://schemas.microsoft.com/office/drawing/2014/main" val="3073343376"/>
                  </a:ext>
                </a:extLst>
              </a:tr>
            </a:tbl>
          </a:graphicData>
        </a:graphic>
      </p:graphicFrame>
      <p:graphicFrame>
        <p:nvGraphicFramePr>
          <p:cNvPr id="21" name="Table 20">
            <a:extLst>
              <a:ext uri="{FF2B5EF4-FFF2-40B4-BE49-F238E27FC236}">
                <a16:creationId xmlns:a16="http://schemas.microsoft.com/office/drawing/2014/main" id="{52924C1B-8B8B-060D-E328-FE64BC46CD09}"/>
              </a:ext>
            </a:extLst>
          </p:cNvPr>
          <p:cNvGraphicFramePr>
            <a:graphicFrameLocks noGrp="1"/>
          </p:cNvGraphicFramePr>
          <p:nvPr>
            <p:extLst>
              <p:ext uri="{D42A27DB-BD31-4B8C-83A1-F6EECF244321}">
                <p14:modId xmlns:p14="http://schemas.microsoft.com/office/powerpoint/2010/main" val="3309633456"/>
              </p:ext>
            </p:extLst>
          </p:nvPr>
        </p:nvGraphicFramePr>
        <p:xfrm>
          <a:off x="1344867" y="1276591"/>
          <a:ext cx="8618358" cy="404970"/>
        </p:xfrm>
        <a:graphic>
          <a:graphicData uri="http://schemas.openxmlformats.org/drawingml/2006/table">
            <a:tbl>
              <a:tblPr/>
              <a:tblGrid>
                <a:gridCol w="2203852">
                  <a:extLst>
                    <a:ext uri="{9D8B030D-6E8A-4147-A177-3AD203B41FA5}">
                      <a16:colId xmlns:a16="http://schemas.microsoft.com/office/drawing/2014/main" val="391693096"/>
                    </a:ext>
                  </a:extLst>
                </a:gridCol>
                <a:gridCol w="2105327">
                  <a:extLst>
                    <a:ext uri="{9D8B030D-6E8A-4147-A177-3AD203B41FA5}">
                      <a16:colId xmlns:a16="http://schemas.microsoft.com/office/drawing/2014/main" val="3359823210"/>
                    </a:ext>
                  </a:extLst>
                </a:gridCol>
                <a:gridCol w="2181432">
                  <a:extLst>
                    <a:ext uri="{9D8B030D-6E8A-4147-A177-3AD203B41FA5}">
                      <a16:colId xmlns:a16="http://schemas.microsoft.com/office/drawing/2014/main" val="1361038657"/>
                    </a:ext>
                  </a:extLst>
                </a:gridCol>
                <a:gridCol w="2127747">
                  <a:extLst>
                    <a:ext uri="{9D8B030D-6E8A-4147-A177-3AD203B41FA5}">
                      <a16:colId xmlns:a16="http://schemas.microsoft.com/office/drawing/2014/main" val="525093624"/>
                    </a:ext>
                  </a:extLst>
                </a:gridCol>
              </a:tblGrid>
              <a:tr h="404970">
                <a:tc>
                  <a:txBody>
                    <a:bodyPr/>
                    <a:lstStyle>
                      <a:lvl1pPr marL="0" algn="l" defTabSz="914400" rtl="0" eaLnBrk="1" latinLnBrk="0" hangingPunct="1">
                        <a:defRPr sz="1800" kern="1200">
                          <a:solidFill>
                            <a:schemeClr val="dk1"/>
                          </a:solidFill>
                          <a:latin typeface="Ericsson Hilda"/>
                        </a:defRPr>
                      </a:lvl1pPr>
                      <a:lvl2pPr marL="457200" algn="l" defTabSz="914400" rtl="0" eaLnBrk="1" latinLnBrk="0" hangingPunct="1">
                        <a:defRPr sz="1800" kern="1200">
                          <a:solidFill>
                            <a:schemeClr val="dk1"/>
                          </a:solidFill>
                          <a:latin typeface="Ericsson Hilda"/>
                        </a:defRPr>
                      </a:lvl2pPr>
                      <a:lvl3pPr marL="914400" algn="l" defTabSz="914400" rtl="0" eaLnBrk="1" latinLnBrk="0" hangingPunct="1">
                        <a:defRPr sz="1800" kern="1200">
                          <a:solidFill>
                            <a:schemeClr val="dk1"/>
                          </a:solidFill>
                          <a:latin typeface="Ericsson Hilda"/>
                        </a:defRPr>
                      </a:lvl3pPr>
                      <a:lvl4pPr marL="1371600" algn="l" defTabSz="914400" rtl="0" eaLnBrk="1" latinLnBrk="0" hangingPunct="1">
                        <a:defRPr sz="1800" kern="1200">
                          <a:solidFill>
                            <a:schemeClr val="dk1"/>
                          </a:solidFill>
                          <a:latin typeface="Ericsson Hilda"/>
                        </a:defRPr>
                      </a:lvl4pPr>
                      <a:lvl5pPr marL="1828800" algn="l" defTabSz="914400" rtl="0" eaLnBrk="1" latinLnBrk="0" hangingPunct="1">
                        <a:defRPr sz="1800" kern="1200">
                          <a:solidFill>
                            <a:schemeClr val="dk1"/>
                          </a:solidFill>
                          <a:latin typeface="Ericsson Hilda"/>
                        </a:defRPr>
                      </a:lvl5pPr>
                      <a:lvl6pPr marL="2286000" algn="l" defTabSz="914400" rtl="0" eaLnBrk="1" latinLnBrk="0" hangingPunct="1">
                        <a:defRPr sz="1800" kern="1200">
                          <a:solidFill>
                            <a:schemeClr val="dk1"/>
                          </a:solidFill>
                          <a:latin typeface="Ericsson Hilda"/>
                        </a:defRPr>
                      </a:lvl6pPr>
                      <a:lvl7pPr marL="2743200" algn="l" defTabSz="914400" rtl="0" eaLnBrk="1" latinLnBrk="0" hangingPunct="1">
                        <a:defRPr sz="1800" kern="1200">
                          <a:solidFill>
                            <a:schemeClr val="dk1"/>
                          </a:solidFill>
                          <a:latin typeface="Ericsson Hilda"/>
                        </a:defRPr>
                      </a:lvl7pPr>
                      <a:lvl8pPr marL="3200400" algn="l" defTabSz="914400" rtl="0" eaLnBrk="1" latinLnBrk="0" hangingPunct="1">
                        <a:defRPr sz="1800" kern="1200">
                          <a:solidFill>
                            <a:schemeClr val="dk1"/>
                          </a:solidFill>
                          <a:latin typeface="Ericsson Hilda"/>
                        </a:defRPr>
                      </a:lvl8pPr>
                      <a:lvl9pPr marL="3657600" algn="l" defTabSz="914400" rtl="0" eaLnBrk="1" latinLnBrk="0" hangingPunct="1">
                        <a:defRPr sz="1800" kern="1200">
                          <a:solidFill>
                            <a:schemeClr val="dk1"/>
                          </a:solidFill>
                          <a:latin typeface="Ericsson Hilda"/>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1" i="0" u="none" strike="noStrike" kern="0" cap="none" spc="0" normalizeH="0" baseline="0" noProof="0">
                          <a:ln>
                            <a:noFill/>
                          </a:ln>
                          <a:solidFill>
                            <a:srgbClr val="FFFFFF"/>
                          </a:solidFill>
                          <a:effectLst/>
                          <a:uLnTx/>
                          <a:uFillTx/>
                          <a:latin typeface="+mn-lt"/>
                          <a:ea typeface="+mn-ea"/>
                          <a:cs typeface="Arial" panose="020B0604020202020204" pitchFamily="34" charset="0"/>
                          <a:sym typeface="Hilda Light" panose="00000400000000000000" pitchFamily="50" charset="0"/>
                        </a:rPr>
                        <a:t>EHS Site Survey</a:t>
                      </a:r>
                    </a:p>
                  </a:txBody>
                  <a:tcPr marL="36000" marR="36000" anchor="ctr">
                    <a:lnL w="57150" cap="flat" cmpd="sng" algn="ctr">
                      <a:solidFill>
                        <a:srgbClr val="FFFFFF"/>
                      </a:solidFill>
                      <a:prstDash val="solid"/>
                      <a:round/>
                      <a:headEnd type="none" w="med" len="med"/>
                      <a:tailEnd type="none" w="med" len="med"/>
                    </a:lnL>
                    <a:lnR w="57150" cap="flat" cmpd="sng" algn="ctr">
                      <a:solidFill>
                        <a:srgbClr val="FFFFFF"/>
                      </a:solidFill>
                      <a:prstDash val="solid"/>
                      <a:round/>
                      <a:headEnd type="none" w="med" len="med"/>
                      <a:tailEnd type="none" w="med" len="med"/>
                    </a:lnR>
                    <a:lnT w="57150" cap="flat" cmpd="sng" algn="ctr">
                      <a:solidFill>
                        <a:srgbClr val="FFFFFF"/>
                      </a:solidFill>
                      <a:prstDash val="solid"/>
                      <a:round/>
                      <a:headEnd type="none" w="med" len="med"/>
                      <a:tailEnd type="none" w="med" len="med"/>
                    </a:lnT>
                    <a:lnB w="5715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rgbClr val="00B050"/>
                    </a:solidFill>
                  </a:tcPr>
                </a:tc>
                <a:tc>
                  <a:txBody>
                    <a:bodyPr/>
                    <a:lstStyle>
                      <a:lvl1pPr marL="0" algn="l" defTabSz="914400" rtl="0" eaLnBrk="1" latinLnBrk="0" hangingPunct="1">
                        <a:defRPr sz="1800" kern="1200">
                          <a:solidFill>
                            <a:schemeClr val="dk1"/>
                          </a:solidFill>
                          <a:latin typeface="Ericsson Hilda"/>
                        </a:defRPr>
                      </a:lvl1pPr>
                      <a:lvl2pPr marL="457200" algn="l" defTabSz="914400" rtl="0" eaLnBrk="1" latinLnBrk="0" hangingPunct="1">
                        <a:defRPr sz="1800" kern="1200">
                          <a:solidFill>
                            <a:schemeClr val="dk1"/>
                          </a:solidFill>
                          <a:latin typeface="Ericsson Hilda"/>
                        </a:defRPr>
                      </a:lvl2pPr>
                      <a:lvl3pPr marL="914400" algn="l" defTabSz="914400" rtl="0" eaLnBrk="1" latinLnBrk="0" hangingPunct="1">
                        <a:defRPr sz="1800" kern="1200">
                          <a:solidFill>
                            <a:schemeClr val="dk1"/>
                          </a:solidFill>
                          <a:latin typeface="Ericsson Hilda"/>
                        </a:defRPr>
                      </a:lvl3pPr>
                      <a:lvl4pPr marL="1371600" algn="l" defTabSz="914400" rtl="0" eaLnBrk="1" latinLnBrk="0" hangingPunct="1">
                        <a:defRPr sz="1800" kern="1200">
                          <a:solidFill>
                            <a:schemeClr val="dk1"/>
                          </a:solidFill>
                          <a:latin typeface="Ericsson Hilda"/>
                        </a:defRPr>
                      </a:lvl4pPr>
                      <a:lvl5pPr marL="1828800" algn="l" defTabSz="914400" rtl="0" eaLnBrk="1" latinLnBrk="0" hangingPunct="1">
                        <a:defRPr sz="1800" kern="1200">
                          <a:solidFill>
                            <a:schemeClr val="dk1"/>
                          </a:solidFill>
                          <a:latin typeface="Ericsson Hilda"/>
                        </a:defRPr>
                      </a:lvl5pPr>
                      <a:lvl6pPr marL="2286000" algn="l" defTabSz="914400" rtl="0" eaLnBrk="1" latinLnBrk="0" hangingPunct="1">
                        <a:defRPr sz="1800" kern="1200">
                          <a:solidFill>
                            <a:schemeClr val="dk1"/>
                          </a:solidFill>
                          <a:latin typeface="Ericsson Hilda"/>
                        </a:defRPr>
                      </a:lvl6pPr>
                      <a:lvl7pPr marL="2743200" algn="l" defTabSz="914400" rtl="0" eaLnBrk="1" latinLnBrk="0" hangingPunct="1">
                        <a:defRPr sz="1800" kern="1200">
                          <a:solidFill>
                            <a:schemeClr val="dk1"/>
                          </a:solidFill>
                          <a:latin typeface="Ericsson Hilda"/>
                        </a:defRPr>
                      </a:lvl7pPr>
                      <a:lvl8pPr marL="3200400" algn="l" defTabSz="914400" rtl="0" eaLnBrk="1" latinLnBrk="0" hangingPunct="1">
                        <a:defRPr sz="1800" kern="1200">
                          <a:solidFill>
                            <a:schemeClr val="dk1"/>
                          </a:solidFill>
                          <a:latin typeface="Ericsson Hilda"/>
                        </a:defRPr>
                      </a:lvl8pPr>
                      <a:lvl9pPr marL="3657600" algn="l" defTabSz="914400" rtl="0" eaLnBrk="1" latinLnBrk="0" hangingPunct="1">
                        <a:defRPr sz="1800" kern="1200">
                          <a:solidFill>
                            <a:schemeClr val="dk1"/>
                          </a:solidFill>
                          <a:latin typeface="Ericsson Hilda"/>
                        </a:defRPr>
                      </a:lvl9pPr>
                    </a:lstStyle>
                    <a:p>
                      <a:pPr algn="ctr">
                        <a:spcBef>
                          <a:spcPts val="0"/>
                        </a:spcBef>
                        <a:spcAft>
                          <a:spcPts val="0"/>
                        </a:spcAft>
                      </a:pPr>
                      <a:r>
                        <a:rPr kumimoji="0" lang="en-US" sz="900" b="1" i="0" u="none" strike="noStrike" kern="0" cap="none" spc="0" normalizeH="0" baseline="0" noProof="0">
                          <a:ln>
                            <a:noFill/>
                          </a:ln>
                          <a:solidFill>
                            <a:srgbClr val="FFFFFF"/>
                          </a:solidFill>
                          <a:effectLst/>
                          <a:uLnTx/>
                          <a:uFillTx/>
                          <a:latin typeface="+mn-lt"/>
                          <a:ea typeface="+mn-ea"/>
                          <a:cs typeface="Arial" panose="020B0604020202020204" pitchFamily="34" charset="0"/>
                          <a:sym typeface="Hilda Light" panose="00000400000000000000" pitchFamily="50" charset="0"/>
                        </a:rPr>
                        <a:t>EHS Site Risk (Self-) Assessment</a:t>
                      </a:r>
                    </a:p>
                  </a:txBody>
                  <a:tcPr marL="36000" marR="36000" anchor="ctr">
                    <a:lnL w="57150" cap="flat" cmpd="sng" algn="ctr">
                      <a:solidFill>
                        <a:srgbClr val="FFFFFF"/>
                      </a:solidFill>
                      <a:prstDash val="solid"/>
                      <a:round/>
                      <a:headEnd type="none" w="med" len="med"/>
                      <a:tailEnd type="none" w="med" len="med"/>
                    </a:lnL>
                    <a:lnR w="57150" cap="flat" cmpd="sng" algn="ctr">
                      <a:solidFill>
                        <a:srgbClr val="FFFFFF"/>
                      </a:solidFill>
                      <a:prstDash val="solid"/>
                      <a:round/>
                      <a:headEnd type="none" w="med" len="med"/>
                      <a:tailEnd type="none" w="med" len="med"/>
                    </a:lnR>
                    <a:lnT w="57150" cap="flat" cmpd="sng" algn="ctr">
                      <a:solidFill>
                        <a:srgbClr val="FFFFFF"/>
                      </a:solidFill>
                      <a:prstDash val="solid"/>
                      <a:round/>
                      <a:headEnd type="none" w="med" len="med"/>
                      <a:tailEnd type="none" w="med" len="med"/>
                    </a:lnT>
                    <a:lnB w="5715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rgbClr val="0082F0"/>
                    </a:solidFill>
                  </a:tcPr>
                </a:tc>
                <a:tc>
                  <a:txBody>
                    <a:bodyPr/>
                    <a:lstStyle>
                      <a:lvl1pPr marL="0" algn="l" defTabSz="914400" rtl="0" eaLnBrk="1" latinLnBrk="0" hangingPunct="1">
                        <a:defRPr sz="1800" kern="1200">
                          <a:solidFill>
                            <a:schemeClr val="dk1"/>
                          </a:solidFill>
                          <a:latin typeface="Ericsson Hilda"/>
                        </a:defRPr>
                      </a:lvl1pPr>
                      <a:lvl2pPr marL="457200" algn="l" defTabSz="914400" rtl="0" eaLnBrk="1" latinLnBrk="0" hangingPunct="1">
                        <a:defRPr sz="1800" kern="1200">
                          <a:solidFill>
                            <a:schemeClr val="dk1"/>
                          </a:solidFill>
                          <a:latin typeface="Ericsson Hilda"/>
                        </a:defRPr>
                      </a:lvl2pPr>
                      <a:lvl3pPr marL="914400" algn="l" defTabSz="914400" rtl="0" eaLnBrk="1" latinLnBrk="0" hangingPunct="1">
                        <a:defRPr sz="1800" kern="1200">
                          <a:solidFill>
                            <a:schemeClr val="dk1"/>
                          </a:solidFill>
                          <a:latin typeface="Ericsson Hilda"/>
                        </a:defRPr>
                      </a:lvl3pPr>
                      <a:lvl4pPr marL="1371600" algn="l" defTabSz="914400" rtl="0" eaLnBrk="1" latinLnBrk="0" hangingPunct="1">
                        <a:defRPr sz="1800" kern="1200">
                          <a:solidFill>
                            <a:schemeClr val="dk1"/>
                          </a:solidFill>
                          <a:latin typeface="Ericsson Hilda"/>
                        </a:defRPr>
                      </a:lvl4pPr>
                      <a:lvl5pPr marL="1828800" algn="l" defTabSz="914400" rtl="0" eaLnBrk="1" latinLnBrk="0" hangingPunct="1">
                        <a:defRPr sz="1800" kern="1200">
                          <a:solidFill>
                            <a:schemeClr val="dk1"/>
                          </a:solidFill>
                          <a:latin typeface="Ericsson Hilda"/>
                        </a:defRPr>
                      </a:lvl5pPr>
                      <a:lvl6pPr marL="2286000" algn="l" defTabSz="914400" rtl="0" eaLnBrk="1" latinLnBrk="0" hangingPunct="1">
                        <a:defRPr sz="1800" kern="1200">
                          <a:solidFill>
                            <a:schemeClr val="dk1"/>
                          </a:solidFill>
                          <a:latin typeface="Ericsson Hilda"/>
                        </a:defRPr>
                      </a:lvl6pPr>
                      <a:lvl7pPr marL="2743200" algn="l" defTabSz="914400" rtl="0" eaLnBrk="1" latinLnBrk="0" hangingPunct="1">
                        <a:defRPr sz="1800" kern="1200">
                          <a:solidFill>
                            <a:schemeClr val="dk1"/>
                          </a:solidFill>
                          <a:latin typeface="Ericsson Hilda"/>
                        </a:defRPr>
                      </a:lvl7pPr>
                      <a:lvl8pPr marL="3200400" algn="l" defTabSz="914400" rtl="0" eaLnBrk="1" latinLnBrk="0" hangingPunct="1">
                        <a:defRPr sz="1800" kern="1200">
                          <a:solidFill>
                            <a:schemeClr val="dk1"/>
                          </a:solidFill>
                          <a:latin typeface="Ericsson Hilda"/>
                        </a:defRPr>
                      </a:lvl8pPr>
                      <a:lvl9pPr marL="3657600" algn="l" defTabSz="914400" rtl="0" eaLnBrk="1" latinLnBrk="0" hangingPunct="1">
                        <a:defRPr sz="1800" kern="1200">
                          <a:solidFill>
                            <a:schemeClr val="dk1"/>
                          </a:solidFill>
                          <a:latin typeface="Ericsson Hilda"/>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1" i="0" u="none" strike="noStrike" kern="0" cap="none" spc="0" normalizeH="0" baseline="0" noProof="0">
                          <a:ln>
                            <a:noFill/>
                          </a:ln>
                          <a:solidFill>
                            <a:srgbClr val="FFFFFF"/>
                          </a:solidFill>
                          <a:effectLst/>
                          <a:uLnTx/>
                          <a:uFillTx/>
                          <a:latin typeface="+mn-lt"/>
                          <a:ea typeface="+mn-ea"/>
                          <a:cs typeface="Arial" panose="020B0604020202020204" pitchFamily="34" charset="0"/>
                          <a:sym typeface="Hilda Light" panose="00000400000000000000" pitchFamily="50" charset="0"/>
                        </a:rPr>
                        <a:t>EHS Pre-climbing check</a:t>
                      </a:r>
                    </a:p>
                  </a:txBody>
                  <a:tcPr marL="36000" marR="36000" anchor="ctr">
                    <a:lnL w="57150" cap="flat" cmpd="sng" algn="ctr">
                      <a:solidFill>
                        <a:srgbClr val="FFFFFF"/>
                      </a:solidFill>
                      <a:prstDash val="solid"/>
                      <a:round/>
                      <a:headEnd type="none" w="med" len="med"/>
                      <a:tailEnd type="none" w="med" len="med"/>
                    </a:lnL>
                    <a:lnR w="57150" cap="flat" cmpd="sng" algn="ctr">
                      <a:solidFill>
                        <a:srgbClr val="FFFFFF"/>
                      </a:solidFill>
                      <a:prstDash val="solid"/>
                      <a:round/>
                      <a:headEnd type="none" w="med" len="med"/>
                      <a:tailEnd type="none" w="med" len="med"/>
                    </a:lnR>
                    <a:lnT w="57150" cap="flat" cmpd="sng" algn="ctr">
                      <a:solidFill>
                        <a:srgbClr val="FFFFFF"/>
                      </a:solidFill>
                      <a:prstDash val="solid"/>
                      <a:round/>
                      <a:headEnd type="none" w="med" len="med"/>
                      <a:tailEnd type="none" w="med" len="med"/>
                    </a:lnT>
                    <a:lnB w="5715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rgbClr val="FF8C0A"/>
                    </a:solidFill>
                  </a:tcPr>
                </a:tc>
                <a:tc>
                  <a:txBody>
                    <a:bodyPr/>
                    <a:lstStyle>
                      <a:lvl1pPr marL="0" algn="l" defTabSz="914400" rtl="0" eaLnBrk="1" latinLnBrk="0" hangingPunct="1">
                        <a:defRPr sz="1800" kern="1200">
                          <a:solidFill>
                            <a:schemeClr val="dk1"/>
                          </a:solidFill>
                          <a:latin typeface="Ericsson Hilda"/>
                        </a:defRPr>
                      </a:lvl1pPr>
                      <a:lvl2pPr marL="457200" algn="l" defTabSz="914400" rtl="0" eaLnBrk="1" latinLnBrk="0" hangingPunct="1">
                        <a:defRPr sz="1800" kern="1200">
                          <a:solidFill>
                            <a:schemeClr val="dk1"/>
                          </a:solidFill>
                          <a:latin typeface="Ericsson Hilda"/>
                        </a:defRPr>
                      </a:lvl2pPr>
                      <a:lvl3pPr marL="914400" algn="l" defTabSz="914400" rtl="0" eaLnBrk="1" latinLnBrk="0" hangingPunct="1">
                        <a:defRPr sz="1800" kern="1200">
                          <a:solidFill>
                            <a:schemeClr val="dk1"/>
                          </a:solidFill>
                          <a:latin typeface="Ericsson Hilda"/>
                        </a:defRPr>
                      </a:lvl3pPr>
                      <a:lvl4pPr marL="1371600" algn="l" defTabSz="914400" rtl="0" eaLnBrk="1" latinLnBrk="0" hangingPunct="1">
                        <a:defRPr sz="1800" kern="1200">
                          <a:solidFill>
                            <a:schemeClr val="dk1"/>
                          </a:solidFill>
                          <a:latin typeface="Ericsson Hilda"/>
                        </a:defRPr>
                      </a:lvl4pPr>
                      <a:lvl5pPr marL="1828800" algn="l" defTabSz="914400" rtl="0" eaLnBrk="1" latinLnBrk="0" hangingPunct="1">
                        <a:defRPr sz="1800" kern="1200">
                          <a:solidFill>
                            <a:schemeClr val="dk1"/>
                          </a:solidFill>
                          <a:latin typeface="Ericsson Hilda"/>
                        </a:defRPr>
                      </a:lvl5pPr>
                      <a:lvl6pPr marL="2286000" algn="l" defTabSz="914400" rtl="0" eaLnBrk="1" latinLnBrk="0" hangingPunct="1">
                        <a:defRPr sz="1800" kern="1200">
                          <a:solidFill>
                            <a:schemeClr val="dk1"/>
                          </a:solidFill>
                          <a:latin typeface="Ericsson Hilda"/>
                        </a:defRPr>
                      </a:lvl6pPr>
                      <a:lvl7pPr marL="2743200" algn="l" defTabSz="914400" rtl="0" eaLnBrk="1" latinLnBrk="0" hangingPunct="1">
                        <a:defRPr sz="1800" kern="1200">
                          <a:solidFill>
                            <a:schemeClr val="dk1"/>
                          </a:solidFill>
                          <a:latin typeface="Ericsson Hilda"/>
                        </a:defRPr>
                      </a:lvl7pPr>
                      <a:lvl8pPr marL="3200400" algn="l" defTabSz="914400" rtl="0" eaLnBrk="1" latinLnBrk="0" hangingPunct="1">
                        <a:defRPr sz="1800" kern="1200">
                          <a:solidFill>
                            <a:schemeClr val="dk1"/>
                          </a:solidFill>
                          <a:latin typeface="Ericsson Hilda"/>
                        </a:defRPr>
                      </a:lvl8pPr>
                      <a:lvl9pPr marL="3657600" algn="l" defTabSz="914400" rtl="0" eaLnBrk="1" latinLnBrk="0" hangingPunct="1">
                        <a:defRPr sz="1800" kern="1200">
                          <a:solidFill>
                            <a:schemeClr val="dk1"/>
                          </a:solidFill>
                          <a:latin typeface="Ericsson Hilda"/>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1" i="0" u="none" strike="noStrike" kern="0" cap="none" spc="0" normalizeH="0" baseline="0" noProof="0">
                          <a:ln>
                            <a:noFill/>
                          </a:ln>
                          <a:solidFill>
                            <a:srgbClr val="FFFFFF"/>
                          </a:solidFill>
                          <a:effectLst/>
                          <a:uLnTx/>
                          <a:uFillTx/>
                          <a:latin typeface="+mn-lt"/>
                          <a:ea typeface="+mn-ea"/>
                          <a:cs typeface="Arial" panose="020B0604020202020204" pitchFamily="34" charset="0"/>
                          <a:sym typeface="Hilda Light" panose="00000400000000000000" pitchFamily="50" charset="0"/>
                        </a:rPr>
                        <a:t>EHS Site Assessment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1" i="0" u="none" strike="noStrike" kern="0" cap="none" spc="0" normalizeH="0" baseline="0" noProof="0">
                          <a:ln>
                            <a:noFill/>
                          </a:ln>
                          <a:solidFill>
                            <a:srgbClr val="FFFFFF"/>
                          </a:solidFill>
                          <a:effectLst/>
                          <a:uLnTx/>
                          <a:uFillTx/>
                          <a:latin typeface="+mn-lt"/>
                          <a:ea typeface="+mn-ea"/>
                          <a:cs typeface="Arial" panose="020B0604020202020204" pitchFamily="34" charset="0"/>
                          <a:sym typeface="Hilda Light" panose="00000400000000000000" pitchFamily="50" charset="0"/>
                        </a:rPr>
                        <a:t>&amp; EHS Leadership Site Visits</a:t>
                      </a:r>
                    </a:p>
                  </a:txBody>
                  <a:tcPr marL="36000" marR="36000" anchor="ctr">
                    <a:lnL w="57150" cap="flat" cmpd="sng" algn="ctr">
                      <a:solidFill>
                        <a:srgbClr val="FFFFFF"/>
                      </a:solidFill>
                      <a:prstDash val="solid"/>
                      <a:round/>
                      <a:headEnd type="none" w="med" len="med"/>
                      <a:tailEnd type="none" w="med" len="med"/>
                    </a:lnL>
                    <a:lnR w="57150" cap="flat" cmpd="sng" algn="ctr">
                      <a:solidFill>
                        <a:srgbClr val="FFFFFF"/>
                      </a:solidFill>
                      <a:prstDash val="solid"/>
                      <a:round/>
                      <a:headEnd type="none" w="med" len="med"/>
                      <a:tailEnd type="none" w="med" len="med"/>
                    </a:lnR>
                    <a:lnT w="57150" cap="flat" cmpd="sng" algn="ctr">
                      <a:solidFill>
                        <a:srgbClr val="FFFFFF"/>
                      </a:solidFill>
                      <a:prstDash val="solid"/>
                      <a:round/>
                      <a:headEnd type="none" w="med" len="med"/>
                      <a:tailEnd type="none" w="med" len="med"/>
                    </a:lnT>
                    <a:lnB w="5715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rgbClr val="FF3232">
                        <a:lumMod val="60000"/>
                        <a:lumOff val="40000"/>
                      </a:srgbClr>
                    </a:solidFill>
                  </a:tcPr>
                </a:tc>
                <a:extLst>
                  <a:ext uri="{0D108BD9-81ED-4DB2-BD59-A6C34878D82A}">
                    <a16:rowId xmlns:a16="http://schemas.microsoft.com/office/drawing/2014/main" val="1142232582"/>
                  </a:ext>
                </a:extLst>
              </a:tr>
            </a:tbl>
          </a:graphicData>
        </a:graphic>
      </p:graphicFrame>
      <p:pic>
        <p:nvPicPr>
          <p:cNvPr id="23" name="Graphic 22" descr="Badge 1 with solid fill">
            <a:extLst>
              <a:ext uri="{FF2B5EF4-FFF2-40B4-BE49-F238E27FC236}">
                <a16:creationId xmlns:a16="http://schemas.microsoft.com/office/drawing/2014/main" id="{E479C2DA-3C27-1373-8D30-33DABE1D2C17}"/>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090242" y="1018424"/>
            <a:ext cx="446688" cy="397385"/>
          </a:xfrm>
          <a:prstGeom prst="rect">
            <a:avLst/>
          </a:prstGeom>
        </p:spPr>
      </p:pic>
      <p:pic>
        <p:nvPicPr>
          <p:cNvPr id="29" name="Graphic 28" descr="Badge 4 with solid fill">
            <a:extLst>
              <a:ext uri="{FF2B5EF4-FFF2-40B4-BE49-F238E27FC236}">
                <a16:creationId xmlns:a16="http://schemas.microsoft.com/office/drawing/2014/main" id="{CB57E2FD-8885-340C-A713-5416A3CC75BD}"/>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9487886" y="1041394"/>
            <a:ext cx="446689" cy="397386"/>
          </a:xfrm>
          <a:prstGeom prst="rect">
            <a:avLst/>
          </a:prstGeom>
        </p:spPr>
      </p:pic>
      <p:pic>
        <p:nvPicPr>
          <p:cNvPr id="30" name="Graphic 29" descr="Badge 3 with solid fill">
            <a:extLst>
              <a:ext uri="{FF2B5EF4-FFF2-40B4-BE49-F238E27FC236}">
                <a16:creationId xmlns:a16="http://schemas.microsoft.com/office/drawing/2014/main" id="{A02BEA92-E167-6577-8BE7-3736A8089A04}"/>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282579" y="1016871"/>
            <a:ext cx="446688" cy="397385"/>
          </a:xfrm>
          <a:prstGeom prst="rect">
            <a:avLst/>
          </a:prstGeom>
        </p:spPr>
      </p:pic>
      <p:pic>
        <p:nvPicPr>
          <p:cNvPr id="31" name="Graphic 30" descr="Badge with solid fill">
            <a:extLst>
              <a:ext uri="{FF2B5EF4-FFF2-40B4-BE49-F238E27FC236}">
                <a16:creationId xmlns:a16="http://schemas.microsoft.com/office/drawing/2014/main" id="{557BEED6-21E4-DCE6-3602-3BBFD4DF1F05}"/>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5181515" y="1033333"/>
            <a:ext cx="446688" cy="397385"/>
          </a:xfrm>
          <a:prstGeom prst="rect">
            <a:avLst/>
          </a:prstGeom>
        </p:spPr>
      </p:pic>
      <p:sp>
        <p:nvSpPr>
          <p:cNvPr id="33" name="TextBox 32">
            <a:extLst>
              <a:ext uri="{FF2B5EF4-FFF2-40B4-BE49-F238E27FC236}">
                <a16:creationId xmlns:a16="http://schemas.microsoft.com/office/drawing/2014/main" id="{7AA1738A-E64B-4219-509F-C08B7CDD81C9}"/>
              </a:ext>
            </a:extLst>
          </p:cNvPr>
          <p:cNvSpPr txBox="1"/>
          <p:nvPr/>
        </p:nvSpPr>
        <p:spPr>
          <a:xfrm>
            <a:off x="652428" y="2252223"/>
            <a:ext cx="4822414" cy="2936407"/>
          </a:xfrm>
          <a:prstGeom prst="roundRect">
            <a:avLst/>
          </a:prstGeom>
          <a:ln>
            <a:noFill/>
          </a:ln>
        </p:spPr>
        <p:style>
          <a:lnRef idx="2">
            <a:schemeClr val="accent4"/>
          </a:lnRef>
          <a:fillRef idx="1">
            <a:schemeClr val="lt1"/>
          </a:fillRef>
          <a:effectRef idx="0">
            <a:schemeClr val="accent4"/>
          </a:effectRef>
          <a:fontRef idx="minor">
            <a:schemeClr val="dk1"/>
          </a:fontRef>
        </p:style>
        <p:txBody>
          <a:bodyPr wrap="square">
            <a:spAutoFit/>
          </a:bodyPr>
          <a:lstStyle/>
          <a:p>
            <a:pPr marR="0" lvl="0" algn="just" defTabSz="914400" rtl="0" eaLnBrk="1" fontAlgn="auto" latinLnBrk="0" hangingPunct="1">
              <a:lnSpc>
                <a:spcPct val="105000"/>
              </a:lnSpc>
              <a:spcBef>
                <a:spcPts val="0"/>
              </a:spcBef>
              <a:spcAft>
                <a:spcPts val="800"/>
              </a:spcAft>
              <a:buClrTx/>
              <a:buSzTx/>
              <a:tabLst/>
              <a:defRPr/>
            </a:pPr>
            <a:r>
              <a:rPr kumimoji="0" lang="it-IT" sz="1600" b="1" i="0" u="none" strike="noStrike" kern="1200" cap="none" spc="0" normalizeH="0" baseline="0" noProof="0">
                <a:ln>
                  <a:noFill/>
                </a:ln>
                <a:solidFill>
                  <a:srgbClr val="181818"/>
                </a:solidFill>
                <a:effectLst/>
                <a:uLnTx/>
                <a:uFillTx/>
                <a:latin typeface="Calibri" panose="020F0502020204030204" pitchFamily="34" charset="0"/>
                <a:ea typeface="Times New Roman" panose="02020603050405020304" pitchFamily="18" charset="0"/>
                <a:cs typeface="+mn-cs"/>
              </a:rPr>
              <a:t>EHS Site Survey con ISE</a:t>
            </a:r>
            <a:endParaRPr kumimoji="0" lang="it-IT" sz="1600" b="0" i="0" u="none" strike="noStrike" kern="1200" cap="none" spc="0" normalizeH="0" baseline="0" noProof="0">
              <a:ln>
                <a:noFill/>
              </a:ln>
              <a:solidFill>
                <a:srgbClr val="181818"/>
              </a:solidFill>
              <a:effectLst/>
              <a:uLnTx/>
              <a:uFillTx/>
              <a:latin typeface="Calibri" panose="020F0502020204030204" pitchFamily="34" charset="0"/>
              <a:ea typeface="Calibri" panose="020F0502020204030204" pitchFamily="34" charset="0"/>
              <a:cs typeface="+mn-cs"/>
            </a:endParaRPr>
          </a:p>
          <a:p>
            <a:pPr marL="0" marR="0" lvl="0" indent="0" algn="just" defTabSz="914400" rtl="0" eaLnBrk="1" fontAlgn="auto" latinLnBrk="0" hangingPunct="1">
              <a:lnSpc>
                <a:spcPct val="100000"/>
              </a:lnSpc>
              <a:spcBef>
                <a:spcPts val="0"/>
              </a:spcBef>
              <a:spcAft>
                <a:spcPts val="0"/>
              </a:spcAft>
              <a:buClrTx/>
              <a:buSzTx/>
              <a:buFontTx/>
              <a:buNone/>
              <a:tabLst/>
              <a:defRPr/>
            </a:pPr>
            <a:r>
              <a:rPr lang="it-IT" sz="1200">
                <a:solidFill>
                  <a:srgbClr val="181818"/>
                </a:solidFill>
                <a:latin typeface="Calibri" panose="020F0502020204030204" pitchFamily="34" charset="0"/>
                <a:ea typeface="Calibri" panose="020F0502020204030204" pitchFamily="34" charset="0"/>
              </a:rPr>
              <a:t>Q</a:t>
            </a:r>
            <a:r>
              <a:rPr kumimoji="0" lang="it-IT" sz="1200" b="0" i="0" u="none" strike="noStrike" kern="1200" cap="none" spc="0" normalizeH="0" baseline="0" noProof="0">
                <a:ln>
                  <a:noFill/>
                </a:ln>
                <a:solidFill>
                  <a:srgbClr val="181818"/>
                </a:solidFill>
                <a:effectLst/>
                <a:uLnTx/>
                <a:uFillTx/>
                <a:latin typeface="Calibri" panose="020F0502020204030204" pitchFamily="34" charset="0"/>
                <a:ea typeface="Calibri" panose="020F0502020204030204" pitchFamily="34" charset="0"/>
                <a:cs typeface="+mn-cs"/>
              </a:rPr>
              <a:t>uesta fase consiste nel compilare </a:t>
            </a:r>
            <a:r>
              <a:rPr lang="it-IT" sz="1200">
                <a:solidFill>
                  <a:srgbClr val="181818"/>
                </a:solidFill>
                <a:latin typeface="Calibri" panose="020F0502020204030204" pitchFamily="34" charset="0"/>
              </a:rPr>
              <a:t>la relativa check list e confrontare il Rischi Specifici forniti dal Cliente con il rilievo dettagliato che esegue </a:t>
            </a:r>
            <a:r>
              <a:rPr lang="it-IT" sz="1200" b="1">
                <a:solidFill>
                  <a:srgbClr val="181818"/>
                </a:solidFill>
                <a:latin typeface="Calibri" panose="020F0502020204030204" pitchFamily="34" charset="0"/>
              </a:rPr>
              <a:t>ISE</a:t>
            </a:r>
            <a:r>
              <a:rPr lang="it-IT" sz="1200">
                <a:solidFill>
                  <a:srgbClr val="181818"/>
                </a:solidFill>
                <a:latin typeface="Calibri" panose="020F0502020204030204" pitchFamily="34" charset="0"/>
              </a:rPr>
              <a:t> coi droni. </a:t>
            </a:r>
            <a:r>
              <a:rPr lang="it-IT" sz="1200">
                <a:effectLst/>
                <a:latin typeface="Calibri" panose="020F0502020204030204" pitchFamily="34" charset="0"/>
                <a:ea typeface="Calibri" panose="020F0502020204030204" pitchFamily="34" charset="0"/>
              </a:rPr>
              <a:t>Ad esempio col drone potrei accorgermi che la scala di risalita è danneggiata, che ha ruggine, che ad esempio sul torrino c’è un lucernario pericoloso non seganalto, che l’accesso al sito comporti dei rischi di ferimento dell’operatore per esempio causa vegetazione non manutenuta, rete di protezione divelta, strada di accesso al sito franata di recente etc.). Qualora, ad esempio, la scala fosse rotta o mancante, al Cliente potrei dare tutte le evidenze per autorizzare l’utilizzo di un mezzo speciale oppure proporre un extra per sistemarne i difetti.</a:t>
            </a:r>
            <a:endParaRPr lang="en-US" sz="1200">
              <a:effectLst/>
              <a:latin typeface="Calibri" panose="020F0502020204030204" pitchFamily="34" charset="0"/>
              <a:ea typeface="Calibri" panose="020F0502020204030204" pitchFamily="34" charset="0"/>
            </a:endParaRPr>
          </a:p>
          <a:p>
            <a:pPr marL="0" marR="0" lvl="0" indent="0" defTabSz="914400" rtl="0" eaLnBrk="1" fontAlgn="auto" latinLnBrk="0" hangingPunct="1">
              <a:lnSpc>
                <a:spcPct val="100000"/>
              </a:lnSpc>
              <a:spcBef>
                <a:spcPts val="0"/>
              </a:spcBef>
              <a:spcAft>
                <a:spcPts val="0"/>
              </a:spcAft>
              <a:buClrTx/>
              <a:buSzTx/>
              <a:buFontTx/>
              <a:buNone/>
              <a:tabLst/>
              <a:defRPr/>
            </a:pPr>
            <a:endParaRPr lang="it-IT" sz="1100">
              <a:solidFill>
                <a:srgbClr val="181818"/>
              </a:solidFill>
              <a:latin typeface="Calibri" panose="020F0502020204030204" pitchFamily="34" charset="0"/>
            </a:endParaRPr>
          </a:p>
        </p:txBody>
      </p:sp>
      <p:pic>
        <p:nvPicPr>
          <p:cNvPr id="8" name="Picture 7">
            <a:extLst>
              <a:ext uri="{FF2B5EF4-FFF2-40B4-BE49-F238E27FC236}">
                <a16:creationId xmlns:a16="http://schemas.microsoft.com/office/drawing/2014/main" id="{700F3163-B876-9696-B4DD-4B74879E2474}"/>
              </a:ext>
            </a:extLst>
          </p:cNvPr>
          <p:cNvPicPr>
            <a:picLocks noChangeAspect="1"/>
          </p:cNvPicPr>
          <p:nvPr/>
        </p:nvPicPr>
        <p:blipFill rotWithShape="1">
          <a:blip r:embed="rId10"/>
          <a:srcRect l="19230" r="10151"/>
          <a:stretch/>
        </p:blipFill>
        <p:spPr>
          <a:xfrm>
            <a:off x="155683" y="4949165"/>
            <a:ext cx="2557119" cy="1344948"/>
          </a:xfrm>
          <a:prstGeom prst="rect">
            <a:avLst/>
          </a:prstGeom>
        </p:spPr>
      </p:pic>
      <p:sp>
        <p:nvSpPr>
          <p:cNvPr id="43" name="TextBox 42">
            <a:extLst>
              <a:ext uri="{FF2B5EF4-FFF2-40B4-BE49-F238E27FC236}">
                <a16:creationId xmlns:a16="http://schemas.microsoft.com/office/drawing/2014/main" id="{9D268859-E0DA-D5DB-5830-8AE05AABEB57}"/>
              </a:ext>
            </a:extLst>
          </p:cNvPr>
          <p:cNvSpPr txBox="1"/>
          <p:nvPr/>
        </p:nvSpPr>
        <p:spPr>
          <a:xfrm>
            <a:off x="6577416" y="2367174"/>
            <a:ext cx="5010096" cy="2136188"/>
          </a:xfrm>
          <a:prstGeom prst="roundRect">
            <a:avLst/>
          </a:prstGeom>
          <a:ln>
            <a:noFill/>
          </a:ln>
        </p:spPr>
        <p:style>
          <a:lnRef idx="2">
            <a:schemeClr val="accent4"/>
          </a:lnRef>
          <a:fillRef idx="1">
            <a:schemeClr val="lt1"/>
          </a:fillRef>
          <a:effectRef idx="0">
            <a:schemeClr val="accent4"/>
          </a:effectRef>
          <a:fontRef idx="minor">
            <a:schemeClr val="dk1"/>
          </a:fontRef>
        </p:style>
        <p:txBody>
          <a:bodyPr wrap="square">
            <a:spAutoFit/>
          </a:bodyPr>
          <a:lstStyle/>
          <a:p>
            <a:pPr marR="0" lvl="0" algn="just" defTabSz="914400" rtl="0" eaLnBrk="1" fontAlgn="auto" latinLnBrk="0" hangingPunct="1">
              <a:lnSpc>
                <a:spcPct val="105000"/>
              </a:lnSpc>
              <a:spcBef>
                <a:spcPts val="0"/>
              </a:spcBef>
              <a:spcAft>
                <a:spcPts val="800"/>
              </a:spcAft>
              <a:buClrTx/>
              <a:buSzTx/>
              <a:tabLst/>
              <a:defRPr/>
            </a:pPr>
            <a:r>
              <a:rPr kumimoji="0" lang="it-IT" sz="1600" b="1" i="0" u="none" strike="noStrike" kern="1200" cap="none" spc="0" normalizeH="0" baseline="0" noProof="0">
                <a:ln>
                  <a:noFill/>
                </a:ln>
                <a:solidFill>
                  <a:srgbClr val="181818"/>
                </a:solidFill>
                <a:effectLst/>
                <a:uLnTx/>
                <a:uFillTx/>
                <a:latin typeface="Calibri" panose="020F0502020204030204" pitchFamily="34" charset="0"/>
                <a:ea typeface="Times New Roman" panose="02020603050405020304" pitchFamily="18" charset="0"/>
                <a:cs typeface="+mn-cs"/>
              </a:rPr>
              <a:t>EHS Pre-Climbing Check con ISE</a:t>
            </a:r>
            <a:endParaRPr kumimoji="0" lang="it-IT" sz="1600" b="0" i="0" u="none" strike="noStrike" kern="1200" cap="none" spc="0" normalizeH="0" baseline="0" noProof="0">
              <a:ln>
                <a:noFill/>
              </a:ln>
              <a:solidFill>
                <a:srgbClr val="181818"/>
              </a:solidFill>
              <a:effectLst/>
              <a:uLnTx/>
              <a:uFillTx/>
              <a:latin typeface="Calibri" panose="020F0502020204030204" pitchFamily="34" charset="0"/>
              <a:ea typeface="Calibri" panose="020F0502020204030204" pitchFamily="34" charset="0"/>
              <a:cs typeface="+mn-cs"/>
            </a:endParaRPr>
          </a:p>
          <a:p>
            <a:pPr algn="just"/>
            <a:r>
              <a:rPr lang="it-IT" sz="1200">
                <a:effectLst/>
                <a:latin typeface="Calibri" panose="020F0502020204030204" pitchFamily="34" charset="0"/>
                <a:ea typeface="Calibri" panose="020F0502020204030204" pitchFamily="34" charset="0"/>
              </a:rPr>
              <a:t>Durante il giorno del climbing (risalita su torre) avere il rilievo a 360° del sito a distanza di 1 mt o 2mt (dipende da che specifica ISE si usa) aiuta l’operatore da remoto, prima di autorizzare l’attività di climbing, a capire meglio se la struttura è in buone condizioni, se è presente ruggine, se mancano viti, se ci sono adeguati punti di ancoraggio, se i gradini e le piattaforme sono ben manutenute, etc. Anche a fronte della segnalazione al cliente di nuovi rischi, evidenziati nell’EHS Site Survey, non è automatico che il Cliente aggiorni i rischi specifici in tempo per l’inizio delle istallazioni.</a:t>
            </a:r>
            <a:endParaRPr lang="it-IT" sz="1100">
              <a:solidFill>
                <a:srgbClr val="181818"/>
              </a:solidFill>
              <a:latin typeface="Calibri" panose="020F0502020204030204" pitchFamily="34" charset="0"/>
            </a:endParaRPr>
          </a:p>
        </p:txBody>
      </p:sp>
      <p:pic>
        <p:nvPicPr>
          <p:cNvPr id="11" name="Picture 10">
            <a:extLst>
              <a:ext uri="{FF2B5EF4-FFF2-40B4-BE49-F238E27FC236}">
                <a16:creationId xmlns:a16="http://schemas.microsoft.com/office/drawing/2014/main" id="{7B19A6C8-0569-F841-BFE5-9C0A9639DD9E}"/>
              </a:ext>
            </a:extLst>
          </p:cNvPr>
          <p:cNvPicPr>
            <a:picLocks noChangeAspect="1"/>
          </p:cNvPicPr>
          <p:nvPr/>
        </p:nvPicPr>
        <p:blipFill>
          <a:blip r:embed="rId11"/>
          <a:stretch>
            <a:fillRect/>
          </a:stretch>
        </p:blipFill>
        <p:spPr>
          <a:xfrm>
            <a:off x="3331394" y="4866772"/>
            <a:ext cx="2375652" cy="1503541"/>
          </a:xfrm>
          <a:prstGeom prst="rect">
            <a:avLst/>
          </a:prstGeom>
        </p:spPr>
      </p:pic>
      <p:pic>
        <p:nvPicPr>
          <p:cNvPr id="48" name="Graphic 47" descr="Badge 3 with solid fill">
            <a:extLst>
              <a:ext uri="{FF2B5EF4-FFF2-40B4-BE49-F238E27FC236}">
                <a16:creationId xmlns:a16="http://schemas.microsoft.com/office/drawing/2014/main" id="{7622E190-F1D1-226B-19FA-3AF8D2E1BC7A}"/>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6280713" y="2399983"/>
            <a:ext cx="425968" cy="397385"/>
          </a:xfrm>
          <a:prstGeom prst="rect">
            <a:avLst/>
          </a:prstGeom>
        </p:spPr>
      </p:pic>
      <p:pic>
        <p:nvPicPr>
          <p:cNvPr id="32" name="Graphic 31" descr="Badge 1 with solid fill">
            <a:extLst>
              <a:ext uri="{FF2B5EF4-FFF2-40B4-BE49-F238E27FC236}">
                <a16:creationId xmlns:a16="http://schemas.microsoft.com/office/drawing/2014/main" id="{108B9711-99E3-CE18-AC44-0B5B18107BC2}"/>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18042" y="2399556"/>
            <a:ext cx="425968" cy="397385"/>
          </a:xfrm>
          <a:prstGeom prst="rect">
            <a:avLst/>
          </a:prstGeom>
        </p:spPr>
      </p:pic>
      <p:sp>
        <p:nvSpPr>
          <p:cNvPr id="50" name="TextBox 49">
            <a:extLst>
              <a:ext uri="{FF2B5EF4-FFF2-40B4-BE49-F238E27FC236}">
                <a16:creationId xmlns:a16="http://schemas.microsoft.com/office/drawing/2014/main" id="{EB0B8325-30E1-9120-9AC3-0E9F96B007B8}"/>
              </a:ext>
            </a:extLst>
          </p:cNvPr>
          <p:cNvSpPr txBox="1"/>
          <p:nvPr/>
        </p:nvSpPr>
        <p:spPr>
          <a:xfrm>
            <a:off x="6625043" y="4574608"/>
            <a:ext cx="3435158" cy="2217912"/>
          </a:xfrm>
          <a:prstGeom prst="roundRect">
            <a:avLst/>
          </a:prstGeom>
          <a:ln>
            <a:noFill/>
          </a:ln>
        </p:spPr>
        <p:style>
          <a:lnRef idx="2">
            <a:schemeClr val="accent4"/>
          </a:lnRef>
          <a:fillRef idx="1">
            <a:schemeClr val="lt1"/>
          </a:fillRef>
          <a:effectRef idx="0">
            <a:schemeClr val="accent4"/>
          </a:effectRef>
          <a:fontRef idx="minor">
            <a:schemeClr val="dk1"/>
          </a:fontRef>
        </p:style>
        <p:txBody>
          <a:bodyPr wrap="square">
            <a:spAutoFit/>
          </a:bodyPr>
          <a:lstStyle/>
          <a:p>
            <a:pPr marR="0" lvl="0" algn="just" defTabSz="914400" rtl="0" eaLnBrk="1" fontAlgn="auto" latinLnBrk="0" hangingPunct="1">
              <a:lnSpc>
                <a:spcPct val="105000"/>
              </a:lnSpc>
              <a:spcBef>
                <a:spcPts val="0"/>
              </a:spcBef>
              <a:spcAft>
                <a:spcPts val="800"/>
              </a:spcAft>
              <a:buClrTx/>
              <a:buSzTx/>
              <a:tabLst/>
              <a:defRPr/>
            </a:pPr>
            <a:r>
              <a:rPr kumimoji="0" lang="it-IT" sz="1600" b="1" i="0" u="none" strike="noStrike" kern="1200" cap="none" spc="0" normalizeH="0" baseline="0" noProof="0">
                <a:ln>
                  <a:noFill/>
                </a:ln>
                <a:solidFill>
                  <a:srgbClr val="181818"/>
                </a:solidFill>
                <a:effectLst/>
                <a:uLnTx/>
                <a:uFillTx/>
                <a:latin typeface="Calibri" panose="020F0502020204030204" pitchFamily="34" charset="0"/>
                <a:ea typeface="Times New Roman" panose="02020603050405020304" pitchFamily="18" charset="0"/>
                <a:cs typeface="+mn-cs"/>
              </a:rPr>
              <a:t>EHS Site Assessment con Visual Intelligent system</a:t>
            </a:r>
            <a:endParaRPr kumimoji="0" lang="it-IT" sz="1600" b="0" i="0" u="none" strike="noStrike" kern="1200" cap="none" spc="0" normalizeH="0" baseline="0" noProof="0">
              <a:ln>
                <a:noFill/>
              </a:ln>
              <a:solidFill>
                <a:srgbClr val="181818"/>
              </a:solidFill>
              <a:effectLst/>
              <a:uLnTx/>
              <a:uFillTx/>
              <a:latin typeface="Calibri" panose="020F0502020204030204" pitchFamily="34" charset="0"/>
              <a:ea typeface="Calibri" panose="020F0502020204030204" pitchFamily="34" charset="0"/>
              <a:cs typeface="+mn-cs"/>
            </a:endParaRPr>
          </a:p>
          <a:p>
            <a:pPr algn="just"/>
            <a:r>
              <a:rPr lang="it-IT" sz="1200">
                <a:solidFill>
                  <a:srgbClr val="181818"/>
                </a:solidFill>
                <a:latin typeface="Calibri" panose="020F0502020204030204" pitchFamily="34" charset="0"/>
              </a:rPr>
              <a:t>I monitoraggi e misurazioni onsite, possono essere integrate con audit da remoto, attraverso l’utilizzo del sistema di Visual Intelligence, che permette di identificare eventuali anomalie del sito e il comportamento degli operatori, in tempo reale, così da riportare eventuali non conformità. </a:t>
            </a:r>
          </a:p>
        </p:txBody>
      </p:sp>
      <p:pic>
        <p:nvPicPr>
          <p:cNvPr id="42" name="Graphic 41" descr="Badge 4 with solid fill">
            <a:extLst>
              <a:ext uri="{FF2B5EF4-FFF2-40B4-BE49-F238E27FC236}">
                <a16:creationId xmlns:a16="http://schemas.microsoft.com/office/drawing/2014/main" id="{8577A53A-BC62-B8FC-20CC-718EFBF2EA1E}"/>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6302984" y="4644005"/>
            <a:ext cx="425969" cy="397386"/>
          </a:xfrm>
          <a:prstGeom prst="rect">
            <a:avLst/>
          </a:prstGeom>
        </p:spPr>
      </p:pic>
      <p:cxnSp>
        <p:nvCxnSpPr>
          <p:cNvPr id="49" name="Straight Arrow Connector 48">
            <a:extLst>
              <a:ext uri="{FF2B5EF4-FFF2-40B4-BE49-F238E27FC236}">
                <a16:creationId xmlns:a16="http://schemas.microsoft.com/office/drawing/2014/main" id="{A7029C7A-F9FF-B330-2334-B75E30B98051}"/>
              </a:ext>
            </a:extLst>
          </p:cNvPr>
          <p:cNvCxnSpPr>
            <a:cxnSpLocks/>
          </p:cNvCxnSpPr>
          <p:nvPr/>
        </p:nvCxnSpPr>
        <p:spPr bwMode="auto">
          <a:xfrm flipH="1">
            <a:off x="11587513" y="3399276"/>
            <a:ext cx="356861" cy="0"/>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 name="Straight Arrow Connector 55">
            <a:extLst>
              <a:ext uri="{FF2B5EF4-FFF2-40B4-BE49-F238E27FC236}">
                <a16:creationId xmlns:a16="http://schemas.microsoft.com/office/drawing/2014/main" id="{D991278C-C6E7-10E7-A938-A84EAD0B3E0F}"/>
              </a:ext>
            </a:extLst>
          </p:cNvPr>
          <p:cNvCxnSpPr>
            <a:cxnSpLocks/>
          </p:cNvCxnSpPr>
          <p:nvPr/>
        </p:nvCxnSpPr>
        <p:spPr bwMode="auto">
          <a:xfrm flipH="1">
            <a:off x="11587513" y="5418576"/>
            <a:ext cx="347336" cy="0"/>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 name="Straight Connector 1">
            <a:extLst>
              <a:ext uri="{FF2B5EF4-FFF2-40B4-BE49-F238E27FC236}">
                <a16:creationId xmlns:a16="http://schemas.microsoft.com/office/drawing/2014/main" id="{00CC7522-4D53-8456-7FCB-865850AB3B97}"/>
              </a:ext>
            </a:extLst>
          </p:cNvPr>
          <p:cNvCxnSpPr>
            <a:cxnSpLocks/>
          </p:cNvCxnSpPr>
          <p:nvPr/>
        </p:nvCxnSpPr>
        <p:spPr>
          <a:xfrm flipH="1">
            <a:off x="3571092" y="2424427"/>
            <a:ext cx="2567648" cy="9050"/>
          </a:xfrm>
          <a:prstGeom prst="line">
            <a:avLst/>
          </a:prstGeom>
          <a:ln>
            <a:solidFill>
              <a:srgbClr val="7030A0"/>
            </a:solidFill>
          </a:ln>
        </p:spPr>
        <p:style>
          <a:lnRef idx="1">
            <a:schemeClr val="accent1"/>
          </a:lnRef>
          <a:fillRef idx="0">
            <a:schemeClr val="accent1"/>
          </a:fillRef>
          <a:effectRef idx="0">
            <a:schemeClr val="accent1"/>
          </a:effectRef>
          <a:fontRef idx="minor">
            <a:schemeClr val="tx1"/>
          </a:fontRef>
        </p:style>
      </p:cxnSp>
      <p:sp>
        <p:nvSpPr>
          <p:cNvPr id="4" name="Oval 3">
            <a:extLst>
              <a:ext uri="{FF2B5EF4-FFF2-40B4-BE49-F238E27FC236}">
                <a16:creationId xmlns:a16="http://schemas.microsoft.com/office/drawing/2014/main" id="{764E46D6-0205-9E76-9CA5-EDA51CEE4EFB}"/>
              </a:ext>
            </a:extLst>
          </p:cNvPr>
          <p:cNvSpPr/>
          <p:nvPr/>
        </p:nvSpPr>
        <p:spPr>
          <a:xfrm>
            <a:off x="6141887" y="4531198"/>
            <a:ext cx="83127" cy="87728"/>
          </a:xfrm>
          <a:prstGeom prst="ellipse">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6" name="Oval 5">
            <a:extLst>
              <a:ext uri="{FF2B5EF4-FFF2-40B4-BE49-F238E27FC236}">
                <a16:creationId xmlns:a16="http://schemas.microsoft.com/office/drawing/2014/main" id="{50EB72CB-9225-3852-F20A-1767D2AC57F2}"/>
              </a:ext>
            </a:extLst>
          </p:cNvPr>
          <p:cNvSpPr/>
          <p:nvPr/>
        </p:nvSpPr>
        <p:spPr>
          <a:xfrm>
            <a:off x="6143502" y="2386339"/>
            <a:ext cx="83127" cy="87728"/>
          </a:xfrm>
          <a:prstGeom prst="ellipse">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9" name="Oval 8">
            <a:extLst>
              <a:ext uri="{FF2B5EF4-FFF2-40B4-BE49-F238E27FC236}">
                <a16:creationId xmlns:a16="http://schemas.microsoft.com/office/drawing/2014/main" id="{08CD46FE-7B48-7C52-30F9-6FB125784795}"/>
              </a:ext>
            </a:extLst>
          </p:cNvPr>
          <p:cNvSpPr/>
          <p:nvPr/>
        </p:nvSpPr>
        <p:spPr>
          <a:xfrm rot="18222328">
            <a:off x="6143828" y="6645799"/>
            <a:ext cx="83127" cy="87728"/>
          </a:xfrm>
          <a:prstGeom prst="ellipse">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14" name="Oval 13">
            <a:extLst>
              <a:ext uri="{FF2B5EF4-FFF2-40B4-BE49-F238E27FC236}">
                <a16:creationId xmlns:a16="http://schemas.microsoft.com/office/drawing/2014/main" id="{A1F5733A-F700-DB91-B49A-436EB3B46C94}"/>
              </a:ext>
            </a:extLst>
          </p:cNvPr>
          <p:cNvSpPr/>
          <p:nvPr/>
        </p:nvSpPr>
        <p:spPr>
          <a:xfrm rot="18222328">
            <a:off x="8726199" y="6653740"/>
            <a:ext cx="83127" cy="87728"/>
          </a:xfrm>
          <a:prstGeom prst="ellipse">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cxnSp>
        <p:nvCxnSpPr>
          <p:cNvPr id="25" name="Straight Connector 24">
            <a:extLst>
              <a:ext uri="{FF2B5EF4-FFF2-40B4-BE49-F238E27FC236}">
                <a16:creationId xmlns:a16="http://schemas.microsoft.com/office/drawing/2014/main" id="{A76C1C90-20A8-5FC3-633A-AA868A8F6BAF}"/>
              </a:ext>
            </a:extLst>
          </p:cNvPr>
          <p:cNvCxnSpPr>
            <a:cxnSpLocks/>
          </p:cNvCxnSpPr>
          <p:nvPr/>
        </p:nvCxnSpPr>
        <p:spPr>
          <a:xfrm flipH="1">
            <a:off x="6181967" y="6688555"/>
            <a:ext cx="2567648" cy="9050"/>
          </a:xfrm>
          <a:prstGeom prst="line">
            <a:avLst/>
          </a:prstGeom>
          <a:ln>
            <a:solidFill>
              <a:srgbClr val="7030A0"/>
            </a:solidFill>
          </a:ln>
        </p:spPr>
        <p:style>
          <a:lnRef idx="1">
            <a:schemeClr val="accent1"/>
          </a:lnRef>
          <a:fillRef idx="0">
            <a:schemeClr val="accent1"/>
          </a:fillRef>
          <a:effectRef idx="0">
            <a:schemeClr val="accent1"/>
          </a:effectRef>
          <a:fontRef idx="minor">
            <a:schemeClr val="tx1"/>
          </a:fontRef>
        </p:style>
      </p:cxnSp>
      <p:sp>
        <p:nvSpPr>
          <p:cNvPr id="39" name="Oval 38">
            <a:extLst>
              <a:ext uri="{FF2B5EF4-FFF2-40B4-BE49-F238E27FC236}">
                <a16:creationId xmlns:a16="http://schemas.microsoft.com/office/drawing/2014/main" id="{54F4D2B5-8545-E38B-6A1C-6686288D1D86}"/>
              </a:ext>
            </a:extLst>
          </p:cNvPr>
          <p:cNvSpPr/>
          <p:nvPr/>
        </p:nvSpPr>
        <p:spPr>
          <a:xfrm>
            <a:off x="3536930" y="2384161"/>
            <a:ext cx="83127" cy="87728"/>
          </a:xfrm>
          <a:prstGeom prst="ellipse">
            <a:avLst/>
          </a:prstGeom>
          <a:solidFill>
            <a:srgbClr val="7030A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pic>
        <p:nvPicPr>
          <p:cNvPr id="44" name="Picture 43">
            <a:extLst>
              <a:ext uri="{FF2B5EF4-FFF2-40B4-BE49-F238E27FC236}">
                <a16:creationId xmlns:a16="http://schemas.microsoft.com/office/drawing/2014/main" id="{0BD0ED49-407A-A0A8-04DF-73D8510B5B9D}"/>
              </a:ext>
            </a:extLst>
          </p:cNvPr>
          <p:cNvPicPr>
            <a:picLocks noChangeAspect="1"/>
          </p:cNvPicPr>
          <p:nvPr/>
        </p:nvPicPr>
        <p:blipFill>
          <a:blip r:embed="rId12"/>
          <a:stretch>
            <a:fillRect/>
          </a:stretch>
        </p:blipFill>
        <p:spPr>
          <a:xfrm>
            <a:off x="9952557" y="4775051"/>
            <a:ext cx="1785379" cy="1453468"/>
          </a:xfrm>
          <a:prstGeom prst="rect">
            <a:avLst/>
          </a:prstGeom>
        </p:spPr>
      </p:pic>
      <p:sp>
        <p:nvSpPr>
          <p:cNvPr id="52" name="TextBox 11">
            <a:extLst>
              <a:ext uri="{FF2B5EF4-FFF2-40B4-BE49-F238E27FC236}">
                <a16:creationId xmlns:a16="http://schemas.microsoft.com/office/drawing/2014/main" id="{03EC8E47-F05B-F789-3635-3ADDB8ACBBF2}"/>
              </a:ext>
            </a:extLst>
          </p:cNvPr>
          <p:cNvSpPr txBox="1">
            <a:spLocks noChangeArrowheads="1"/>
          </p:cNvSpPr>
          <p:nvPr/>
        </p:nvSpPr>
        <p:spPr bwMode="auto">
          <a:xfrm>
            <a:off x="9896543" y="6283906"/>
            <a:ext cx="1785378" cy="47261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000">
                <a:solidFill>
                  <a:schemeClr val="tx1"/>
                </a:solidFill>
                <a:latin typeface="Arial" panose="020B0604020202020204" pitchFamily="34" charset="0"/>
              </a:defRPr>
            </a:lvl1pPr>
            <a:lvl2pPr marL="742950" indent="-285750">
              <a:defRPr sz="2000">
                <a:solidFill>
                  <a:schemeClr val="tx1"/>
                </a:solidFill>
                <a:latin typeface="Arial" panose="020B0604020202020204" pitchFamily="34" charset="0"/>
              </a:defRPr>
            </a:lvl2pPr>
            <a:lvl3pPr marL="1143000" indent="-228600">
              <a:defRPr sz="2000">
                <a:solidFill>
                  <a:schemeClr val="tx1"/>
                </a:solidFill>
                <a:latin typeface="Arial" panose="020B0604020202020204" pitchFamily="34" charset="0"/>
              </a:defRPr>
            </a:lvl3pPr>
            <a:lvl4pPr marL="1600200" indent="-228600">
              <a:defRPr sz="2000">
                <a:solidFill>
                  <a:schemeClr val="tx1"/>
                </a:solidFill>
                <a:latin typeface="Arial" panose="020B0604020202020204" pitchFamily="34" charset="0"/>
              </a:defRPr>
            </a:lvl4pPr>
            <a:lvl5pPr marL="2057400" indent="-228600">
              <a:defRPr sz="2000">
                <a:solidFill>
                  <a:schemeClr val="tx1"/>
                </a:solidFill>
                <a:latin typeface="Arial" panose="020B0604020202020204" pitchFamily="34" charset="0"/>
              </a:defRPr>
            </a:lvl5pPr>
            <a:lvl6pPr marL="2514600" indent="-228600" eaLnBrk="0" fontAlgn="base" hangingPunct="0">
              <a:spcBef>
                <a:spcPct val="0"/>
              </a:spcBef>
              <a:spcAft>
                <a:spcPct val="0"/>
              </a:spcAft>
              <a:defRPr sz="2000">
                <a:solidFill>
                  <a:schemeClr val="tx1"/>
                </a:solidFill>
                <a:latin typeface="Arial" panose="020B0604020202020204" pitchFamily="34" charset="0"/>
              </a:defRPr>
            </a:lvl6pPr>
            <a:lvl7pPr marL="2971800" indent="-228600" eaLnBrk="0" fontAlgn="base" hangingPunct="0">
              <a:spcBef>
                <a:spcPct val="0"/>
              </a:spcBef>
              <a:spcAft>
                <a:spcPct val="0"/>
              </a:spcAft>
              <a:defRPr sz="2000">
                <a:solidFill>
                  <a:schemeClr val="tx1"/>
                </a:solidFill>
                <a:latin typeface="Arial" panose="020B0604020202020204" pitchFamily="34" charset="0"/>
              </a:defRPr>
            </a:lvl7pPr>
            <a:lvl8pPr marL="3429000" indent="-228600" eaLnBrk="0" fontAlgn="base" hangingPunct="0">
              <a:spcBef>
                <a:spcPct val="0"/>
              </a:spcBef>
              <a:spcAft>
                <a:spcPct val="0"/>
              </a:spcAft>
              <a:defRPr sz="2000">
                <a:solidFill>
                  <a:schemeClr val="tx1"/>
                </a:solidFill>
                <a:latin typeface="Arial" panose="020B0604020202020204" pitchFamily="34" charset="0"/>
              </a:defRPr>
            </a:lvl8pPr>
            <a:lvl9pPr marL="3886200" indent="-228600" eaLnBrk="0" fontAlgn="base" hangingPunct="0">
              <a:spcBef>
                <a:spcPct val="0"/>
              </a:spcBef>
              <a:spcAft>
                <a:spcPct val="0"/>
              </a:spcAft>
              <a:defRPr sz="2000">
                <a:solidFill>
                  <a:schemeClr val="tx1"/>
                </a:solidFill>
                <a:latin typeface="Arial" panose="020B0604020202020204" pitchFamily="34" charset="0"/>
              </a:defRPr>
            </a:lvl9pPr>
          </a:lstStyle>
          <a:p>
            <a:pPr algn="ctr"/>
            <a:r>
              <a:rPr lang="en-US" altLang="en-US" sz="1200" b="1">
                <a:solidFill>
                  <a:srgbClr val="002060"/>
                </a:solidFill>
                <a:latin typeface="+mn-lt"/>
              </a:rPr>
              <a:t>CONTROLLO CASSETTA DI PRIMO SOCCORSO</a:t>
            </a:r>
          </a:p>
        </p:txBody>
      </p:sp>
    </p:spTree>
    <p:extLst>
      <p:ext uri="{BB962C8B-B14F-4D97-AF65-F5344CB8AC3E}">
        <p14:creationId xmlns:p14="http://schemas.microsoft.com/office/powerpoint/2010/main" val="5323106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08F2B45B-2BC1-44B2-4465-F8FD2B97328F}"/>
              </a:ext>
            </a:extLst>
          </p:cNvPr>
          <p:cNvSpPr txBox="1"/>
          <p:nvPr/>
        </p:nvSpPr>
        <p:spPr>
          <a:xfrm>
            <a:off x="527231" y="161065"/>
            <a:ext cx="10646661" cy="523220"/>
          </a:xfrm>
          <a:prstGeom prst="rect">
            <a:avLst/>
          </a:prstGeom>
          <a:noFill/>
        </p:spPr>
        <p:txBody>
          <a:bodyPr wrap="square" rtlCol="0">
            <a:spAutoFit/>
          </a:bodyPr>
          <a:lstStyle/>
          <a:p>
            <a:r>
              <a:rPr lang="en-US" sz="2800" b="1" err="1">
                <a:solidFill>
                  <a:schemeClr val="tx1">
                    <a:lumMod val="75000"/>
                    <a:lumOff val="25000"/>
                  </a:schemeClr>
                </a:solidFill>
              </a:rPr>
              <a:t>Monitoraggio</a:t>
            </a:r>
            <a:r>
              <a:rPr lang="en-US" sz="2800" b="1">
                <a:solidFill>
                  <a:schemeClr val="tx1">
                    <a:lumMod val="75000"/>
                    <a:lumOff val="25000"/>
                  </a:schemeClr>
                </a:solidFill>
              </a:rPr>
              <a:t> SafetyFirst360</a:t>
            </a:r>
          </a:p>
        </p:txBody>
      </p:sp>
      <p:pic>
        <p:nvPicPr>
          <p:cNvPr id="13" name="Graphic 12">
            <a:extLst>
              <a:ext uri="{FF2B5EF4-FFF2-40B4-BE49-F238E27FC236}">
                <a16:creationId xmlns:a16="http://schemas.microsoft.com/office/drawing/2014/main" id="{78042446-FB13-12A4-1A07-52E68CCF4751}"/>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1547615" y="291526"/>
            <a:ext cx="256032" cy="256032"/>
          </a:xfrm>
          <a:prstGeom prst="rect">
            <a:avLst/>
          </a:prstGeom>
        </p:spPr>
      </p:pic>
      <p:graphicFrame>
        <p:nvGraphicFramePr>
          <p:cNvPr id="54" name="Diagram 53">
            <a:extLst>
              <a:ext uri="{FF2B5EF4-FFF2-40B4-BE49-F238E27FC236}">
                <a16:creationId xmlns:a16="http://schemas.microsoft.com/office/drawing/2014/main" id="{5AD0B9AA-3A95-12DE-3DBD-B85EC15FD3D0}"/>
              </a:ext>
            </a:extLst>
          </p:cNvPr>
          <p:cNvGraphicFramePr/>
          <p:nvPr>
            <p:extLst>
              <p:ext uri="{D42A27DB-BD31-4B8C-83A1-F6EECF244321}">
                <p14:modId xmlns:p14="http://schemas.microsoft.com/office/powerpoint/2010/main" val="1948895029"/>
              </p:ext>
            </p:extLst>
          </p:nvPr>
        </p:nvGraphicFramePr>
        <p:xfrm>
          <a:off x="379191" y="982448"/>
          <a:ext cx="2483971" cy="2332042"/>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106" name="TextBox 105">
            <a:extLst>
              <a:ext uri="{FF2B5EF4-FFF2-40B4-BE49-F238E27FC236}">
                <a16:creationId xmlns:a16="http://schemas.microsoft.com/office/drawing/2014/main" id="{24432AC9-4497-93CA-DC37-07D22C88F154}"/>
              </a:ext>
            </a:extLst>
          </p:cNvPr>
          <p:cNvSpPr txBox="1"/>
          <p:nvPr/>
        </p:nvSpPr>
        <p:spPr>
          <a:xfrm>
            <a:off x="10767250" y="2182092"/>
            <a:ext cx="1027930" cy="369332"/>
          </a:xfrm>
          <a:prstGeom prst="rect">
            <a:avLst/>
          </a:prstGeom>
          <a:noFill/>
        </p:spPr>
        <p:txBody>
          <a:bodyPr wrap="square" rtlCol="0">
            <a:spAutoFit/>
          </a:bodyPr>
          <a:lstStyle/>
          <a:p>
            <a:r>
              <a:rPr lang="it-IT"/>
              <a:t>2021</a:t>
            </a:r>
          </a:p>
        </p:txBody>
      </p:sp>
      <p:sp>
        <p:nvSpPr>
          <p:cNvPr id="107" name="TextBox 106">
            <a:extLst>
              <a:ext uri="{FF2B5EF4-FFF2-40B4-BE49-F238E27FC236}">
                <a16:creationId xmlns:a16="http://schemas.microsoft.com/office/drawing/2014/main" id="{6E86EA0B-36FC-F544-774A-A3FD675DE9E0}"/>
              </a:ext>
            </a:extLst>
          </p:cNvPr>
          <p:cNvSpPr txBox="1"/>
          <p:nvPr/>
        </p:nvSpPr>
        <p:spPr>
          <a:xfrm>
            <a:off x="10735713" y="1747417"/>
            <a:ext cx="1027930" cy="369332"/>
          </a:xfrm>
          <a:prstGeom prst="rect">
            <a:avLst/>
          </a:prstGeom>
          <a:noFill/>
        </p:spPr>
        <p:txBody>
          <a:bodyPr wrap="square" rtlCol="0">
            <a:spAutoFit/>
          </a:bodyPr>
          <a:lstStyle/>
          <a:p>
            <a:r>
              <a:rPr lang="it-IT"/>
              <a:t>2022</a:t>
            </a:r>
          </a:p>
        </p:txBody>
      </p:sp>
      <p:cxnSp>
        <p:nvCxnSpPr>
          <p:cNvPr id="109" name="Straight Arrow Connector 108">
            <a:extLst>
              <a:ext uri="{FF2B5EF4-FFF2-40B4-BE49-F238E27FC236}">
                <a16:creationId xmlns:a16="http://schemas.microsoft.com/office/drawing/2014/main" id="{AB785E46-AFC9-27A6-0B92-903F9EE42E5C}"/>
              </a:ext>
            </a:extLst>
          </p:cNvPr>
          <p:cNvCxnSpPr>
            <a:cxnSpLocks/>
            <a:stCxn id="115" idx="2"/>
            <a:endCxn id="3" idx="0"/>
          </p:cNvCxnSpPr>
          <p:nvPr/>
        </p:nvCxnSpPr>
        <p:spPr bwMode="auto">
          <a:xfrm flipH="1">
            <a:off x="1582183" y="4837745"/>
            <a:ext cx="10476" cy="751353"/>
          </a:xfrm>
          <a:prstGeom prst="straightConnector1">
            <a:avLst/>
          </a:prstGeom>
          <a:ln w="127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113" name="Group 112">
            <a:extLst>
              <a:ext uri="{FF2B5EF4-FFF2-40B4-BE49-F238E27FC236}">
                <a16:creationId xmlns:a16="http://schemas.microsoft.com/office/drawing/2014/main" id="{51506D0B-A283-3685-B732-75BD228ED5C6}"/>
              </a:ext>
            </a:extLst>
          </p:cNvPr>
          <p:cNvGrpSpPr/>
          <p:nvPr/>
        </p:nvGrpSpPr>
        <p:grpSpPr>
          <a:xfrm>
            <a:off x="890667" y="4312655"/>
            <a:ext cx="1403983" cy="552038"/>
            <a:chOff x="1079987" y="234456"/>
            <a:chExt cx="1403983" cy="552038"/>
          </a:xfrm>
        </p:grpSpPr>
        <p:sp>
          <p:nvSpPr>
            <p:cNvPr id="114" name="Rectangle: Rounded Corners 113">
              <a:extLst>
                <a:ext uri="{FF2B5EF4-FFF2-40B4-BE49-F238E27FC236}">
                  <a16:creationId xmlns:a16="http://schemas.microsoft.com/office/drawing/2014/main" id="{FFE4BD69-A2EF-1D27-C19A-DCB4B723E5CE}"/>
                </a:ext>
              </a:extLst>
            </p:cNvPr>
            <p:cNvSpPr/>
            <p:nvPr/>
          </p:nvSpPr>
          <p:spPr>
            <a:xfrm>
              <a:off x="1079987" y="234456"/>
              <a:ext cx="1403983" cy="552038"/>
            </a:xfrm>
            <a:prstGeom prst="roundRect">
              <a:avLst/>
            </a:prstGeom>
            <a:ln w="19050">
              <a:solidFill>
                <a:srgbClr val="FF8C0A"/>
              </a:solidFill>
            </a:ln>
          </p:spPr>
          <p:style>
            <a:lnRef idx="2">
              <a:schemeClr val="accent5">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a:lstStyle/>
            <a:p>
              <a:endParaRPr lang="it-IT"/>
            </a:p>
          </p:txBody>
        </p:sp>
        <p:sp>
          <p:nvSpPr>
            <p:cNvPr id="115" name="Rectangle: Rounded Corners 4">
              <a:extLst>
                <a:ext uri="{FF2B5EF4-FFF2-40B4-BE49-F238E27FC236}">
                  <a16:creationId xmlns:a16="http://schemas.microsoft.com/office/drawing/2014/main" id="{E60CEEC6-6EF0-9161-14D1-5B73D1E2FF40}"/>
                </a:ext>
              </a:extLst>
            </p:cNvPr>
            <p:cNvSpPr txBox="1"/>
            <p:nvPr/>
          </p:nvSpPr>
          <p:spPr>
            <a:xfrm>
              <a:off x="1106935" y="261404"/>
              <a:ext cx="1350087" cy="498142"/>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it-IT" sz="1200"/>
                <a:t>% Partecipazione alla formazione erogata</a:t>
              </a:r>
              <a:endParaRPr lang="it-IT" sz="1200" kern="1200"/>
            </a:p>
          </p:txBody>
        </p:sp>
      </p:grpSp>
      <mc:AlternateContent xmlns:mc="http://schemas.openxmlformats.org/markup-compatibility/2006" xmlns:a14="http://schemas.microsoft.com/office/drawing/2010/main">
        <mc:Choice Requires="a14">
          <p:sp>
            <p:nvSpPr>
              <p:cNvPr id="116" name="Rectangle: Rounded Corners 115">
                <a:extLst>
                  <a:ext uri="{FF2B5EF4-FFF2-40B4-BE49-F238E27FC236}">
                    <a16:creationId xmlns:a16="http://schemas.microsoft.com/office/drawing/2014/main" id="{1FE593EB-A22D-FE87-F6E0-B7760F7CB25C}"/>
                  </a:ext>
                </a:extLst>
              </p:cNvPr>
              <p:cNvSpPr/>
              <p:nvPr/>
            </p:nvSpPr>
            <p:spPr>
              <a:xfrm>
                <a:off x="891148" y="4953291"/>
                <a:ext cx="1403983" cy="552038"/>
              </a:xfrm>
              <a:prstGeom prst="roundRect">
                <a:avLst/>
              </a:prstGeom>
              <a:ln w="19050">
                <a:solidFill>
                  <a:srgbClr val="AF78D2"/>
                </a:solidFill>
              </a:ln>
            </p:spPr>
            <p:style>
              <a:lnRef idx="2">
                <a:schemeClr val="accent5">
                  <a:hueOff val="-6758543"/>
                  <a:satOff val="-17419"/>
                  <a:lumOff val="-11765"/>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anchor="ctr"/>
              <a:lstStyle/>
              <a:p>
                <a:pPr algn="ctr"/>
                <a:r>
                  <a:rPr lang="it-IT" sz="1200"/>
                  <a:t>OHS index: </a:t>
                </a:r>
                <a14:m>
                  <m:oMath xmlns:m="http://schemas.openxmlformats.org/officeDocument/2006/math">
                    <m:r>
                      <m:rPr>
                        <m:nor/>
                      </m:rPr>
                      <a:rPr lang="en-US" sz="1200" i="1" dirty="0" smtClean="0"/>
                      <m:t>Σ</m:t>
                    </m:r>
                    <m:r>
                      <a:rPr lang="en-US" sz="1200" i="1" dirty="0">
                        <a:latin typeface="Cambria Math" panose="02040503050406030204" pitchFamily="18" charset="0"/>
                      </a:rPr>
                      <m:t> </m:t>
                    </m:r>
                  </m:oMath>
                </a14:m>
                <a:r>
                  <a:rPr lang="it-IT" sz="1200"/>
                  <a:t>Audit scores/audit eseguiti</a:t>
                </a:r>
              </a:p>
            </p:txBody>
          </p:sp>
        </mc:Choice>
        <mc:Fallback xmlns="">
          <p:sp>
            <p:nvSpPr>
              <p:cNvPr id="116" name="Rectangle: Rounded Corners 115">
                <a:extLst>
                  <a:ext uri="{FF2B5EF4-FFF2-40B4-BE49-F238E27FC236}">
                    <a16:creationId xmlns:a16="http://schemas.microsoft.com/office/drawing/2014/main" id="{1FE593EB-A22D-FE87-F6E0-B7760F7CB25C}"/>
                  </a:ext>
                </a:extLst>
              </p:cNvPr>
              <p:cNvSpPr>
                <a:spLocks noRot="1" noChangeAspect="1" noMove="1" noResize="1" noEditPoints="1" noAdjustHandles="1" noChangeArrowheads="1" noChangeShapeType="1" noTextEdit="1"/>
              </p:cNvSpPr>
              <p:nvPr/>
            </p:nvSpPr>
            <p:spPr>
              <a:xfrm>
                <a:off x="891148" y="4953291"/>
                <a:ext cx="1403983" cy="552038"/>
              </a:xfrm>
              <a:prstGeom prst="roundRect">
                <a:avLst/>
              </a:prstGeom>
              <a:blipFill>
                <a:blip r:embed="rId10"/>
                <a:stretch>
                  <a:fillRect t="-7527" b="-13978"/>
                </a:stretch>
              </a:blipFill>
              <a:ln w="19050">
                <a:solidFill>
                  <a:srgbClr val="AF78D2"/>
                </a:solidFill>
              </a:ln>
            </p:spPr>
            <p:txBody>
              <a:bodyPr/>
              <a:lstStyle/>
              <a:p>
                <a:r>
                  <a:rPr lang="en-US">
                    <a:noFill/>
                  </a:rPr>
                  <a:t> </a:t>
                </a:r>
              </a:p>
            </p:txBody>
          </p:sp>
        </mc:Fallback>
      </mc:AlternateContent>
      <p:sp>
        <p:nvSpPr>
          <p:cNvPr id="159" name="TextBox 158">
            <a:extLst>
              <a:ext uri="{FF2B5EF4-FFF2-40B4-BE49-F238E27FC236}">
                <a16:creationId xmlns:a16="http://schemas.microsoft.com/office/drawing/2014/main" id="{D5B5EA3D-BBFE-7E6C-98D3-1E383B1B73F1}"/>
              </a:ext>
            </a:extLst>
          </p:cNvPr>
          <p:cNvSpPr txBox="1"/>
          <p:nvPr/>
        </p:nvSpPr>
        <p:spPr>
          <a:xfrm>
            <a:off x="10717602" y="1353627"/>
            <a:ext cx="1027930" cy="369332"/>
          </a:xfrm>
          <a:prstGeom prst="rect">
            <a:avLst/>
          </a:prstGeom>
          <a:noFill/>
        </p:spPr>
        <p:txBody>
          <a:bodyPr wrap="square" rtlCol="0">
            <a:spAutoFit/>
          </a:bodyPr>
          <a:lstStyle/>
          <a:p>
            <a:r>
              <a:rPr lang="it-IT"/>
              <a:t>2023</a:t>
            </a:r>
          </a:p>
        </p:txBody>
      </p:sp>
      <p:cxnSp>
        <p:nvCxnSpPr>
          <p:cNvPr id="212" name="Google Shape;220;p31">
            <a:extLst>
              <a:ext uri="{FF2B5EF4-FFF2-40B4-BE49-F238E27FC236}">
                <a16:creationId xmlns:a16="http://schemas.microsoft.com/office/drawing/2014/main" id="{E30FFF8C-4ED9-ACFA-B454-C87CA3DB2BF7}"/>
              </a:ext>
            </a:extLst>
          </p:cNvPr>
          <p:cNvCxnSpPr>
            <a:cxnSpLocks/>
          </p:cNvCxnSpPr>
          <p:nvPr/>
        </p:nvCxnSpPr>
        <p:spPr>
          <a:xfrm flipH="1">
            <a:off x="9979876" y="1550634"/>
            <a:ext cx="559308" cy="0"/>
          </a:xfrm>
          <a:prstGeom prst="straightConnector1">
            <a:avLst/>
          </a:prstGeom>
          <a:noFill/>
          <a:ln w="28575" cap="flat" cmpd="sng">
            <a:solidFill>
              <a:srgbClr val="00B050"/>
            </a:solidFill>
            <a:prstDash val="solid"/>
            <a:round/>
            <a:headEnd type="oval" w="med" len="med"/>
            <a:tailEnd type="none" w="med" len="med"/>
          </a:ln>
        </p:spPr>
      </p:cxnSp>
      <p:cxnSp>
        <p:nvCxnSpPr>
          <p:cNvPr id="214" name="Google Shape;220;p31">
            <a:extLst>
              <a:ext uri="{FF2B5EF4-FFF2-40B4-BE49-F238E27FC236}">
                <a16:creationId xmlns:a16="http://schemas.microsoft.com/office/drawing/2014/main" id="{6DD31C1B-570F-3B11-AD4D-63E0EAEC112A}"/>
              </a:ext>
            </a:extLst>
          </p:cNvPr>
          <p:cNvCxnSpPr>
            <a:cxnSpLocks/>
          </p:cNvCxnSpPr>
          <p:nvPr/>
        </p:nvCxnSpPr>
        <p:spPr>
          <a:xfrm flipH="1">
            <a:off x="9979876" y="1965956"/>
            <a:ext cx="559308" cy="0"/>
          </a:xfrm>
          <a:prstGeom prst="straightConnector1">
            <a:avLst/>
          </a:prstGeom>
          <a:noFill/>
          <a:ln w="28575" cap="flat" cmpd="sng">
            <a:solidFill>
              <a:schemeClr val="accent2"/>
            </a:solidFill>
            <a:prstDash val="solid"/>
            <a:round/>
            <a:headEnd type="oval" w="med" len="med"/>
            <a:tailEnd type="none" w="med" len="med"/>
          </a:ln>
        </p:spPr>
      </p:cxnSp>
      <p:cxnSp>
        <p:nvCxnSpPr>
          <p:cNvPr id="216" name="Google Shape;220;p31">
            <a:extLst>
              <a:ext uri="{FF2B5EF4-FFF2-40B4-BE49-F238E27FC236}">
                <a16:creationId xmlns:a16="http://schemas.microsoft.com/office/drawing/2014/main" id="{D5512CD4-560C-28E1-26C3-576EC21700D8}"/>
              </a:ext>
            </a:extLst>
          </p:cNvPr>
          <p:cNvCxnSpPr>
            <a:cxnSpLocks/>
          </p:cNvCxnSpPr>
          <p:nvPr/>
        </p:nvCxnSpPr>
        <p:spPr>
          <a:xfrm flipH="1">
            <a:off x="10010760" y="2400631"/>
            <a:ext cx="528424" cy="0"/>
          </a:xfrm>
          <a:prstGeom prst="straightConnector1">
            <a:avLst/>
          </a:prstGeom>
          <a:noFill/>
          <a:ln w="28575" cap="flat" cmpd="sng">
            <a:solidFill>
              <a:srgbClr val="FF0000"/>
            </a:solidFill>
            <a:prstDash val="solid"/>
            <a:round/>
            <a:headEnd type="oval" w="med" len="med"/>
            <a:tailEnd type="none" w="med" len="med"/>
          </a:ln>
        </p:spPr>
      </p:cxnSp>
      <p:sp>
        <p:nvSpPr>
          <p:cNvPr id="263" name="Google Shape;206;p31">
            <a:extLst>
              <a:ext uri="{FF2B5EF4-FFF2-40B4-BE49-F238E27FC236}">
                <a16:creationId xmlns:a16="http://schemas.microsoft.com/office/drawing/2014/main" id="{3C5A95A6-7F20-1A69-1451-5325A6680337}"/>
              </a:ext>
            </a:extLst>
          </p:cNvPr>
          <p:cNvSpPr txBox="1"/>
          <p:nvPr/>
        </p:nvSpPr>
        <p:spPr>
          <a:xfrm>
            <a:off x="3108805" y="2351099"/>
            <a:ext cx="2298695" cy="374100"/>
          </a:xfrm>
          <a:prstGeom prst="rect">
            <a:avLst/>
          </a:prstGeom>
          <a:noFill/>
          <a:ln>
            <a:noFill/>
          </a:ln>
        </p:spPr>
        <p:txBody>
          <a:bodyPr spcFirstLastPara="1" wrap="square" lIns="91425" tIns="91425" rIns="91425" bIns="91425" anchor="ctr" anchorCtr="0">
            <a:noAutofit/>
          </a:bodyPr>
          <a:lstStyle/>
          <a:p>
            <a:pPr marL="0" lvl="0" indent="0" algn="ctr" rtl="0">
              <a:spcBef>
                <a:spcPts val="0"/>
              </a:spcBef>
              <a:spcAft>
                <a:spcPts val="0"/>
              </a:spcAft>
              <a:buNone/>
            </a:pPr>
            <a:r>
              <a:rPr lang="en-US" sz="1400" b="1">
                <a:ea typeface="Roboto"/>
                <a:cs typeface="Roboto"/>
                <a:sym typeface="Roboto"/>
              </a:rPr>
              <a:t>n. </a:t>
            </a:r>
            <a:r>
              <a:rPr lang="en-US" sz="1400" b="1" err="1">
                <a:ea typeface="Roboto"/>
                <a:cs typeface="Roboto"/>
                <a:sym typeface="Roboto"/>
              </a:rPr>
              <a:t>Giorni</a:t>
            </a:r>
            <a:r>
              <a:rPr lang="en-US" sz="1400" b="1">
                <a:ea typeface="Roboto"/>
                <a:cs typeface="Roboto"/>
                <a:sym typeface="Roboto"/>
              </a:rPr>
              <a:t> </a:t>
            </a:r>
            <a:r>
              <a:rPr lang="en-US" sz="1400" b="1" err="1">
                <a:ea typeface="Roboto"/>
                <a:cs typeface="Roboto"/>
                <a:sym typeface="Roboto"/>
              </a:rPr>
              <a:t>persi</a:t>
            </a:r>
            <a:r>
              <a:rPr lang="en-US" sz="1400" b="1">
                <a:ea typeface="Roboto"/>
                <a:cs typeface="Roboto"/>
                <a:sym typeface="Roboto"/>
              </a:rPr>
              <a:t> per </a:t>
            </a:r>
            <a:r>
              <a:rPr lang="en-US" sz="1400" b="1" err="1">
                <a:ea typeface="Roboto"/>
                <a:cs typeface="Roboto"/>
                <a:sym typeface="Roboto"/>
              </a:rPr>
              <a:t>incidenti</a:t>
            </a:r>
            <a:endParaRPr lang="en-US" sz="1400" b="1">
              <a:ea typeface="Roboto"/>
              <a:cs typeface="Roboto"/>
              <a:sym typeface="Roboto"/>
            </a:endParaRPr>
          </a:p>
          <a:p>
            <a:pPr marL="0" lvl="0" indent="0" algn="ctr" rtl="0">
              <a:spcBef>
                <a:spcPts val="0"/>
              </a:spcBef>
              <a:spcAft>
                <a:spcPts val="0"/>
              </a:spcAft>
              <a:buNone/>
            </a:pPr>
            <a:endParaRPr lang="en-US" sz="1400" b="1">
              <a:solidFill>
                <a:srgbClr val="000000"/>
              </a:solidFill>
              <a:ea typeface="Roboto"/>
              <a:cs typeface="Roboto"/>
              <a:sym typeface="Roboto"/>
            </a:endParaRPr>
          </a:p>
        </p:txBody>
      </p:sp>
      <p:grpSp>
        <p:nvGrpSpPr>
          <p:cNvPr id="264" name="Google Shape;207;p31">
            <a:extLst>
              <a:ext uri="{FF2B5EF4-FFF2-40B4-BE49-F238E27FC236}">
                <a16:creationId xmlns:a16="http://schemas.microsoft.com/office/drawing/2014/main" id="{8DC8EB88-22F7-A158-411E-9002A217F3B7}"/>
              </a:ext>
            </a:extLst>
          </p:cNvPr>
          <p:cNvGrpSpPr/>
          <p:nvPr/>
        </p:nvGrpSpPr>
        <p:grpSpPr>
          <a:xfrm>
            <a:off x="3373689" y="1335368"/>
            <a:ext cx="1656720" cy="815254"/>
            <a:chOff x="610478" y="3320948"/>
            <a:chExt cx="1656720" cy="815254"/>
          </a:xfrm>
          <a:solidFill>
            <a:schemeClr val="accent6">
              <a:lumMod val="20000"/>
              <a:lumOff val="80000"/>
            </a:schemeClr>
          </a:solidFill>
        </p:grpSpPr>
        <p:sp>
          <p:nvSpPr>
            <p:cNvPr id="265" name="Google Shape;208;p31">
              <a:extLst>
                <a:ext uri="{FF2B5EF4-FFF2-40B4-BE49-F238E27FC236}">
                  <a16:creationId xmlns:a16="http://schemas.microsoft.com/office/drawing/2014/main" id="{1B1DE614-7257-F0B8-772F-9E4B73CC856B}"/>
                </a:ext>
              </a:extLst>
            </p:cNvPr>
            <p:cNvSpPr/>
            <p:nvPr/>
          </p:nvSpPr>
          <p:spPr>
            <a:xfrm>
              <a:off x="1195066" y="3320948"/>
              <a:ext cx="492062" cy="463120"/>
            </a:xfrm>
            <a:custGeom>
              <a:avLst/>
              <a:gdLst/>
              <a:ahLst/>
              <a:cxnLst/>
              <a:rect l="l" t="t" r="r" b="b"/>
              <a:pathLst>
                <a:path w="3024229" h="2846350" extrusionOk="0">
                  <a:moveTo>
                    <a:pt x="1498741" y="0"/>
                  </a:moveTo>
                  <a:cubicBezTo>
                    <a:pt x="2023629" y="0"/>
                    <a:pt x="2529883" y="79782"/>
                    <a:pt x="3006037" y="227882"/>
                  </a:cubicBezTo>
                  <a:lnTo>
                    <a:pt x="3024229" y="234038"/>
                  </a:lnTo>
                  <a:lnTo>
                    <a:pt x="2158334" y="2846350"/>
                  </a:lnTo>
                  <a:lnTo>
                    <a:pt x="1966093" y="2796919"/>
                  </a:lnTo>
                  <a:cubicBezTo>
                    <a:pt x="1815134" y="2766029"/>
                    <a:pt x="1658832" y="2749806"/>
                    <a:pt x="1498741" y="2749806"/>
                  </a:cubicBezTo>
                  <a:cubicBezTo>
                    <a:pt x="1338650" y="2749806"/>
                    <a:pt x="1182348" y="2766029"/>
                    <a:pt x="1031389" y="2796919"/>
                  </a:cubicBezTo>
                  <a:lnTo>
                    <a:pt x="851609" y="2843146"/>
                  </a:lnTo>
                  <a:lnTo>
                    <a:pt x="0" y="225453"/>
                  </a:lnTo>
                  <a:lnTo>
                    <a:pt x="231977" y="159578"/>
                  </a:lnTo>
                  <a:cubicBezTo>
                    <a:pt x="636868" y="55405"/>
                    <a:pt x="1061334" y="0"/>
                    <a:pt x="1498741" y="0"/>
                  </a:cubicBezTo>
                  <a:close/>
                </a:path>
              </a:pathLst>
            </a:custGeom>
            <a:solidFill>
              <a:schemeClr val="accent6">
                <a:lumMod val="60000"/>
                <a:lumOff val="40000"/>
              </a:schemeClr>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3600" b="0" i="0" u="none" strike="noStrike" cap="none">
                <a:solidFill>
                  <a:srgbClr val="AAAAAA"/>
                </a:solidFill>
                <a:latin typeface="Calibri"/>
                <a:ea typeface="Calibri"/>
                <a:cs typeface="Calibri"/>
                <a:sym typeface="Calibri"/>
              </a:endParaRPr>
            </a:p>
          </p:txBody>
        </p:sp>
        <p:sp>
          <p:nvSpPr>
            <p:cNvPr id="266" name="Google Shape;209;p31">
              <a:extLst>
                <a:ext uri="{FF2B5EF4-FFF2-40B4-BE49-F238E27FC236}">
                  <a16:creationId xmlns:a16="http://schemas.microsoft.com/office/drawing/2014/main" id="{D6E85016-9E22-797C-7235-AB4EBF2DC147}"/>
                </a:ext>
              </a:extLst>
            </p:cNvPr>
            <p:cNvSpPr/>
            <p:nvPr/>
          </p:nvSpPr>
          <p:spPr>
            <a:xfrm>
              <a:off x="780515" y="3365498"/>
              <a:ext cx="527673" cy="546657"/>
            </a:xfrm>
            <a:custGeom>
              <a:avLst/>
              <a:gdLst/>
              <a:ahLst/>
              <a:cxnLst/>
              <a:rect l="l" t="t" r="r" b="b"/>
              <a:pathLst>
                <a:path w="3243097" h="3359774" extrusionOk="0">
                  <a:moveTo>
                    <a:pt x="2391581" y="0"/>
                  </a:moveTo>
                  <a:lnTo>
                    <a:pt x="3243097" y="2617405"/>
                  </a:lnTo>
                  <a:lnTo>
                    <a:pt x="3126410" y="2660112"/>
                  </a:lnTo>
                  <a:cubicBezTo>
                    <a:pt x="2779614" y="2806795"/>
                    <a:pt x="2475926" y="3035440"/>
                    <a:pt x="2239631" y="3321763"/>
                  </a:cubicBezTo>
                  <a:lnTo>
                    <a:pt x="2211207" y="3359774"/>
                  </a:lnTo>
                  <a:lnTo>
                    <a:pt x="0" y="1722466"/>
                  </a:lnTo>
                  <a:lnTo>
                    <a:pt x="117747" y="1572631"/>
                  </a:lnTo>
                  <a:cubicBezTo>
                    <a:pt x="685889" y="884203"/>
                    <a:pt x="1432270" y="348323"/>
                    <a:pt x="2286242" y="35642"/>
                  </a:cubicBezTo>
                  <a:lnTo>
                    <a:pt x="2391581" y="0"/>
                  </a:lnTo>
                  <a:close/>
                </a:path>
              </a:pathLst>
            </a:custGeom>
            <a:solidFill>
              <a:schemeClr val="accent6">
                <a:lumMod val="40000"/>
                <a:lumOff val="60000"/>
              </a:schemeClr>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3600" b="0" i="0" u="none" strike="noStrike" cap="none">
                <a:solidFill>
                  <a:srgbClr val="AAAAAA"/>
                </a:solidFill>
                <a:latin typeface="Calibri"/>
                <a:ea typeface="Calibri"/>
                <a:cs typeface="Calibri"/>
                <a:sym typeface="Calibri"/>
              </a:endParaRPr>
            </a:p>
          </p:txBody>
        </p:sp>
        <p:sp>
          <p:nvSpPr>
            <p:cNvPr id="267" name="Google Shape;210;p31">
              <a:extLst>
                <a:ext uri="{FF2B5EF4-FFF2-40B4-BE49-F238E27FC236}">
                  <a16:creationId xmlns:a16="http://schemas.microsoft.com/office/drawing/2014/main" id="{61E41120-CE37-23FB-6080-1D95D055BF88}"/>
                </a:ext>
              </a:extLst>
            </p:cNvPr>
            <p:cNvSpPr/>
            <p:nvPr/>
          </p:nvSpPr>
          <p:spPr>
            <a:xfrm>
              <a:off x="1571352" y="3366973"/>
              <a:ext cx="532276" cy="549128"/>
            </a:xfrm>
            <a:custGeom>
              <a:avLst/>
              <a:gdLst/>
              <a:ahLst/>
              <a:cxnLst/>
              <a:rect l="l" t="t" r="r" b="b"/>
              <a:pathLst>
                <a:path w="3271388" h="3374959" extrusionOk="0">
                  <a:moveTo>
                    <a:pt x="866062" y="0"/>
                  </a:moveTo>
                  <a:lnTo>
                    <a:pt x="944797" y="26641"/>
                  </a:lnTo>
                  <a:cubicBezTo>
                    <a:pt x="1876403" y="367748"/>
                    <a:pt x="2679967" y="974479"/>
                    <a:pt x="3263768" y="1755113"/>
                  </a:cubicBezTo>
                  <a:lnTo>
                    <a:pt x="3271388" y="1765829"/>
                  </a:lnTo>
                  <a:lnTo>
                    <a:pt x="1037918" y="3374959"/>
                  </a:lnTo>
                  <a:lnTo>
                    <a:pt x="991408" y="3312762"/>
                  </a:lnTo>
                  <a:cubicBezTo>
                    <a:pt x="755113" y="3026439"/>
                    <a:pt x="451425" y="2797794"/>
                    <a:pt x="104629" y="2651111"/>
                  </a:cubicBezTo>
                  <a:lnTo>
                    <a:pt x="0" y="2612817"/>
                  </a:lnTo>
                  <a:lnTo>
                    <a:pt x="866062" y="0"/>
                  </a:lnTo>
                  <a:close/>
                </a:path>
              </a:pathLst>
            </a:custGeom>
            <a:solidFill>
              <a:schemeClr val="accent6">
                <a:lumMod val="75000"/>
              </a:schemeClr>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3600" b="0" i="0" u="none" strike="noStrike" cap="none">
                <a:solidFill>
                  <a:srgbClr val="AAAAAA"/>
                </a:solidFill>
                <a:latin typeface="Calibri"/>
                <a:ea typeface="Calibri"/>
                <a:cs typeface="Calibri"/>
                <a:sym typeface="Calibri"/>
              </a:endParaRPr>
            </a:p>
          </p:txBody>
        </p:sp>
        <p:sp>
          <p:nvSpPr>
            <p:cNvPr id="268" name="Google Shape;211;p31">
              <a:extLst>
                <a:ext uri="{FF2B5EF4-FFF2-40B4-BE49-F238E27FC236}">
                  <a16:creationId xmlns:a16="http://schemas.microsoft.com/office/drawing/2014/main" id="{CF559741-423C-7AAF-BB17-4F45ABBEB64F}"/>
                </a:ext>
              </a:extLst>
            </p:cNvPr>
            <p:cNvSpPr/>
            <p:nvPr/>
          </p:nvSpPr>
          <p:spPr>
            <a:xfrm>
              <a:off x="610478" y="3666981"/>
              <a:ext cx="514389" cy="469160"/>
            </a:xfrm>
            <a:custGeom>
              <a:avLst/>
              <a:gdLst/>
              <a:ahLst/>
              <a:cxnLst/>
              <a:rect l="l" t="t" r="r" b="b"/>
              <a:pathLst>
                <a:path w="3161453" h="2883477" extrusionOk="0">
                  <a:moveTo>
                    <a:pt x="951022" y="0"/>
                  </a:moveTo>
                  <a:lnTo>
                    <a:pt x="3161453" y="1636734"/>
                  </a:lnTo>
                  <a:lnTo>
                    <a:pt x="3143998" y="1660075"/>
                  </a:lnTo>
                  <a:cubicBezTo>
                    <a:pt x="2935631" y="1968499"/>
                    <a:pt x="2799513" y="2329744"/>
                    <a:pt x="2759929" y="2719528"/>
                  </a:cubicBezTo>
                  <a:lnTo>
                    <a:pt x="2751650" y="2883477"/>
                  </a:lnTo>
                  <a:lnTo>
                    <a:pt x="0" y="2883477"/>
                  </a:lnTo>
                  <a:lnTo>
                    <a:pt x="4745" y="2695790"/>
                  </a:lnTo>
                  <a:cubicBezTo>
                    <a:pt x="52918" y="1745467"/>
                    <a:pt x="362824" y="864198"/>
                    <a:pt x="863816" y="122632"/>
                  </a:cubicBezTo>
                  <a:lnTo>
                    <a:pt x="951022" y="0"/>
                  </a:lnTo>
                  <a:close/>
                </a:path>
              </a:pathLst>
            </a:custGeom>
            <a:grp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3600" b="0" i="0" u="none" strike="noStrike" cap="none">
                <a:solidFill>
                  <a:srgbClr val="AAAAAA"/>
                </a:solidFill>
                <a:latin typeface="Calibri"/>
                <a:ea typeface="Calibri"/>
                <a:cs typeface="Calibri"/>
                <a:sym typeface="Calibri"/>
              </a:endParaRPr>
            </a:p>
          </p:txBody>
        </p:sp>
        <p:sp>
          <p:nvSpPr>
            <p:cNvPr id="269" name="Google Shape;212;p31">
              <a:extLst>
                <a:ext uri="{FF2B5EF4-FFF2-40B4-BE49-F238E27FC236}">
                  <a16:creationId xmlns:a16="http://schemas.microsoft.com/office/drawing/2014/main" id="{9DB53330-2A9B-D310-C7D0-36414BA61488}"/>
                </a:ext>
              </a:extLst>
            </p:cNvPr>
            <p:cNvSpPr/>
            <p:nvPr/>
          </p:nvSpPr>
          <p:spPr>
            <a:xfrm>
              <a:off x="1755741" y="3675804"/>
              <a:ext cx="511458" cy="460398"/>
            </a:xfrm>
            <a:custGeom>
              <a:avLst/>
              <a:gdLst/>
              <a:ahLst/>
              <a:cxnLst/>
              <a:rect l="l" t="t" r="r" b="b"/>
              <a:pathLst>
                <a:path w="3143439" h="2829624" extrusionOk="0">
                  <a:moveTo>
                    <a:pt x="2230713" y="0"/>
                  </a:moveTo>
                  <a:lnTo>
                    <a:pt x="2279623" y="68779"/>
                  </a:lnTo>
                  <a:cubicBezTo>
                    <a:pt x="2780615" y="810345"/>
                    <a:pt x="3090521" y="1691614"/>
                    <a:pt x="3138693" y="2641937"/>
                  </a:cubicBezTo>
                  <a:lnTo>
                    <a:pt x="3143439" y="2829624"/>
                  </a:lnTo>
                  <a:lnTo>
                    <a:pt x="391788" y="2829624"/>
                  </a:lnTo>
                  <a:lnTo>
                    <a:pt x="383509" y="2665675"/>
                  </a:lnTo>
                  <a:cubicBezTo>
                    <a:pt x="351842" y="2353848"/>
                    <a:pt x="258393" y="2060286"/>
                    <a:pt x="115596" y="1797420"/>
                  </a:cubicBezTo>
                  <a:lnTo>
                    <a:pt x="0" y="1607144"/>
                  </a:lnTo>
                  <a:lnTo>
                    <a:pt x="2230713" y="0"/>
                  </a:lnTo>
                  <a:close/>
                </a:path>
              </a:pathLst>
            </a:custGeom>
            <a:solidFill>
              <a:schemeClr val="accent6">
                <a:lumMod val="50000"/>
              </a:schemeClr>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3600" b="0" i="0" u="none" strike="noStrike" cap="none">
                <a:solidFill>
                  <a:srgbClr val="AAAAAA"/>
                </a:solidFill>
                <a:latin typeface="Calibri"/>
                <a:ea typeface="Calibri"/>
                <a:cs typeface="Calibri"/>
                <a:sym typeface="Calibri"/>
              </a:endParaRPr>
            </a:p>
          </p:txBody>
        </p:sp>
      </p:grpSp>
      <p:cxnSp>
        <p:nvCxnSpPr>
          <p:cNvPr id="270" name="Google Shape;220;p31">
            <a:extLst>
              <a:ext uri="{FF2B5EF4-FFF2-40B4-BE49-F238E27FC236}">
                <a16:creationId xmlns:a16="http://schemas.microsoft.com/office/drawing/2014/main" id="{B3EE5060-31E7-A098-D049-D3F31B23FF2F}"/>
              </a:ext>
            </a:extLst>
          </p:cNvPr>
          <p:cNvCxnSpPr>
            <a:cxnSpLocks/>
          </p:cNvCxnSpPr>
          <p:nvPr/>
        </p:nvCxnSpPr>
        <p:spPr>
          <a:xfrm flipH="1" flipV="1">
            <a:off x="3869593" y="1725951"/>
            <a:ext cx="389557" cy="424669"/>
          </a:xfrm>
          <a:prstGeom prst="straightConnector1">
            <a:avLst/>
          </a:prstGeom>
          <a:noFill/>
          <a:ln w="28575" cap="flat" cmpd="sng">
            <a:solidFill>
              <a:schemeClr val="accent2"/>
            </a:solidFill>
            <a:prstDash val="solid"/>
            <a:round/>
            <a:headEnd type="oval" w="med" len="med"/>
            <a:tailEnd type="none" w="med" len="med"/>
          </a:ln>
        </p:spPr>
      </p:cxnSp>
      <p:cxnSp>
        <p:nvCxnSpPr>
          <p:cNvPr id="271" name="Google Shape;220;p31">
            <a:extLst>
              <a:ext uri="{FF2B5EF4-FFF2-40B4-BE49-F238E27FC236}">
                <a16:creationId xmlns:a16="http://schemas.microsoft.com/office/drawing/2014/main" id="{C5796C41-9B9B-B7D6-1AA2-B5D4D9559DB6}"/>
              </a:ext>
            </a:extLst>
          </p:cNvPr>
          <p:cNvCxnSpPr>
            <a:cxnSpLocks/>
          </p:cNvCxnSpPr>
          <p:nvPr/>
        </p:nvCxnSpPr>
        <p:spPr>
          <a:xfrm flipH="1" flipV="1">
            <a:off x="4072467" y="1611478"/>
            <a:ext cx="177429" cy="534162"/>
          </a:xfrm>
          <a:prstGeom prst="straightConnector1">
            <a:avLst/>
          </a:prstGeom>
          <a:noFill/>
          <a:ln w="28575" cap="flat" cmpd="sng">
            <a:solidFill>
              <a:srgbClr val="FF0000"/>
            </a:solidFill>
            <a:prstDash val="solid"/>
            <a:round/>
            <a:headEnd type="oval" w="med" len="med"/>
            <a:tailEnd type="none" w="med" len="med"/>
          </a:ln>
        </p:spPr>
      </p:cxnSp>
      <p:cxnSp>
        <p:nvCxnSpPr>
          <p:cNvPr id="272" name="Google Shape;220;p31">
            <a:extLst>
              <a:ext uri="{FF2B5EF4-FFF2-40B4-BE49-F238E27FC236}">
                <a16:creationId xmlns:a16="http://schemas.microsoft.com/office/drawing/2014/main" id="{0698A764-2D6B-84DA-0E38-5391084E9EB3}"/>
              </a:ext>
            </a:extLst>
          </p:cNvPr>
          <p:cNvCxnSpPr>
            <a:cxnSpLocks/>
          </p:cNvCxnSpPr>
          <p:nvPr/>
        </p:nvCxnSpPr>
        <p:spPr>
          <a:xfrm flipH="1" flipV="1">
            <a:off x="3720159" y="2009739"/>
            <a:ext cx="545947" cy="140761"/>
          </a:xfrm>
          <a:prstGeom prst="straightConnector1">
            <a:avLst/>
          </a:prstGeom>
          <a:noFill/>
          <a:ln w="28575" cap="flat" cmpd="sng">
            <a:solidFill>
              <a:srgbClr val="00B050"/>
            </a:solidFill>
            <a:prstDash val="solid"/>
            <a:round/>
            <a:headEnd type="oval" w="med" len="med"/>
            <a:tailEnd type="none" w="med" len="med"/>
          </a:ln>
        </p:spPr>
      </p:cxnSp>
      <p:sp>
        <p:nvSpPr>
          <p:cNvPr id="273" name="Google Shape;206;p31">
            <a:extLst>
              <a:ext uri="{FF2B5EF4-FFF2-40B4-BE49-F238E27FC236}">
                <a16:creationId xmlns:a16="http://schemas.microsoft.com/office/drawing/2014/main" id="{0A41BBD1-BBD9-7312-A609-DA3A6C25E8D0}"/>
              </a:ext>
            </a:extLst>
          </p:cNvPr>
          <p:cNvSpPr txBox="1"/>
          <p:nvPr/>
        </p:nvSpPr>
        <p:spPr>
          <a:xfrm>
            <a:off x="5339979" y="2276407"/>
            <a:ext cx="1948500" cy="374100"/>
          </a:xfrm>
          <a:prstGeom prst="rect">
            <a:avLst/>
          </a:prstGeom>
          <a:noFill/>
          <a:ln>
            <a:noFill/>
          </a:ln>
        </p:spPr>
        <p:txBody>
          <a:bodyPr spcFirstLastPara="1" wrap="square" lIns="91425" tIns="91425" rIns="91425" bIns="91425" anchor="ctr" anchorCtr="0">
            <a:noAutofit/>
          </a:bodyPr>
          <a:lstStyle/>
          <a:p>
            <a:pPr marL="0" lvl="0" indent="0" algn="ctr" rtl="0">
              <a:spcBef>
                <a:spcPts val="0"/>
              </a:spcBef>
              <a:spcAft>
                <a:spcPts val="0"/>
              </a:spcAft>
              <a:buNone/>
            </a:pPr>
            <a:r>
              <a:rPr lang="en-US" sz="1400" b="1">
                <a:ea typeface="Roboto"/>
                <a:cs typeface="Roboto"/>
                <a:sym typeface="Roboto"/>
              </a:rPr>
              <a:t>n. Near Miss e Risk Observation</a:t>
            </a:r>
          </a:p>
        </p:txBody>
      </p:sp>
      <p:grpSp>
        <p:nvGrpSpPr>
          <p:cNvPr id="274" name="Google Shape;207;p31">
            <a:extLst>
              <a:ext uri="{FF2B5EF4-FFF2-40B4-BE49-F238E27FC236}">
                <a16:creationId xmlns:a16="http://schemas.microsoft.com/office/drawing/2014/main" id="{549B8946-3E9E-2EAD-1D5A-74A140A3FD79}"/>
              </a:ext>
            </a:extLst>
          </p:cNvPr>
          <p:cNvGrpSpPr/>
          <p:nvPr/>
        </p:nvGrpSpPr>
        <p:grpSpPr>
          <a:xfrm>
            <a:off x="5509011" y="1335368"/>
            <a:ext cx="1656720" cy="815254"/>
            <a:chOff x="610478" y="3320948"/>
            <a:chExt cx="1656720" cy="815254"/>
          </a:xfrm>
          <a:solidFill>
            <a:schemeClr val="accent2">
              <a:lumMod val="50000"/>
            </a:schemeClr>
          </a:solidFill>
        </p:grpSpPr>
        <p:sp>
          <p:nvSpPr>
            <p:cNvPr id="275" name="Google Shape;208;p31">
              <a:extLst>
                <a:ext uri="{FF2B5EF4-FFF2-40B4-BE49-F238E27FC236}">
                  <a16:creationId xmlns:a16="http://schemas.microsoft.com/office/drawing/2014/main" id="{6E058B2E-77CA-B411-3888-820640BBBF15}"/>
                </a:ext>
              </a:extLst>
            </p:cNvPr>
            <p:cNvSpPr/>
            <p:nvPr/>
          </p:nvSpPr>
          <p:spPr>
            <a:xfrm>
              <a:off x="1195066" y="3320948"/>
              <a:ext cx="492062" cy="463120"/>
            </a:xfrm>
            <a:custGeom>
              <a:avLst/>
              <a:gdLst/>
              <a:ahLst/>
              <a:cxnLst/>
              <a:rect l="l" t="t" r="r" b="b"/>
              <a:pathLst>
                <a:path w="3024229" h="2846350" extrusionOk="0">
                  <a:moveTo>
                    <a:pt x="1498741" y="0"/>
                  </a:moveTo>
                  <a:cubicBezTo>
                    <a:pt x="2023629" y="0"/>
                    <a:pt x="2529883" y="79782"/>
                    <a:pt x="3006037" y="227882"/>
                  </a:cubicBezTo>
                  <a:lnTo>
                    <a:pt x="3024229" y="234038"/>
                  </a:lnTo>
                  <a:lnTo>
                    <a:pt x="2158334" y="2846350"/>
                  </a:lnTo>
                  <a:lnTo>
                    <a:pt x="1966093" y="2796919"/>
                  </a:lnTo>
                  <a:cubicBezTo>
                    <a:pt x="1815134" y="2766029"/>
                    <a:pt x="1658832" y="2749806"/>
                    <a:pt x="1498741" y="2749806"/>
                  </a:cubicBezTo>
                  <a:cubicBezTo>
                    <a:pt x="1338650" y="2749806"/>
                    <a:pt x="1182348" y="2766029"/>
                    <a:pt x="1031389" y="2796919"/>
                  </a:cubicBezTo>
                  <a:lnTo>
                    <a:pt x="851609" y="2843146"/>
                  </a:lnTo>
                  <a:lnTo>
                    <a:pt x="0" y="225453"/>
                  </a:lnTo>
                  <a:lnTo>
                    <a:pt x="231977" y="159578"/>
                  </a:lnTo>
                  <a:cubicBezTo>
                    <a:pt x="636868" y="55405"/>
                    <a:pt x="1061334" y="0"/>
                    <a:pt x="1498741" y="0"/>
                  </a:cubicBezTo>
                  <a:close/>
                </a:path>
              </a:pathLst>
            </a:custGeom>
            <a:solidFill>
              <a:schemeClr val="accent2">
                <a:lumMod val="60000"/>
                <a:lumOff val="40000"/>
              </a:schemeClr>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3600" b="0" i="0" u="none" strike="noStrike" cap="none">
                <a:solidFill>
                  <a:srgbClr val="AAAAAA"/>
                </a:solidFill>
                <a:latin typeface="Calibri"/>
                <a:ea typeface="Calibri"/>
                <a:cs typeface="Calibri"/>
                <a:sym typeface="Calibri"/>
              </a:endParaRPr>
            </a:p>
          </p:txBody>
        </p:sp>
        <p:sp>
          <p:nvSpPr>
            <p:cNvPr id="276" name="Google Shape;209;p31">
              <a:extLst>
                <a:ext uri="{FF2B5EF4-FFF2-40B4-BE49-F238E27FC236}">
                  <a16:creationId xmlns:a16="http://schemas.microsoft.com/office/drawing/2014/main" id="{D4EAEBF7-7C82-8238-4B6E-5BF45ADA3EDB}"/>
                </a:ext>
              </a:extLst>
            </p:cNvPr>
            <p:cNvSpPr/>
            <p:nvPr/>
          </p:nvSpPr>
          <p:spPr>
            <a:xfrm>
              <a:off x="780515" y="3365498"/>
              <a:ext cx="527673" cy="546657"/>
            </a:xfrm>
            <a:custGeom>
              <a:avLst/>
              <a:gdLst/>
              <a:ahLst/>
              <a:cxnLst/>
              <a:rect l="l" t="t" r="r" b="b"/>
              <a:pathLst>
                <a:path w="3243097" h="3359774" extrusionOk="0">
                  <a:moveTo>
                    <a:pt x="2391581" y="0"/>
                  </a:moveTo>
                  <a:lnTo>
                    <a:pt x="3243097" y="2617405"/>
                  </a:lnTo>
                  <a:lnTo>
                    <a:pt x="3126410" y="2660112"/>
                  </a:lnTo>
                  <a:cubicBezTo>
                    <a:pt x="2779614" y="2806795"/>
                    <a:pt x="2475926" y="3035440"/>
                    <a:pt x="2239631" y="3321763"/>
                  </a:cubicBezTo>
                  <a:lnTo>
                    <a:pt x="2211207" y="3359774"/>
                  </a:lnTo>
                  <a:lnTo>
                    <a:pt x="0" y="1722466"/>
                  </a:lnTo>
                  <a:lnTo>
                    <a:pt x="117747" y="1572631"/>
                  </a:lnTo>
                  <a:cubicBezTo>
                    <a:pt x="685889" y="884203"/>
                    <a:pt x="1432270" y="348323"/>
                    <a:pt x="2286242" y="35642"/>
                  </a:cubicBezTo>
                  <a:lnTo>
                    <a:pt x="2391581" y="0"/>
                  </a:lnTo>
                  <a:close/>
                </a:path>
              </a:pathLst>
            </a:custGeom>
            <a:solidFill>
              <a:schemeClr val="accent2">
                <a:lumMod val="75000"/>
              </a:schemeClr>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3600" b="0" i="0" u="none" strike="noStrike" cap="none">
                <a:solidFill>
                  <a:srgbClr val="AAAAAA"/>
                </a:solidFill>
                <a:latin typeface="Calibri"/>
                <a:ea typeface="Calibri"/>
                <a:cs typeface="Calibri"/>
                <a:sym typeface="Calibri"/>
              </a:endParaRPr>
            </a:p>
          </p:txBody>
        </p:sp>
        <p:sp>
          <p:nvSpPr>
            <p:cNvPr id="277" name="Google Shape;210;p31">
              <a:extLst>
                <a:ext uri="{FF2B5EF4-FFF2-40B4-BE49-F238E27FC236}">
                  <a16:creationId xmlns:a16="http://schemas.microsoft.com/office/drawing/2014/main" id="{B61A5F62-44AD-F2DC-D305-7E50F5F49C8E}"/>
                </a:ext>
              </a:extLst>
            </p:cNvPr>
            <p:cNvSpPr/>
            <p:nvPr/>
          </p:nvSpPr>
          <p:spPr>
            <a:xfrm>
              <a:off x="1571352" y="3366973"/>
              <a:ext cx="532276" cy="549128"/>
            </a:xfrm>
            <a:custGeom>
              <a:avLst/>
              <a:gdLst/>
              <a:ahLst/>
              <a:cxnLst/>
              <a:rect l="l" t="t" r="r" b="b"/>
              <a:pathLst>
                <a:path w="3271388" h="3374959" extrusionOk="0">
                  <a:moveTo>
                    <a:pt x="866062" y="0"/>
                  </a:moveTo>
                  <a:lnTo>
                    <a:pt x="944797" y="26641"/>
                  </a:lnTo>
                  <a:cubicBezTo>
                    <a:pt x="1876403" y="367748"/>
                    <a:pt x="2679967" y="974479"/>
                    <a:pt x="3263768" y="1755113"/>
                  </a:cubicBezTo>
                  <a:lnTo>
                    <a:pt x="3271388" y="1765829"/>
                  </a:lnTo>
                  <a:lnTo>
                    <a:pt x="1037918" y="3374959"/>
                  </a:lnTo>
                  <a:lnTo>
                    <a:pt x="991408" y="3312762"/>
                  </a:lnTo>
                  <a:cubicBezTo>
                    <a:pt x="755113" y="3026439"/>
                    <a:pt x="451425" y="2797794"/>
                    <a:pt x="104629" y="2651111"/>
                  </a:cubicBezTo>
                  <a:lnTo>
                    <a:pt x="0" y="2612817"/>
                  </a:lnTo>
                  <a:lnTo>
                    <a:pt x="866062" y="0"/>
                  </a:lnTo>
                  <a:close/>
                </a:path>
              </a:pathLst>
            </a:custGeom>
            <a:solidFill>
              <a:schemeClr val="accent2">
                <a:lumMod val="40000"/>
                <a:lumOff val="60000"/>
              </a:schemeClr>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3600" b="0" i="0" u="none" strike="noStrike" cap="none">
                <a:solidFill>
                  <a:srgbClr val="AAAAAA"/>
                </a:solidFill>
                <a:latin typeface="Calibri"/>
                <a:ea typeface="Calibri"/>
                <a:cs typeface="Calibri"/>
                <a:sym typeface="Calibri"/>
              </a:endParaRPr>
            </a:p>
          </p:txBody>
        </p:sp>
        <p:sp>
          <p:nvSpPr>
            <p:cNvPr id="278" name="Google Shape;211;p31">
              <a:extLst>
                <a:ext uri="{FF2B5EF4-FFF2-40B4-BE49-F238E27FC236}">
                  <a16:creationId xmlns:a16="http://schemas.microsoft.com/office/drawing/2014/main" id="{21DB5CFF-608B-5302-257A-ACB3338BB2E0}"/>
                </a:ext>
              </a:extLst>
            </p:cNvPr>
            <p:cNvSpPr/>
            <p:nvPr/>
          </p:nvSpPr>
          <p:spPr>
            <a:xfrm>
              <a:off x="610478" y="3666981"/>
              <a:ext cx="514389" cy="469160"/>
            </a:xfrm>
            <a:custGeom>
              <a:avLst/>
              <a:gdLst/>
              <a:ahLst/>
              <a:cxnLst/>
              <a:rect l="l" t="t" r="r" b="b"/>
              <a:pathLst>
                <a:path w="3161453" h="2883477" extrusionOk="0">
                  <a:moveTo>
                    <a:pt x="951022" y="0"/>
                  </a:moveTo>
                  <a:lnTo>
                    <a:pt x="3161453" y="1636734"/>
                  </a:lnTo>
                  <a:lnTo>
                    <a:pt x="3143998" y="1660075"/>
                  </a:lnTo>
                  <a:cubicBezTo>
                    <a:pt x="2935631" y="1968499"/>
                    <a:pt x="2799513" y="2329744"/>
                    <a:pt x="2759929" y="2719528"/>
                  </a:cubicBezTo>
                  <a:lnTo>
                    <a:pt x="2751650" y="2883477"/>
                  </a:lnTo>
                  <a:lnTo>
                    <a:pt x="0" y="2883477"/>
                  </a:lnTo>
                  <a:lnTo>
                    <a:pt x="4745" y="2695790"/>
                  </a:lnTo>
                  <a:cubicBezTo>
                    <a:pt x="52918" y="1745467"/>
                    <a:pt x="362824" y="864198"/>
                    <a:pt x="863816" y="122632"/>
                  </a:cubicBezTo>
                  <a:lnTo>
                    <a:pt x="951022" y="0"/>
                  </a:lnTo>
                  <a:close/>
                </a:path>
              </a:pathLst>
            </a:custGeom>
            <a:grp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3600" b="0" i="0" u="none" strike="noStrike" cap="none">
                <a:solidFill>
                  <a:srgbClr val="AAAAAA"/>
                </a:solidFill>
                <a:latin typeface="Calibri"/>
                <a:ea typeface="Calibri"/>
                <a:cs typeface="Calibri"/>
                <a:sym typeface="Calibri"/>
              </a:endParaRPr>
            </a:p>
          </p:txBody>
        </p:sp>
        <p:sp>
          <p:nvSpPr>
            <p:cNvPr id="279" name="Google Shape;212;p31">
              <a:extLst>
                <a:ext uri="{FF2B5EF4-FFF2-40B4-BE49-F238E27FC236}">
                  <a16:creationId xmlns:a16="http://schemas.microsoft.com/office/drawing/2014/main" id="{9434C718-01CD-E1AF-8CC1-1045A6E6A548}"/>
                </a:ext>
              </a:extLst>
            </p:cNvPr>
            <p:cNvSpPr/>
            <p:nvPr/>
          </p:nvSpPr>
          <p:spPr>
            <a:xfrm>
              <a:off x="1755741" y="3675804"/>
              <a:ext cx="511458" cy="460398"/>
            </a:xfrm>
            <a:custGeom>
              <a:avLst/>
              <a:gdLst/>
              <a:ahLst/>
              <a:cxnLst/>
              <a:rect l="l" t="t" r="r" b="b"/>
              <a:pathLst>
                <a:path w="3143439" h="2829624" extrusionOk="0">
                  <a:moveTo>
                    <a:pt x="2230713" y="0"/>
                  </a:moveTo>
                  <a:lnTo>
                    <a:pt x="2279623" y="68779"/>
                  </a:lnTo>
                  <a:cubicBezTo>
                    <a:pt x="2780615" y="810345"/>
                    <a:pt x="3090521" y="1691614"/>
                    <a:pt x="3138693" y="2641937"/>
                  </a:cubicBezTo>
                  <a:lnTo>
                    <a:pt x="3143439" y="2829624"/>
                  </a:lnTo>
                  <a:lnTo>
                    <a:pt x="391788" y="2829624"/>
                  </a:lnTo>
                  <a:lnTo>
                    <a:pt x="383509" y="2665675"/>
                  </a:lnTo>
                  <a:cubicBezTo>
                    <a:pt x="351842" y="2353848"/>
                    <a:pt x="258393" y="2060286"/>
                    <a:pt x="115596" y="1797420"/>
                  </a:cubicBezTo>
                  <a:lnTo>
                    <a:pt x="0" y="1607144"/>
                  </a:lnTo>
                  <a:lnTo>
                    <a:pt x="2230713" y="0"/>
                  </a:lnTo>
                  <a:close/>
                </a:path>
              </a:pathLst>
            </a:custGeom>
            <a:solidFill>
              <a:schemeClr val="accent2">
                <a:lumMod val="20000"/>
                <a:lumOff val="80000"/>
              </a:schemeClr>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3600" b="0" i="0" u="none" strike="noStrike" cap="none">
                <a:solidFill>
                  <a:srgbClr val="AAAAAA"/>
                </a:solidFill>
                <a:latin typeface="Calibri"/>
                <a:ea typeface="Calibri"/>
                <a:cs typeface="Calibri"/>
                <a:sym typeface="Calibri"/>
              </a:endParaRPr>
            </a:p>
          </p:txBody>
        </p:sp>
      </p:grpSp>
      <p:cxnSp>
        <p:nvCxnSpPr>
          <p:cNvPr id="280" name="Google Shape;220;p31">
            <a:extLst>
              <a:ext uri="{FF2B5EF4-FFF2-40B4-BE49-F238E27FC236}">
                <a16:creationId xmlns:a16="http://schemas.microsoft.com/office/drawing/2014/main" id="{DDBB6AD7-D2DC-5FFC-3915-2566ABD57EEC}"/>
              </a:ext>
            </a:extLst>
          </p:cNvPr>
          <p:cNvCxnSpPr>
            <a:cxnSpLocks/>
          </p:cNvCxnSpPr>
          <p:nvPr/>
        </p:nvCxnSpPr>
        <p:spPr>
          <a:xfrm flipH="1" flipV="1">
            <a:off x="6004915" y="1734774"/>
            <a:ext cx="389557" cy="415846"/>
          </a:xfrm>
          <a:prstGeom prst="straightConnector1">
            <a:avLst/>
          </a:prstGeom>
          <a:noFill/>
          <a:ln w="28575" cap="flat" cmpd="sng">
            <a:solidFill>
              <a:schemeClr val="accent2"/>
            </a:solidFill>
            <a:prstDash val="solid"/>
            <a:round/>
            <a:headEnd type="oval" w="med" len="med"/>
            <a:tailEnd type="none" w="med" len="med"/>
          </a:ln>
        </p:spPr>
      </p:cxnSp>
      <p:cxnSp>
        <p:nvCxnSpPr>
          <p:cNvPr id="281" name="Google Shape;220;p31">
            <a:extLst>
              <a:ext uri="{FF2B5EF4-FFF2-40B4-BE49-F238E27FC236}">
                <a16:creationId xmlns:a16="http://schemas.microsoft.com/office/drawing/2014/main" id="{08CB497A-14B1-2FD5-AD62-4BB55DB97BE3}"/>
              </a:ext>
            </a:extLst>
          </p:cNvPr>
          <p:cNvCxnSpPr>
            <a:cxnSpLocks/>
          </p:cNvCxnSpPr>
          <p:nvPr/>
        </p:nvCxnSpPr>
        <p:spPr>
          <a:xfrm flipH="1" flipV="1">
            <a:off x="5860170" y="1926575"/>
            <a:ext cx="541258" cy="223925"/>
          </a:xfrm>
          <a:prstGeom prst="straightConnector1">
            <a:avLst/>
          </a:prstGeom>
          <a:noFill/>
          <a:ln w="28575" cap="flat" cmpd="sng">
            <a:solidFill>
              <a:srgbClr val="FF0000"/>
            </a:solidFill>
            <a:prstDash val="solid"/>
            <a:round/>
            <a:headEnd type="oval" w="med" len="med"/>
            <a:tailEnd type="none" w="med" len="med"/>
          </a:ln>
        </p:spPr>
      </p:cxnSp>
      <p:sp>
        <p:nvSpPr>
          <p:cNvPr id="282" name="Google Shape;206;p31">
            <a:extLst>
              <a:ext uri="{FF2B5EF4-FFF2-40B4-BE49-F238E27FC236}">
                <a16:creationId xmlns:a16="http://schemas.microsoft.com/office/drawing/2014/main" id="{022EAB5F-2469-80A1-9DB3-F166537F6E53}"/>
              </a:ext>
            </a:extLst>
          </p:cNvPr>
          <p:cNvSpPr txBox="1"/>
          <p:nvPr/>
        </p:nvSpPr>
        <p:spPr>
          <a:xfrm>
            <a:off x="7768838" y="2268235"/>
            <a:ext cx="1637141" cy="374100"/>
          </a:xfrm>
          <a:prstGeom prst="rect">
            <a:avLst/>
          </a:prstGeom>
          <a:noFill/>
          <a:ln>
            <a:noFill/>
          </a:ln>
        </p:spPr>
        <p:txBody>
          <a:bodyPr spcFirstLastPara="1" wrap="square" lIns="91425" tIns="91425" rIns="91425" bIns="91425" anchor="ctr" anchorCtr="0">
            <a:noAutofit/>
          </a:bodyPr>
          <a:lstStyle/>
          <a:p>
            <a:pPr marL="0" lvl="0" indent="0" algn="ctr" rtl="0">
              <a:spcBef>
                <a:spcPts val="0"/>
              </a:spcBef>
              <a:spcAft>
                <a:spcPts val="0"/>
              </a:spcAft>
              <a:buClr>
                <a:schemeClr val="dk1"/>
              </a:buClr>
              <a:buSzPts val="1100"/>
              <a:buFont typeface="Arial"/>
              <a:buNone/>
            </a:pPr>
            <a:r>
              <a:rPr lang="en-US" sz="1400" b="1">
                <a:solidFill>
                  <a:schemeClr val="dk1"/>
                </a:solidFill>
                <a:ea typeface="Roboto"/>
                <a:cs typeface="Roboto"/>
                <a:sym typeface="Roboto"/>
              </a:rPr>
              <a:t>n. Audit </a:t>
            </a:r>
            <a:r>
              <a:rPr lang="en-US" sz="1400" b="1" err="1">
                <a:solidFill>
                  <a:schemeClr val="dk1"/>
                </a:solidFill>
                <a:ea typeface="Roboto"/>
                <a:cs typeface="Roboto"/>
                <a:sym typeface="Roboto"/>
              </a:rPr>
              <a:t>svolti</a:t>
            </a:r>
            <a:endParaRPr lang="en-US" sz="1400" b="1">
              <a:solidFill>
                <a:srgbClr val="000000"/>
              </a:solidFill>
              <a:ea typeface="Roboto"/>
              <a:cs typeface="Roboto"/>
              <a:sym typeface="Roboto"/>
            </a:endParaRPr>
          </a:p>
        </p:txBody>
      </p:sp>
      <p:grpSp>
        <p:nvGrpSpPr>
          <p:cNvPr id="283" name="Google Shape;207;p31">
            <a:extLst>
              <a:ext uri="{FF2B5EF4-FFF2-40B4-BE49-F238E27FC236}">
                <a16:creationId xmlns:a16="http://schemas.microsoft.com/office/drawing/2014/main" id="{DD320CCA-32CE-F460-367C-1D2FB0AAF5D9}"/>
              </a:ext>
            </a:extLst>
          </p:cNvPr>
          <p:cNvGrpSpPr/>
          <p:nvPr/>
        </p:nvGrpSpPr>
        <p:grpSpPr>
          <a:xfrm>
            <a:off x="7699319" y="1379918"/>
            <a:ext cx="1656720" cy="815254"/>
            <a:chOff x="610478" y="3320948"/>
            <a:chExt cx="1656720" cy="815254"/>
          </a:xfrm>
          <a:solidFill>
            <a:schemeClr val="accent1">
              <a:lumMod val="50000"/>
            </a:schemeClr>
          </a:solidFill>
        </p:grpSpPr>
        <p:sp>
          <p:nvSpPr>
            <p:cNvPr id="284" name="Google Shape;208;p31">
              <a:extLst>
                <a:ext uri="{FF2B5EF4-FFF2-40B4-BE49-F238E27FC236}">
                  <a16:creationId xmlns:a16="http://schemas.microsoft.com/office/drawing/2014/main" id="{F542D85E-E954-00CA-8AC2-155A62F9F7F6}"/>
                </a:ext>
              </a:extLst>
            </p:cNvPr>
            <p:cNvSpPr/>
            <p:nvPr/>
          </p:nvSpPr>
          <p:spPr>
            <a:xfrm>
              <a:off x="1195066" y="3320948"/>
              <a:ext cx="492062" cy="463120"/>
            </a:xfrm>
            <a:custGeom>
              <a:avLst/>
              <a:gdLst/>
              <a:ahLst/>
              <a:cxnLst/>
              <a:rect l="l" t="t" r="r" b="b"/>
              <a:pathLst>
                <a:path w="3024229" h="2846350" extrusionOk="0">
                  <a:moveTo>
                    <a:pt x="1498741" y="0"/>
                  </a:moveTo>
                  <a:cubicBezTo>
                    <a:pt x="2023629" y="0"/>
                    <a:pt x="2529883" y="79782"/>
                    <a:pt x="3006037" y="227882"/>
                  </a:cubicBezTo>
                  <a:lnTo>
                    <a:pt x="3024229" y="234038"/>
                  </a:lnTo>
                  <a:lnTo>
                    <a:pt x="2158334" y="2846350"/>
                  </a:lnTo>
                  <a:lnTo>
                    <a:pt x="1966093" y="2796919"/>
                  </a:lnTo>
                  <a:cubicBezTo>
                    <a:pt x="1815134" y="2766029"/>
                    <a:pt x="1658832" y="2749806"/>
                    <a:pt x="1498741" y="2749806"/>
                  </a:cubicBezTo>
                  <a:cubicBezTo>
                    <a:pt x="1338650" y="2749806"/>
                    <a:pt x="1182348" y="2766029"/>
                    <a:pt x="1031389" y="2796919"/>
                  </a:cubicBezTo>
                  <a:lnTo>
                    <a:pt x="851609" y="2843146"/>
                  </a:lnTo>
                  <a:lnTo>
                    <a:pt x="0" y="225453"/>
                  </a:lnTo>
                  <a:lnTo>
                    <a:pt x="231977" y="159578"/>
                  </a:lnTo>
                  <a:cubicBezTo>
                    <a:pt x="636868" y="55405"/>
                    <a:pt x="1061334" y="0"/>
                    <a:pt x="1498741" y="0"/>
                  </a:cubicBezTo>
                  <a:close/>
                </a:path>
              </a:pathLst>
            </a:custGeom>
            <a:solidFill>
              <a:schemeClr val="accent1">
                <a:lumMod val="60000"/>
                <a:lumOff val="40000"/>
              </a:schemeClr>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3600" b="0" i="0" u="none" strike="noStrike" cap="none">
                <a:solidFill>
                  <a:srgbClr val="AAAAAA"/>
                </a:solidFill>
                <a:latin typeface="Calibri"/>
                <a:ea typeface="Calibri"/>
                <a:cs typeface="Calibri"/>
                <a:sym typeface="Calibri"/>
              </a:endParaRPr>
            </a:p>
          </p:txBody>
        </p:sp>
        <p:sp>
          <p:nvSpPr>
            <p:cNvPr id="285" name="Google Shape;209;p31">
              <a:extLst>
                <a:ext uri="{FF2B5EF4-FFF2-40B4-BE49-F238E27FC236}">
                  <a16:creationId xmlns:a16="http://schemas.microsoft.com/office/drawing/2014/main" id="{4BFB9ADE-618F-EE5A-12CD-0E10DD941810}"/>
                </a:ext>
              </a:extLst>
            </p:cNvPr>
            <p:cNvSpPr/>
            <p:nvPr/>
          </p:nvSpPr>
          <p:spPr>
            <a:xfrm>
              <a:off x="780515" y="3365498"/>
              <a:ext cx="527673" cy="546657"/>
            </a:xfrm>
            <a:custGeom>
              <a:avLst/>
              <a:gdLst/>
              <a:ahLst/>
              <a:cxnLst/>
              <a:rect l="l" t="t" r="r" b="b"/>
              <a:pathLst>
                <a:path w="3243097" h="3359774" extrusionOk="0">
                  <a:moveTo>
                    <a:pt x="2391581" y="0"/>
                  </a:moveTo>
                  <a:lnTo>
                    <a:pt x="3243097" y="2617405"/>
                  </a:lnTo>
                  <a:lnTo>
                    <a:pt x="3126410" y="2660112"/>
                  </a:lnTo>
                  <a:cubicBezTo>
                    <a:pt x="2779614" y="2806795"/>
                    <a:pt x="2475926" y="3035440"/>
                    <a:pt x="2239631" y="3321763"/>
                  </a:cubicBezTo>
                  <a:lnTo>
                    <a:pt x="2211207" y="3359774"/>
                  </a:lnTo>
                  <a:lnTo>
                    <a:pt x="0" y="1722466"/>
                  </a:lnTo>
                  <a:lnTo>
                    <a:pt x="117747" y="1572631"/>
                  </a:lnTo>
                  <a:cubicBezTo>
                    <a:pt x="685889" y="884203"/>
                    <a:pt x="1432270" y="348323"/>
                    <a:pt x="2286242" y="35642"/>
                  </a:cubicBezTo>
                  <a:lnTo>
                    <a:pt x="2391581" y="0"/>
                  </a:lnTo>
                  <a:close/>
                </a:path>
              </a:pathLst>
            </a:custGeom>
            <a:solidFill>
              <a:schemeClr val="accent1">
                <a:lumMod val="75000"/>
              </a:schemeClr>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3600" b="0" i="0" u="none" strike="noStrike" cap="none">
                <a:solidFill>
                  <a:srgbClr val="AAAAAA"/>
                </a:solidFill>
                <a:latin typeface="Calibri"/>
                <a:ea typeface="Calibri"/>
                <a:cs typeface="Calibri"/>
                <a:sym typeface="Calibri"/>
              </a:endParaRPr>
            </a:p>
          </p:txBody>
        </p:sp>
        <p:sp>
          <p:nvSpPr>
            <p:cNvPr id="286" name="Google Shape;210;p31">
              <a:extLst>
                <a:ext uri="{FF2B5EF4-FFF2-40B4-BE49-F238E27FC236}">
                  <a16:creationId xmlns:a16="http://schemas.microsoft.com/office/drawing/2014/main" id="{40EDC4AD-347D-1E9F-2A91-19CD47CAE20D}"/>
                </a:ext>
              </a:extLst>
            </p:cNvPr>
            <p:cNvSpPr/>
            <p:nvPr/>
          </p:nvSpPr>
          <p:spPr>
            <a:xfrm>
              <a:off x="1571352" y="3366973"/>
              <a:ext cx="532276" cy="549128"/>
            </a:xfrm>
            <a:custGeom>
              <a:avLst/>
              <a:gdLst/>
              <a:ahLst/>
              <a:cxnLst/>
              <a:rect l="l" t="t" r="r" b="b"/>
              <a:pathLst>
                <a:path w="3271388" h="3374959" extrusionOk="0">
                  <a:moveTo>
                    <a:pt x="866062" y="0"/>
                  </a:moveTo>
                  <a:lnTo>
                    <a:pt x="944797" y="26641"/>
                  </a:lnTo>
                  <a:cubicBezTo>
                    <a:pt x="1876403" y="367748"/>
                    <a:pt x="2679967" y="974479"/>
                    <a:pt x="3263768" y="1755113"/>
                  </a:cubicBezTo>
                  <a:lnTo>
                    <a:pt x="3271388" y="1765829"/>
                  </a:lnTo>
                  <a:lnTo>
                    <a:pt x="1037918" y="3374959"/>
                  </a:lnTo>
                  <a:lnTo>
                    <a:pt x="991408" y="3312762"/>
                  </a:lnTo>
                  <a:cubicBezTo>
                    <a:pt x="755113" y="3026439"/>
                    <a:pt x="451425" y="2797794"/>
                    <a:pt x="104629" y="2651111"/>
                  </a:cubicBezTo>
                  <a:lnTo>
                    <a:pt x="0" y="2612817"/>
                  </a:lnTo>
                  <a:lnTo>
                    <a:pt x="866062" y="0"/>
                  </a:lnTo>
                  <a:close/>
                </a:path>
              </a:pathLst>
            </a:custGeom>
            <a:solidFill>
              <a:schemeClr val="accent1">
                <a:lumMod val="40000"/>
                <a:lumOff val="60000"/>
              </a:schemeClr>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3600" b="0" i="0" u="none" strike="noStrike" cap="none">
                <a:solidFill>
                  <a:srgbClr val="AAAAAA"/>
                </a:solidFill>
                <a:latin typeface="Calibri"/>
                <a:ea typeface="Calibri"/>
                <a:cs typeface="Calibri"/>
                <a:sym typeface="Calibri"/>
              </a:endParaRPr>
            </a:p>
          </p:txBody>
        </p:sp>
        <p:sp>
          <p:nvSpPr>
            <p:cNvPr id="287" name="Google Shape;211;p31">
              <a:extLst>
                <a:ext uri="{FF2B5EF4-FFF2-40B4-BE49-F238E27FC236}">
                  <a16:creationId xmlns:a16="http://schemas.microsoft.com/office/drawing/2014/main" id="{0FE42D0A-8620-430C-5B17-16730B6563E2}"/>
                </a:ext>
              </a:extLst>
            </p:cNvPr>
            <p:cNvSpPr/>
            <p:nvPr/>
          </p:nvSpPr>
          <p:spPr>
            <a:xfrm>
              <a:off x="610478" y="3666981"/>
              <a:ext cx="514389" cy="469160"/>
            </a:xfrm>
            <a:custGeom>
              <a:avLst/>
              <a:gdLst/>
              <a:ahLst/>
              <a:cxnLst/>
              <a:rect l="l" t="t" r="r" b="b"/>
              <a:pathLst>
                <a:path w="3161453" h="2883477" extrusionOk="0">
                  <a:moveTo>
                    <a:pt x="951022" y="0"/>
                  </a:moveTo>
                  <a:lnTo>
                    <a:pt x="3161453" y="1636734"/>
                  </a:lnTo>
                  <a:lnTo>
                    <a:pt x="3143998" y="1660075"/>
                  </a:lnTo>
                  <a:cubicBezTo>
                    <a:pt x="2935631" y="1968499"/>
                    <a:pt x="2799513" y="2329744"/>
                    <a:pt x="2759929" y="2719528"/>
                  </a:cubicBezTo>
                  <a:lnTo>
                    <a:pt x="2751650" y="2883477"/>
                  </a:lnTo>
                  <a:lnTo>
                    <a:pt x="0" y="2883477"/>
                  </a:lnTo>
                  <a:lnTo>
                    <a:pt x="4745" y="2695790"/>
                  </a:lnTo>
                  <a:cubicBezTo>
                    <a:pt x="52918" y="1745467"/>
                    <a:pt x="362824" y="864198"/>
                    <a:pt x="863816" y="122632"/>
                  </a:cubicBezTo>
                  <a:lnTo>
                    <a:pt x="951022" y="0"/>
                  </a:lnTo>
                  <a:close/>
                </a:path>
              </a:pathLst>
            </a:custGeom>
            <a:grp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3600" b="0" i="0" u="none" strike="noStrike" cap="none">
                <a:solidFill>
                  <a:srgbClr val="AAAAAA"/>
                </a:solidFill>
                <a:latin typeface="Calibri"/>
                <a:ea typeface="Calibri"/>
                <a:cs typeface="Calibri"/>
                <a:sym typeface="Calibri"/>
              </a:endParaRPr>
            </a:p>
          </p:txBody>
        </p:sp>
        <p:sp>
          <p:nvSpPr>
            <p:cNvPr id="288" name="Google Shape;212;p31">
              <a:extLst>
                <a:ext uri="{FF2B5EF4-FFF2-40B4-BE49-F238E27FC236}">
                  <a16:creationId xmlns:a16="http://schemas.microsoft.com/office/drawing/2014/main" id="{620CFA37-7AE8-7EB3-D63D-F3D947E394DD}"/>
                </a:ext>
              </a:extLst>
            </p:cNvPr>
            <p:cNvSpPr/>
            <p:nvPr/>
          </p:nvSpPr>
          <p:spPr>
            <a:xfrm>
              <a:off x="1755741" y="3675804"/>
              <a:ext cx="511458" cy="460398"/>
            </a:xfrm>
            <a:custGeom>
              <a:avLst/>
              <a:gdLst/>
              <a:ahLst/>
              <a:cxnLst/>
              <a:rect l="l" t="t" r="r" b="b"/>
              <a:pathLst>
                <a:path w="3143439" h="2829624" extrusionOk="0">
                  <a:moveTo>
                    <a:pt x="2230713" y="0"/>
                  </a:moveTo>
                  <a:lnTo>
                    <a:pt x="2279623" y="68779"/>
                  </a:lnTo>
                  <a:cubicBezTo>
                    <a:pt x="2780615" y="810345"/>
                    <a:pt x="3090521" y="1691614"/>
                    <a:pt x="3138693" y="2641937"/>
                  </a:cubicBezTo>
                  <a:lnTo>
                    <a:pt x="3143439" y="2829624"/>
                  </a:lnTo>
                  <a:lnTo>
                    <a:pt x="391788" y="2829624"/>
                  </a:lnTo>
                  <a:lnTo>
                    <a:pt x="383509" y="2665675"/>
                  </a:lnTo>
                  <a:cubicBezTo>
                    <a:pt x="351842" y="2353848"/>
                    <a:pt x="258393" y="2060286"/>
                    <a:pt x="115596" y="1797420"/>
                  </a:cubicBezTo>
                  <a:lnTo>
                    <a:pt x="0" y="1607144"/>
                  </a:lnTo>
                  <a:lnTo>
                    <a:pt x="2230713" y="0"/>
                  </a:lnTo>
                  <a:close/>
                </a:path>
              </a:pathLst>
            </a:custGeom>
            <a:solidFill>
              <a:schemeClr val="accent1">
                <a:lumMod val="20000"/>
                <a:lumOff val="80000"/>
              </a:schemeClr>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3600" b="0" i="0" u="none" strike="noStrike" cap="none">
                <a:solidFill>
                  <a:srgbClr val="AAAAAA"/>
                </a:solidFill>
                <a:latin typeface="Calibri"/>
                <a:ea typeface="Calibri"/>
                <a:cs typeface="Calibri"/>
                <a:sym typeface="Calibri"/>
              </a:endParaRPr>
            </a:p>
          </p:txBody>
        </p:sp>
      </p:grpSp>
      <p:cxnSp>
        <p:nvCxnSpPr>
          <p:cNvPr id="289" name="Google Shape;220;p31">
            <a:extLst>
              <a:ext uri="{FF2B5EF4-FFF2-40B4-BE49-F238E27FC236}">
                <a16:creationId xmlns:a16="http://schemas.microsoft.com/office/drawing/2014/main" id="{59C22493-C284-2F07-C2D6-DA77189F285A}"/>
              </a:ext>
            </a:extLst>
          </p:cNvPr>
          <p:cNvCxnSpPr>
            <a:cxnSpLocks/>
          </p:cNvCxnSpPr>
          <p:nvPr/>
        </p:nvCxnSpPr>
        <p:spPr>
          <a:xfrm flipV="1">
            <a:off x="8584780" y="1843038"/>
            <a:ext cx="405797" cy="352132"/>
          </a:xfrm>
          <a:prstGeom prst="straightConnector1">
            <a:avLst/>
          </a:prstGeom>
          <a:noFill/>
          <a:ln w="28575" cap="flat" cmpd="sng">
            <a:solidFill>
              <a:schemeClr val="accent2"/>
            </a:solidFill>
            <a:prstDash val="solid"/>
            <a:round/>
            <a:headEnd type="oval" w="med" len="med"/>
            <a:tailEnd type="none" w="med" len="med"/>
          </a:ln>
        </p:spPr>
      </p:cxnSp>
      <p:cxnSp>
        <p:nvCxnSpPr>
          <p:cNvPr id="290" name="Google Shape;220;p31">
            <a:extLst>
              <a:ext uri="{FF2B5EF4-FFF2-40B4-BE49-F238E27FC236}">
                <a16:creationId xmlns:a16="http://schemas.microsoft.com/office/drawing/2014/main" id="{7D09BFCE-BD2E-551C-23C9-482A8699D3F9}"/>
              </a:ext>
            </a:extLst>
          </p:cNvPr>
          <p:cNvCxnSpPr>
            <a:cxnSpLocks/>
          </p:cNvCxnSpPr>
          <p:nvPr/>
        </p:nvCxnSpPr>
        <p:spPr>
          <a:xfrm flipV="1">
            <a:off x="8575526" y="1734774"/>
            <a:ext cx="200443" cy="455416"/>
          </a:xfrm>
          <a:prstGeom prst="straightConnector1">
            <a:avLst/>
          </a:prstGeom>
          <a:noFill/>
          <a:ln w="28575" cap="flat" cmpd="sng">
            <a:solidFill>
              <a:srgbClr val="FF0000"/>
            </a:solidFill>
            <a:prstDash val="solid"/>
            <a:round/>
            <a:headEnd type="oval" w="med" len="med"/>
            <a:tailEnd type="none" w="med" len="med"/>
          </a:ln>
        </p:spPr>
      </p:cxnSp>
      <p:cxnSp>
        <p:nvCxnSpPr>
          <p:cNvPr id="291" name="Google Shape;220;p31">
            <a:extLst>
              <a:ext uri="{FF2B5EF4-FFF2-40B4-BE49-F238E27FC236}">
                <a16:creationId xmlns:a16="http://schemas.microsoft.com/office/drawing/2014/main" id="{D7FE48EA-8164-6D71-8301-C8F28EE8ED96}"/>
              </a:ext>
            </a:extLst>
          </p:cNvPr>
          <p:cNvCxnSpPr>
            <a:cxnSpLocks/>
          </p:cNvCxnSpPr>
          <p:nvPr/>
        </p:nvCxnSpPr>
        <p:spPr>
          <a:xfrm flipV="1">
            <a:off x="8582509" y="1797574"/>
            <a:ext cx="368976" cy="401311"/>
          </a:xfrm>
          <a:prstGeom prst="straightConnector1">
            <a:avLst/>
          </a:prstGeom>
          <a:noFill/>
          <a:ln w="28575" cap="flat" cmpd="sng">
            <a:solidFill>
              <a:srgbClr val="00B050"/>
            </a:solidFill>
            <a:prstDash val="solid"/>
            <a:round/>
            <a:headEnd type="oval" w="med" len="med"/>
            <a:tailEnd type="none" w="med" len="med"/>
          </a:ln>
        </p:spPr>
      </p:cxnSp>
      <p:cxnSp>
        <p:nvCxnSpPr>
          <p:cNvPr id="292" name="Google Shape;220;p31">
            <a:extLst>
              <a:ext uri="{FF2B5EF4-FFF2-40B4-BE49-F238E27FC236}">
                <a16:creationId xmlns:a16="http://schemas.microsoft.com/office/drawing/2014/main" id="{5DB277DA-1118-DD8C-9220-4EAA08CA3B80}"/>
              </a:ext>
            </a:extLst>
          </p:cNvPr>
          <p:cNvCxnSpPr>
            <a:cxnSpLocks/>
          </p:cNvCxnSpPr>
          <p:nvPr/>
        </p:nvCxnSpPr>
        <p:spPr>
          <a:xfrm flipH="1" flipV="1">
            <a:off x="6228538" y="1583366"/>
            <a:ext cx="167848" cy="562273"/>
          </a:xfrm>
          <a:prstGeom prst="straightConnector1">
            <a:avLst/>
          </a:prstGeom>
          <a:noFill/>
          <a:ln w="28575" cap="flat" cmpd="sng">
            <a:solidFill>
              <a:srgbClr val="00B050"/>
            </a:solidFill>
            <a:prstDash val="solid"/>
            <a:round/>
            <a:headEnd type="oval" w="med" len="med"/>
            <a:tailEnd type="none" w="med" len="med"/>
          </a:ln>
        </p:spPr>
      </p:cxnSp>
      <p:grpSp>
        <p:nvGrpSpPr>
          <p:cNvPr id="18" name="Group 17">
            <a:extLst>
              <a:ext uri="{FF2B5EF4-FFF2-40B4-BE49-F238E27FC236}">
                <a16:creationId xmlns:a16="http://schemas.microsoft.com/office/drawing/2014/main" id="{6270F101-41F8-22E5-7C5F-1420383FEC0C}"/>
              </a:ext>
            </a:extLst>
          </p:cNvPr>
          <p:cNvGrpSpPr/>
          <p:nvPr/>
        </p:nvGrpSpPr>
        <p:grpSpPr>
          <a:xfrm>
            <a:off x="3631053" y="3989948"/>
            <a:ext cx="835367" cy="1713122"/>
            <a:chOff x="3251838" y="4022781"/>
            <a:chExt cx="997455" cy="2053855"/>
          </a:xfrm>
        </p:grpSpPr>
        <p:sp>
          <p:nvSpPr>
            <p:cNvPr id="21" name="Google Shape;924;p33">
              <a:extLst>
                <a:ext uri="{FF2B5EF4-FFF2-40B4-BE49-F238E27FC236}">
                  <a16:creationId xmlns:a16="http://schemas.microsoft.com/office/drawing/2014/main" id="{FBA65309-33F5-FA85-C3A2-D750A38CCD65}"/>
                </a:ext>
              </a:extLst>
            </p:cNvPr>
            <p:cNvSpPr/>
            <p:nvPr/>
          </p:nvSpPr>
          <p:spPr>
            <a:xfrm>
              <a:off x="3603976" y="4081411"/>
              <a:ext cx="305873" cy="1995150"/>
            </a:xfrm>
            <a:prstGeom prst="round2SameRect">
              <a:avLst>
                <a:gd name="adj1" fmla="val 50000"/>
                <a:gd name="adj2" fmla="val 0"/>
              </a:avLst>
            </a:prstGeom>
            <a:solidFill>
              <a:srgbClr val="FFC000"/>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1400">
                <a:latin typeface="Fira Sans Extra Condensed Medium"/>
                <a:ea typeface="Fira Sans Extra Condensed Medium"/>
                <a:cs typeface="Fira Sans Extra Condensed Medium"/>
                <a:sym typeface="Fira Sans Extra Condensed Medium"/>
              </a:endParaRPr>
            </a:p>
          </p:txBody>
        </p:sp>
        <p:sp>
          <p:nvSpPr>
            <p:cNvPr id="22" name="Google Shape;925;p33">
              <a:extLst>
                <a:ext uri="{FF2B5EF4-FFF2-40B4-BE49-F238E27FC236}">
                  <a16:creationId xmlns:a16="http://schemas.microsoft.com/office/drawing/2014/main" id="{C3F08930-AB7B-9B30-5D9C-6BE1A2E83EB5}"/>
                </a:ext>
              </a:extLst>
            </p:cNvPr>
            <p:cNvSpPr/>
            <p:nvPr/>
          </p:nvSpPr>
          <p:spPr>
            <a:xfrm>
              <a:off x="3946854" y="4022781"/>
              <a:ext cx="302439" cy="2053855"/>
            </a:xfrm>
            <a:prstGeom prst="round2SameRect">
              <a:avLst>
                <a:gd name="adj1" fmla="val 50000"/>
                <a:gd name="adj2" fmla="val 0"/>
              </a:avLst>
            </a:prstGeom>
            <a:solidFill>
              <a:srgbClr val="00B050"/>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1400">
                <a:latin typeface="Fira Sans Extra Condensed Medium"/>
                <a:ea typeface="Fira Sans Extra Condensed Medium"/>
                <a:cs typeface="Fira Sans Extra Condensed Medium"/>
                <a:sym typeface="Fira Sans Extra Condensed Medium"/>
              </a:endParaRPr>
            </a:p>
          </p:txBody>
        </p:sp>
        <p:sp>
          <p:nvSpPr>
            <p:cNvPr id="23" name="Google Shape;926;p33">
              <a:extLst>
                <a:ext uri="{FF2B5EF4-FFF2-40B4-BE49-F238E27FC236}">
                  <a16:creationId xmlns:a16="http://schemas.microsoft.com/office/drawing/2014/main" id="{DE0A2CA3-063E-9A46-1300-F4116572DB4E}"/>
                </a:ext>
              </a:extLst>
            </p:cNvPr>
            <p:cNvSpPr/>
            <p:nvPr/>
          </p:nvSpPr>
          <p:spPr>
            <a:xfrm>
              <a:off x="3251838" y="4431692"/>
              <a:ext cx="311699" cy="1644819"/>
            </a:xfrm>
            <a:prstGeom prst="round2SameRect">
              <a:avLst>
                <a:gd name="adj1" fmla="val 50000"/>
                <a:gd name="adj2" fmla="val 0"/>
              </a:avLst>
            </a:prstGeom>
            <a:solidFill>
              <a:srgbClr val="AF78D2"/>
            </a:solidFill>
            <a:ln>
              <a:noFill/>
            </a:ln>
          </p:spPr>
          <p:txBody>
            <a:bodyPr spcFirstLastPara="1" wrap="square" lIns="91425" tIns="91425" rIns="91425" bIns="91425" anchor="ctr" anchorCtr="0">
              <a:noAutofit/>
            </a:bodyPr>
            <a:lstStyle/>
            <a:p>
              <a:pPr marL="0" lvl="0" indent="0" algn="ctr" rtl="0">
                <a:spcBef>
                  <a:spcPts val="0"/>
                </a:spcBef>
                <a:spcAft>
                  <a:spcPts val="0"/>
                </a:spcAft>
                <a:buNone/>
              </a:pPr>
              <a:endParaRPr sz="1400">
                <a:latin typeface="Fira Sans Extra Condensed Medium"/>
                <a:ea typeface="Fira Sans Extra Condensed Medium"/>
                <a:cs typeface="Fira Sans Extra Condensed Medium"/>
                <a:sym typeface="Fira Sans Extra Condensed Medium"/>
              </a:endParaRPr>
            </a:p>
          </p:txBody>
        </p:sp>
        <p:sp>
          <p:nvSpPr>
            <p:cNvPr id="24" name="Google Shape;927;p33">
              <a:extLst>
                <a:ext uri="{FF2B5EF4-FFF2-40B4-BE49-F238E27FC236}">
                  <a16:creationId xmlns:a16="http://schemas.microsoft.com/office/drawing/2014/main" id="{11290F86-585A-7D57-F7D5-CD72BC5991CA}"/>
                </a:ext>
              </a:extLst>
            </p:cNvPr>
            <p:cNvSpPr txBox="1"/>
            <p:nvPr/>
          </p:nvSpPr>
          <p:spPr>
            <a:xfrm rot="-5400000">
              <a:off x="2960650" y="5511307"/>
              <a:ext cx="880878" cy="249300"/>
            </a:xfrm>
            <a:prstGeom prst="rect">
              <a:avLst/>
            </a:prstGeom>
            <a:noFill/>
            <a:ln>
              <a:noFill/>
            </a:ln>
          </p:spPr>
          <p:txBody>
            <a:bodyPr spcFirstLastPara="1" wrap="square" lIns="91425" tIns="91425" rIns="91425" bIns="91425" anchor="ctr" anchorCtr="0">
              <a:noAutofit/>
            </a:bodyPr>
            <a:lstStyle/>
            <a:p>
              <a:pPr marL="0" lvl="0" indent="0" algn="l" rtl="0">
                <a:spcBef>
                  <a:spcPts val="0"/>
                </a:spcBef>
                <a:spcAft>
                  <a:spcPts val="0"/>
                </a:spcAft>
                <a:buNone/>
              </a:pPr>
              <a:r>
                <a:rPr lang="en" sz="1600">
                  <a:solidFill>
                    <a:schemeClr val="lt1"/>
                  </a:solidFill>
                  <a:latin typeface="Fira Sans Extra Condensed Medium"/>
                  <a:ea typeface="Fira Sans Extra Condensed Medium"/>
                  <a:cs typeface="Fira Sans Extra Condensed Medium"/>
                  <a:sym typeface="Fira Sans Extra Condensed Medium"/>
                </a:rPr>
                <a:t>95,6%</a:t>
              </a:r>
              <a:endParaRPr sz="1600">
                <a:solidFill>
                  <a:schemeClr val="lt1"/>
                </a:solidFill>
                <a:latin typeface="Fira Sans Extra Condensed Medium"/>
                <a:ea typeface="Fira Sans Extra Condensed Medium"/>
                <a:cs typeface="Fira Sans Extra Condensed Medium"/>
                <a:sym typeface="Fira Sans Extra Condensed Medium"/>
              </a:endParaRPr>
            </a:p>
          </p:txBody>
        </p:sp>
        <p:sp>
          <p:nvSpPr>
            <p:cNvPr id="25" name="Google Shape;928;p33">
              <a:extLst>
                <a:ext uri="{FF2B5EF4-FFF2-40B4-BE49-F238E27FC236}">
                  <a16:creationId xmlns:a16="http://schemas.microsoft.com/office/drawing/2014/main" id="{278A2E72-8D27-E34B-702C-049D72114000}"/>
                </a:ext>
              </a:extLst>
            </p:cNvPr>
            <p:cNvSpPr txBox="1"/>
            <p:nvPr/>
          </p:nvSpPr>
          <p:spPr>
            <a:xfrm rot="-5400000">
              <a:off x="3311147" y="5511387"/>
              <a:ext cx="881037" cy="249300"/>
            </a:xfrm>
            <a:prstGeom prst="rect">
              <a:avLst/>
            </a:prstGeom>
            <a:noFill/>
            <a:ln>
              <a:noFill/>
            </a:ln>
          </p:spPr>
          <p:txBody>
            <a:bodyPr spcFirstLastPara="1" wrap="square" lIns="91425" tIns="91425" rIns="91425" bIns="91425" anchor="ctr" anchorCtr="0">
              <a:noAutofit/>
            </a:bodyPr>
            <a:lstStyle/>
            <a:p>
              <a:pPr marL="0" lvl="0" indent="0" algn="l" rtl="0">
                <a:spcBef>
                  <a:spcPts val="0"/>
                </a:spcBef>
                <a:spcAft>
                  <a:spcPts val="0"/>
                </a:spcAft>
                <a:buNone/>
              </a:pPr>
              <a:r>
                <a:rPr lang="en" sz="1600">
                  <a:solidFill>
                    <a:schemeClr val="lt1"/>
                  </a:solidFill>
                  <a:latin typeface="Fira Sans Extra Condensed Medium"/>
                  <a:ea typeface="Fira Sans Extra Condensed Medium"/>
                  <a:cs typeface="Fira Sans Extra Condensed Medium"/>
                  <a:sym typeface="Fira Sans Extra Condensed Medium"/>
                </a:rPr>
                <a:t>98,5%</a:t>
              </a:r>
              <a:endParaRPr sz="1600">
                <a:solidFill>
                  <a:schemeClr val="lt1"/>
                </a:solidFill>
                <a:latin typeface="Fira Sans Extra Condensed Medium"/>
                <a:ea typeface="Fira Sans Extra Condensed Medium"/>
                <a:cs typeface="Fira Sans Extra Condensed Medium"/>
                <a:sym typeface="Fira Sans Extra Condensed Medium"/>
              </a:endParaRPr>
            </a:p>
          </p:txBody>
        </p:sp>
        <p:sp>
          <p:nvSpPr>
            <p:cNvPr id="26" name="Google Shape;929;p33">
              <a:extLst>
                <a:ext uri="{FF2B5EF4-FFF2-40B4-BE49-F238E27FC236}">
                  <a16:creationId xmlns:a16="http://schemas.microsoft.com/office/drawing/2014/main" id="{0DAB9066-252B-A5EB-749A-45ECBF0DE74E}"/>
                </a:ext>
              </a:extLst>
            </p:cNvPr>
            <p:cNvSpPr txBox="1"/>
            <p:nvPr/>
          </p:nvSpPr>
          <p:spPr>
            <a:xfrm rot="-5400000">
              <a:off x="3644793" y="5511387"/>
              <a:ext cx="881037" cy="249300"/>
            </a:xfrm>
            <a:prstGeom prst="rect">
              <a:avLst/>
            </a:prstGeom>
            <a:noFill/>
            <a:ln>
              <a:noFill/>
            </a:ln>
          </p:spPr>
          <p:txBody>
            <a:bodyPr spcFirstLastPara="1" wrap="square" lIns="91425" tIns="91425" rIns="91425" bIns="91425" anchor="ctr" anchorCtr="0">
              <a:noAutofit/>
            </a:bodyPr>
            <a:lstStyle/>
            <a:p>
              <a:pPr marL="0" lvl="0" indent="0" algn="l" rtl="0">
                <a:spcBef>
                  <a:spcPts val="0"/>
                </a:spcBef>
                <a:spcAft>
                  <a:spcPts val="0"/>
                </a:spcAft>
                <a:buNone/>
              </a:pPr>
              <a:r>
                <a:rPr lang="en" sz="1600">
                  <a:solidFill>
                    <a:schemeClr val="lt1"/>
                  </a:solidFill>
                  <a:latin typeface="Fira Sans Extra Condensed Medium"/>
                  <a:ea typeface="Fira Sans Extra Condensed Medium"/>
                  <a:cs typeface="Fira Sans Extra Condensed Medium"/>
                  <a:sym typeface="Fira Sans Extra Condensed Medium"/>
                </a:rPr>
                <a:t>99,8%</a:t>
              </a:r>
              <a:endParaRPr sz="1600">
                <a:solidFill>
                  <a:schemeClr val="lt1"/>
                </a:solidFill>
                <a:latin typeface="Fira Sans Extra Condensed Medium"/>
                <a:ea typeface="Fira Sans Extra Condensed Medium"/>
                <a:cs typeface="Fira Sans Extra Condensed Medium"/>
                <a:sym typeface="Fira Sans Extra Condensed Medium"/>
              </a:endParaRPr>
            </a:p>
          </p:txBody>
        </p:sp>
      </p:grpSp>
      <p:sp>
        <p:nvSpPr>
          <p:cNvPr id="28" name="Google Shape;931;p33">
            <a:extLst>
              <a:ext uri="{FF2B5EF4-FFF2-40B4-BE49-F238E27FC236}">
                <a16:creationId xmlns:a16="http://schemas.microsoft.com/office/drawing/2014/main" id="{D7CDA457-2CF1-2091-8ABC-9A66AF9D69C4}"/>
              </a:ext>
            </a:extLst>
          </p:cNvPr>
          <p:cNvSpPr txBox="1"/>
          <p:nvPr/>
        </p:nvSpPr>
        <p:spPr>
          <a:xfrm>
            <a:off x="3074216" y="5794143"/>
            <a:ext cx="1936769" cy="382800"/>
          </a:xfrm>
          <a:prstGeom prst="rect">
            <a:avLst/>
          </a:prstGeom>
          <a:noFill/>
          <a:ln>
            <a:noFill/>
          </a:ln>
        </p:spPr>
        <p:txBody>
          <a:bodyPr spcFirstLastPara="1" wrap="square" lIns="91425" tIns="91425" rIns="91425" bIns="91425" anchor="ctr" anchorCtr="0">
            <a:noAutofit/>
          </a:bodyPr>
          <a:lstStyle/>
          <a:p>
            <a:pPr marL="0" lvl="0" indent="0" algn="ctr" defTabSz="577850">
              <a:lnSpc>
                <a:spcPct val="90000"/>
              </a:lnSpc>
              <a:spcBef>
                <a:spcPct val="0"/>
              </a:spcBef>
              <a:spcAft>
                <a:spcPct val="35000"/>
              </a:spcAft>
              <a:buNone/>
            </a:pPr>
            <a:r>
              <a:rPr lang="it-IT" sz="1400" b="1"/>
              <a:t>% Partecipazione alla formazione erogata</a:t>
            </a:r>
            <a:endParaRPr lang="it-IT" sz="1400" b="1" kern="1200"/>
          </a:p>
        </p:txBody>
      </p:sp>
      <p:sp>
        <p:nvSpPr>
          <p:cNvPr id="29" name="Google Shape;926;p33">
            <a:extLst>
              <a:ext uri="{FF2B5EF4-FFF2-40B4-BE49-F238E27FC236}">
                <a16:creationId xmlns:a16="http://schemas.microsoft.com/office/drawing/2014/main" id="{8C486CB6-E035-6A8E-38D6-B18B8723311E}"/>
              </a:ext>
            </a:extLst>
          </p:cNvPr>
          <p:cNvSpPr/>
          <p:nvPr/>
        </p:nvSpPr>
        <p:spPr>
          <a:xfrm rot="16200000">
            <a:off x="10193515" y="5200082"/>
            <a:ext cx="224450" cy="498602"/>
          </a:xfrm>
          <a:prstGeom prst="round2SameRect">
            <a:avLst>
              <a:gd name="adj1" fmla="val 50000"/>
              <a:gd name="adj2" fmla="val 0"/>
            </a:avLst>
          </a:prstGeom>
          <a:solidFill>
            <a:srgbClr val="AF78D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1700">
              <a:latin typeface="Fira Sans Extra Condensed Medium"/>
              <a:ea typeface="Fira Sans Extra Condensed Medium"/>
              <a:cs typeface="Fira Sans Extra Condensed Medium"/>
              <a:sym typeface="Fira Sans Extra Condensed Medium"/>
            </a:endParaRPr>
          </a:p>
        </p:txBody>
      </p:sp>
      <p:sp>
        <p:nvSpPr>
          <p:cNvPr id="32" name="TextBox 31">
            <a:extLst>
              <a:ext uri="{FF2B5EF4-FFF2-40B4-BE49-F238E27FC236}">
                <a16:creationId xmlns:a16="http://schemas.microsoft.com/office/drawing/2014/main" id="{1854376B-98CC-C135-A504-C0747AF90BA5}"/>
              </a:ext>
            </a:extLst>
          </p:cNvPr>
          <p:cNvSpPr txBox="1"/>
          <p:nvPr/>
        </p:nvSpPr>
        <p:spPr>
          <a:xfrm>
            <a:off x="10708819" y="5276505"/>
            <a:ext cx="674154" cy="369332"/>
          </a:xfrm>
          <a:prstGeom prst="rect">
            <a:avLst/>
          </a:prstGeom>
          <a:noFill/>
        </p:spPr>
        <p:txBody>
          <a:bodyPr wrap="square" rtlCol="0">
            <a:spAutoFit/>
          </a:bodyPr>
          <a:lstStyle/>
          <a:p>
            <a:r>
              <a:rPr lang="it-IT"/>
              <a:t>2021</a:t>
            </a:r>
          </a:p>
        </p:txBody>
      </p:sp>
      <p:sp>
        <p:nvSpPr>
          <p:cNvPr id="33" name="TextBox 32">
            <a:extLst>
              <a:ext uri="{FF2B5EF4-FFF2-40B4-BE49-F238E27FC236}">
                <a16:creationId xmlns:a16="http://schemas.microsoft.com/office/drawing/2014/main" id="{8DA9C078-9592-6654-530E-F17725E280A3}"/>
              </a:ext>
            </a:extLst>
          </p:cNvPr>
          <p:cNvSpPr txBox="1"/>
          <p:nvPr/>
        </p:nvSpPr>
        <p:spPr>
          <a:xfrm>
            <a:off x="10706905" y="4807460"/>
            <a:ext cx="732775" cy="369332"/>
          </a:xfrm>
          <a:prstGeom prst="rect">
            <a:avLst/>
          </a:prstGeom>
          <a:noFill/>
        </p:spPr>
        <p:txBody>
          <a:bodyPr wrap="square" rtlCol="0">
            <a:spAutoFit/>
          </a:bodyPr>
          <a:lstStyle/>
          <a:p>
            <a:r>
              <a:rPr lang="it-IT"/>
              <a:t>2022</a:t>
            </a:r>
          </a:p>
        </p:txBody>
      </p:sp>
      <p:sp>
        <p:nvSpPr>
          <p:cNvPr id="34" name="TextBox 33">
            <a:extLst>
              <a:ext uri="{FF2B5EF4-FFF2-40B4-BE49-F238E27FC236}">
                <a16:creationId xmlns:a16="http://schemas.microsoft.com/office/drawing/2014/main" id="{B470786D-8D10-20B4-215E-D49F44DA71E7}"/>
              </a:ext>
            </a:extLst>
          </p:cNvPr>
          <p:cNvSpPr txBox="1"/>
          <p:nvPr/>
        </p:nvSpPr>
        <p:spPr>
          <a:xfrm>
            <a:off x="10704561" y="4324091"/>
            <a:ext cx="735119" cy="369332"/>
          </a:xfrm>
          <a:prstGeom prst="rect">
            <a:avLst/>
          </a:prstGeom>
          <a:noFill/>
        </p:spPr>
        <p:txBody>
          <a:bodyPr wrap="square" rtlCol="0">
            <a:spAutoFit/>
          </a:bodyPr>
          <a:lstStyle/>
          <a:p>
            <a:r>
              <a:rPr lang="it-IT"/>
              <a:t>2023</a:t>
            </a:r>
          </a:p>
        </p:txBody>
      </p:sp>
      <p:sp>
        <p:nvSpPr>
          <p:cNvPr id="36" name="Google Shape;926;p33">
            <a:extLst>
              <a:ext uri="{FF2B5EF4-FFF2-40B4-BE49-F238E27FC236}">
                <a16:creationId xmlns:a16="http://schemas.microsoft.com/office/drawing/2014/main" id="{04C51BD3-3981-9E75-83E8-E7ED67FE094E}"/>
              </a:ext>
            </a:extLst>
          </p:cNvPr>
          <p:cNvSpPr/>
          <p:nvPr/>
        </p:nvSpPr>
        <p:spPr>
          <a:xfrm rot="16200000">
            <a:off x="10193515" y="4705878"/>
            <a:ext cx="224450" cy="498602"/>
          </a:xfrm>
          <a:prstGeom prst="round2SameRect">
            <a:avLst>
              <a:gd name="adj1" fmla="val 50000"/>
              <a:gd name="adj2" fmla="val 0"/>
            </a:avLst>
          </a:prstGeom>
          <a:solidFill>
            <a:srgbClr val="FFC000"/>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1700">
              <a:latin typeface="Fira Sans Extra Condensed Medium"/>
              <a:ea typeface="Fira Sans Extra Condensed Medium"/>
              <a:cs typeface="Fira Sans Extra Condensed Medium"/>
              <a:sym typeface="Fira Sans Extra Condensed Medium"/>
            </a:endParaRPr>
          </a:p>
        </p:txBody>
      </p:sp>
      <p:sp>
        <p:nvSpPr>
          <p:cNvPr id="37" name="Google Shape;926;p33">
            <a:extLst>
              <a:ext uri="{FF2B5EF4-FFF2-40B4-BE49-F238E27FC236}">
                <a16:creationId xmlns:a16="http://schemas.microsoft.com/office/drawing/2014/main" id="{8411FEF1-F597-4F68-0F0E-6EFB7439A0AC}"/>
              </a:ext>
            </a:extLst>
          </p:cNvPr>
          <p:cNvSpPr/>
          <p:nvPr/>
        </p:nvSpPr>
        <p:spPr>
          <a:xfrm rot="16200000">
            <a:off x="10193515" y="4249249"/>
            <a:ext cx="224450" cy="498602"/>
          </a:xfrm>
          <a:prstGeom prst="round2SameRect">
            <a:avLst>
              <a:gd name="adj1" fmla="val 50000"/>
              <a:gd name="adj2" fmla="val 0"/>
            </a:avLst>
          </a:prstGeom>
          <a:solidFill>
            <a:srgbClr val="00B050"/>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1700">
              <a:latin typeface="Fira Sans Extra Condensed Medium"/>
              <a:ea typeface="Fira Sans Extra Condensed Medium"/>
              <a:cs typeface="Fira Sans Extra Condensed Medium"/>
              <a:sym typeface="Fira Sans Extra Condensed Medium"/>
            </a:endParaRPr>
          </a:p>
        </p:txBody>
      </p:sp>
      <p:sp>
        <p:nvSpPr>
          <p:cNvPr id="51" name="Google Shape;931;p33">
            <a:extLst>
              <a:ext uri="{FF2B5EF4-FFF2-40B4-BE49-F238E27FC236}">
                <a16:creationId xmlns:a16="http://schemas.microsoft.com/office/drawing/2014/main" id="{48EA09DC-2FDC-FE76-4170-012130249CFB}"/>
              </a:ext>
            </a:extLst>
          </p:cNvPr>
          <p:cNvSpPr txBox="1"/>
          <p:nvPr/>
        </p:nvSpPr>
        <p:spPr>
          <a:xfrm>
            <a:off x="7858021" y="5775285"/>
            <a:ext cx="1627200" cy="382800"/>
          </a:xfrm>
          <a:prstGeom prst="rect">
            <a:avLst/>
          </a:prstGeom>
          <a:noFill/>
          <a:ln>
            <a:noFill/>
          </a:ln>
        </p:spPr>
        <p:txBody>
          <a:bodyPr spcFirstLastPara="1" wrap="square" lIns="91425" tIns="91425" rIns="91425" bIns="91425" anchor="ctr" anchorCtr="0">
            <a:noAutofit/>
          </a:bodyPr>
          <a:lstStyle/>
          <a:p>
            <a:pPr algn="ctr"/>
            <a:r>
              <a:rPr lang="it-IT" sz="1400" b="1"/>
              <a:t>OHS index</a:t>
            </a:r>
          </a:p>
        </p:txBody>
      </p:sp>
      <p:sp>
        <p:nvSpPr>
          <p:cNvPr id="66" name="TextBox 65">
            <a:extLst>
              <a:ext uri="{FF2B5EF4-FFF2-40B4-BE49-F238E27FC236}">
                <a16:creationId xmlns:a16="http://schemas.microsoft.com/office/drawing/2014/main" id="{83FD9253-E975-E578-64C9-73B7F086B219}"/>
              </a:ext>
            </a:extLst>
          </p:cNvPr>
          <p:cNvSpPr txBox="1"/>
          <p:nvPr/>
        </p:nvSpPr>
        <p:spPr>
          <a:xfrm>
            <a:off x="4318974" y="730147"/>
            <a:ext cx="3539047" cy="408623"/>
          </a:xfrm>
          <a:prstGeom prst="roundRect">
            <a:avLst/>
          </a:prstGeom>
          <a:solidFill>
            <a:schemeClr val="bg1"/>
          </a:solidFill>
        </p:spPr>
        <p:txBody>
          <a:bodyPr wrap="square" rtlCol="0">
            <a:spAutoFit/>
          </a:bodyPr>
          <a:lstStyle>
            <a:defPPr>
              <a:defRPr lang="en-US"/>
            </a:defPPr>
          </a:lstStyle>
          <a:p>
            <a:pPr algn="ctr"/>
            <a:r>
              <a:rPr lang="it-IT" b="1">
                <a:solidFill>
                  <a:srgbClr val="002060"/>
                </a:solidFill>
              </a:rPr>
              <a:t>KPI DI MONITORAGGIO INDIRETTO</a:t>
            </a:r>
          </a:p>
        </p:txBody>
      </p:sp>
      <p:sp>
        <p:nvSpPr>
          <p:cNvPr id="67" name="TextBox 66">
            <a:extLst>
              <a:ext uri="{FF2B5EF4-FFF2-40B4-BE49-F238E27FC236}">
                <a16:creationId xmlns:a16="http://schemas.microsoft.com/office/drawing/2014/main" id="{22B91A03-5D52-378E-9506-A0BCADC77C46}"/>
              </a:ext>
            </a:extLst>
          </p:cNvPr>
          <p:cNvSpPr txBox="1"/>
          <p:nvPr/>
        </p:nvSpPr>
        <p:spPr>
          <a:xfrm>
            <a:off x="4347683" y="3481104"/>
            <a:ext cx="3416732" cy="408623"/>
          </a:xfrm>
          <a:prstGeom prst="roundRect">
            <a:avLst/>
          </a:prstGeom>
          <a:solidFill>
            <a:schemeClr val="bg1"/>
          </a:solidFill>
        </p:spPr>
        <p:txBody>
          <a:bodyPr wrap="square" rtlCol="0">
            <a:spAutoFit/>
          </a:bodyPr>
          <a:lstStyle>
            <a:defPPr>
              <a:defRPr lang="en-US"/>
            </a:defPPr>
          </a:lstStyle>
          <a:p>
            <a:pPr algn="ctr"/>
            <a:r>
              <a:rPr lang="it-IT" b="1">
                <a:solidFill>
                  <a:srgbClr val="002060"/>
                </a:solidFill>
              </a:rPr>
              <a:t>KPI DI MONITORAGGIO DIRETTO</a:t>
            </a:r>
          </a:p>
        </p:txBody>
      </p:sp>
      <p:sp>
        <p:nvSpPr>
          <p:cNvPr id="2" name="TextBox 1">
            <a:extLst>
              <a:ext uri="{FF2B5EF4-FFF2-40B4-BE49-F238E27FC236}">
                <a16:creationId xmlns:a16="http://schemas.microsoft.com/office/drawing/2014/main" id="{ABCC9009-EF47-61CB-97FD-18B1D7BE7CE5}"/>
              </a:ext>
            </a:extLst>
          </p:cNvPr>
          <p:cNvSpPr txBox="1"/>
          <p:nvPr/>
        </p:nvSpPr>
        <p:spPr>
          <a:xfrm>
            <a:off x="585324" y="3225161"/>
            <a:ext cx="1739855" cy="289441"/>
          </a:xfrm>
          <a:prstGeom prst="roundRect">
            <a:avLst/>
          </a:prstGeom>
          <a:solidFill>
            <a:schemeClr val="bg1"/>
          </a:solidFill>
        </p:spPr>
        <p:txBody>
          <a:bodyPr wrap="square" rtlCol="0">
            <a:spAutoFit/>
          </a:bodyPr>
          <a:lstStyle>
            <a:defPPr>
              <a:defRPr lang="en-US"/>
            </a:defPPr>
          </a:lstStyle>
          <a:p>
            <a:pPr algn="ctr"/>
            <a:r>
              <a:rPr lang="it-IT" sz="1100" b="1">
                <a:solidFill>
                  <a:srgbClr val="002060"/>
                </a:solidFill>
              </a:rPr>
              <a:t>PIRAMIDE DI HEINRICH</a:t>
            </a:r>
          </a:p>
        </p:txBody>
      </p:sp>
      <p:sp>
        <p:nvSpPr>
          <p:cNvPr id="3" name="Rectangle: Rounded Corners 2">
            <a:extLst>
              <a:ext uri="{FF2B5EF4-FFF2-40B4-BE49-F238E27FC236}">
                <a16:creationId xmlns:a16="http://schemas.microsoft.com/office/drawing/2014/main" id="{F9A22F7F-89C6-8C8B-CE37-EDB85EDD5107}"/>
              </a:ext>
            </a:extLst>
          </p:cNvPr>
          <p:cNvSpPr/>
          <p:nvPr/>
        </p:nvSpPr>
        <p:spPr>
          <a:xfrm>
            <a:off x="880191" y="5589098"/>
            <a:ext cx="1403983" cy="552038"/>
          </a:xfrm>
          <a:prstGeom prst="roundRect">
            <a:avLst/>
          </a:prstGeom>
          <a:ln w="19050">
            <a:solidFill>
              <a:srgbClr val="00B050"/>
            </a:solidFill>
          </a:ln>
        </p:spPr>
        <p:style>
          <a:lnRef idx="2">
            <a:schemeClr val="accent5">
              <a:hueOff val="-6758543"/>
              <a:satOff val="-17419"/>
              <a:lumOff val="-11765"/>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anchor="ctr"/>
          <a:lstStyle/>
          <a:p>
            <a:pPr algn="ctr"/>
            <a:r>
              <a:rPr lang="it-IT" sz="1200"/>
              <a:t>Incidenza: n. NC/Audit eseguiti</a:t>
            </a:r>
          </a:p>
        </p:txBody>
      </p:sp>
      <p:sp>
        <p:nvSpPr>
          <p:cNvPr id="17" name="TextBox 16">
            <a:extLst>
              <a:ext uri="{FF2B5EF4-FFF2-40B4-BE49-F238E27FC236}">
                <a16:creationId xmlns:a16="http://schemas.microsoft.com/office/drawing/2014/main" id="{EF4DE792-6C5D-6E0C-B0DE-2A5691D5A9D9}"/>
              </a:ext>
            </a:extLst>
          </p:cNvPr>
          <p:cNvSpPr txBox="1"/>
          <p:nvPr/>
        </p:nvSpPr>
        <p:spPr>
          <a:xfrm>
            <a:off x="5392928" y="2721311"/>
            <a:ext cx="2361759" cy="657698"/>
          </a:xfrm>
          <a:prstGeom prst="roundRect">
            <a:avLst/>
          </a:prstGeom>
          <a:ln>
            <a:noFill/>
          </a:ln>
        </p:spPr>
        <p:style>
          <a:lnRef idx="2">
            <a:schemeClr val="accent4"/>
          </a:lnRef>
          <a:fillRef idx="1">
            <a:schemeClr val="lt1"/>
          </a:fillRef>
          <a:effectRef idx="0">
            <a:schemeClr val="accent4"/>
          </a:effectRef>
          <a:fontRef idx="minor">
            <a:schemeClr val="dk1"/>
          </a:fontRef>
        </p:style>
        <p:txBody>
          <a:bodyPr wrap="square">
            <a:spAutoFit/>
          </a:bodyPr>
          <a:lstStyle/>
          <a:p>
            <a:pPr marR="0" lvl="0" defTabSz="914400" rtl="0" eaLnBrk="1" fontAlgn="auto" latinLnBrk="0" hangingPunct="1">
              <a:lnSpc>
                <a:spcPct val="105000"/>
              </a:lnSpc>
              <a:spcBef>
                <a:spcPts val="0"/>
              </a:spcBef>
              <a:spcAft>
                <a:spcPts val="800"/>
              </a:spcAft>
              <a:buClrTx/>
              <a:buSzTx/>
              <a:tabLst/>
              <a:defRPr/>
            </a:pPr>
            <a:r>
              <a:rPr kumimoji="0" lang="it-IT" sz="1050" i="0" u="none" strike="noStrike" kern="1200" cap="none" spc="0" normalizeH="0" baseline="0" noProof="0">
                <a:ln>
                  <a:noFill/>
                </a:ln>
                <a:solidFill>
                  <a:srgbClr val="181818"/>
                </a:solidFill>
                <a:effectLst/>
                <a:uLnTx/>
                <a:uFillTx/>
                <a:latin typeface="Calibri" panose="020F0502020204030204" pitchFamily="34" charset="0"/>
                <a:ea typeface="Times New Roman" panose="02020603050405020304" pitchFamily="18" charset="0"/>
                <a:cs typeface="+mn-cs"/>
              </a:rPr>
              <a:t>Un numero maggiore di segnalazioni corrisponde ad una maggior consapevolezza dei dipendenti.</a:t>
            </a:r>
            <a:endParaRPr kumimoji="0" lang="it-IT" sz="1050" i="0" u="none" strike="noStrike" kern="1200" cap="none" spc="0" normalizeH="0" baseline="0" noProof="0">
              <a:ln>
                <a:noFill/>
              </a:ln>
              <a:solidFill>
                <a:srgbClr val="181818"/>
              </a:solidFill>
              <a:effectLst/>
              <a:uLnTx/>
              <a:uFillTx/>
              <a:latin typeface="Calibri" panose="020F0502020204030204" pitchFamily="34" charset="0"/>
              <a:ea typeface="Calibri" panose="020F0502020204030204" pitchFamily="34" charset="0"/>
              <a:cs typeface="+mn-cs"/>
            </a:endParaRPr>
          </a:p>
        </p:txBody>
      </p:sp>
      <p:grpSp>
        <p:nvGrpSpPr>
          <p:cNvPr id="40" name="Group 39">
            <a:extLst>
              <a:ext uri="{FF2B5EF4-FFF2-40B4-BE49-F238E27FC236}">
                <a16:creationId xmlns:a16="http://schemas.microsoft.com/office/drawing/2014/main" id="{7CE40E82-1076-C42A-2E96-EBB8C09D04E5}"/>
              </a:ext>
            </a:extLst>
          </p:cNvPr>
          <p:cNvGrpSpPr/>
          <p:nvPr/>
        </p:nvGrpSpPr>
        <p:grpSpPr>
          <a:xfrm>
            <a:off x="8220821" y="3989948"/>
            <a:ext cx="835366" cy="1713122"/>
            <a:chOff x="3251838" y="4022781"/>
            <a:chExt cx="997454" cy="2053855"/>
          </a:xfrm>
        </p:grpSpPr>
        <p:sp>
          <p:nvSpPr>
            <p:cNvPr id="41" name="Google Shape;924;p33">
              <a:extLst>
                <a:ext uri="{FF2B5EF4-FFF2-40B4-BE49-F238E27FC236}">
                  <a16:creationId xmlns:a16="http://schemas.microsoft.com/office/drawing/2014/main" id="{8BDD97CD-9B52-63C7-8483-25CCDD9DB3ED}"/>
                </a:ext>
              </a:extLst>
            </p:cNvPr>
            <p:cNvSpPr/>
            <p:nvPr/>
          </p:nvSpPr>
          <p:spPr>
            <a:xfrm>
              <a:off x="3603976" y="4081411"/>
              <a:ext cx="305873" cy="1995150"/>
            </a:xfrm>
            <a:prstGeom prst="round2SameRect">
              <a:avLst>
                <a:gd name="adj1" fmla="val 50000"/>
                <a:gd name="adj2" fmla="val 0"/>
              </a:avLst>
            </a:prstGeom>
            <a:solidFill>
              <a:srgbClr val="FFC000"/>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1400">
                <a:latin typeface="Fira Sans Extra Condensed Medium"/>
                <a:ea typeface="Fira Sans Extra Condensed Medium"/>
                <a:cs typeface="Fira Sans Extra Condensed Medium"/>
                <a:sym typeface="Fira Sans Extra Condensed Medium"/>
              </a:endParaRPr>
            </a:p>
          </p:txBody>
        </p:sp>
        <p:sp>
          <p:nvSpPr>
            <p:cNvPr id="42" name="Google Shape;925;p33">
              <a:extLst>
                <a:ext uri="{FF2B5EF4-FFF2-40B4-BE49-F238E27FC236}">
                  <a16:creationId xmlns:a16="http://schemas.microsoft.com/office/drawing/2014/main" id="{F15F4561-BD29-311E-08B1-E7630AE334BD}"/>
                </a:ext>
              </a:extLst>
            </p:cNvPr>
            <p:cNvSpPr/>
            <p:nvPr/>
          </p:nvSpPr>
          <p:spPr>
            <a:xfrm>
              <a:off x="3946854" y="4022781"/>
              <a:ext cx="302438" cy="2053855"/>
            </a:xfrm>
            <a:prstGeom prst="round2SameRect">
              <a:avLst>
                <a:gd name="adj1" fmla="val 50000"/>
                <a:gd name="adj2" fmla="val 0"/>
              </a:avLst>
            </a:prstGeom>
            <a:solidFill>
              <a:srgbClr val="00B050"/>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1400">
                <a:latin typeface="Fira Sans Extra Condensed Medium"/>
                <a:ea typeface="Fira Sans Extra Condensed Medium"/>
                <a:cs typeface="Fira Sans Extra Condensed Medium"/>
                <a:sym typeface="Fira Sans Extra Condensed Medium"/>
              </a:endParaRPr>
            </a:p>
          </p:txBody>
        </p:sp>
        <p:sp>
          <p:nvSpPr>
            <p:cNvPr id="43" name="Google Shape;926;p33">
              <a:extLst>
                <a:ext uri="{FF2B5EF4-FFF2-40B4-BE49-F238E27FC236}">
                  <a16:creationId xmlns:a16="http://schemas.microsoft.com/office/drawing/2014/main" id="{253693A8-3A0A-37C5-FE31-A12F1E11A408}"/>
                </a:ext>
              </a:extLst>
            </p:cNvPr>
            <p:cNvSpPr/>
            <p:nvPr/>
          </p:nvSpPr>
          <p:spPr>
            <a:xfrm>
              <a:off x="3251838" y="4431692"/>
              <a:ext cx="311699" cy="1644819"/>
            </a:xfrm>
            <a:prstGeom prst="round2SameRect">
              <a:avLst>
                <a:gd name="adj1" fmla="val 50000"/>
                <a:gd name="adj2" fmla="val 0"/>
              </a:avLst>
            </a:prstGeom>
            <a:solidFill>
              <a:srgbClr val="AF78D2"/>
            </a:solidFill>
            <a:ln>
              <a:noFill/>
            </a:ln>
          </p:spPr>
          <p:txBody>
            <a:bodyPr spcFirstLastPara="1" wrap="square" lIns="91425" tIns="91425" rIns="91425" bIns="91425" anchor="ctr" anchorCtr="0">
              <a:noAutofit/>
            </a:bodyPr>
            <a:lstStyle/>
            <a:p>
              <a:pPr marL="0" lvl="0" indent="0" algn="ctr" rtl="0">
                <a:spcBef>
                  <a:spcPts val="0"/>
                </a:spcBef>
                <a:spcAft>
                  <a:spcPts val="0"/>
                </a:spcAft>
                <a:buNone/>
              </a:pPr>
              <a:endParaRPr sz="1400">
                <a:latin typeface="Fira Sans Extra Condensed Medium"/>
                <a:ea typeface="Fira Sans Extra Condensed Medium"/>
                <a:cs typeface="Fira Sans Extra Condensed Medium"/>
                <a:sym typeface="Fira Sans Extra Condensed Medium"/>
              </a:endParaRPr>
            </a:p>
          </p:txBody>
        </p:sp>
        <p:sp>
          <p:nvSpPr>
            <p:cNvPr id="45" name="Google Shape;927;p33">
              <a:extLst>
                <a:ext uri="{FF2B5EF4-FFF2-40B4-BE49-F238E27FC236}">
                  <a16:creationId xmlns:a16="http://schemas.microsoft.com/office/drawing/2014/main" id="{2DE9C30C-18CD-5121-D60C-ADAB9961F874}"/>
                </a:ext>
              </a:extLst>
            </p:cNvPr>
            <p:cNvSpPr txBox="1"/>
            <p:nvPr/>
          </p:nvSpPr>
          <p:spPr>
            <a:xfrm rot="-5400000">
              <a:off x="2960650" y="5511307"/>
              <a:ext cx="880878" cy="249300"/>
            </a:xfrm>
            <a:prstGeom prst="rect">
              <a:avLst/>
            </a:prstGeom>
            <a:noFill/>
            <a:ln>
              <a:noFill/>
            </a:ln>
          </p:spPr>
          <p:txBody>
            <a:bodyPr spcFirstLastPara="1" wrap="square" lIns="91425" tIns="91425" rIns="91425" bIns="91425" anchor="ctr" anchorCtr="0">
              <a:noAutofit/>
            </a:bodyPr>
            <a:lstStyle/>
            <a:p>
              <a:pPr marL="0" lvl="0" indent="0" algn="l" rtl="0">
                <a:spcBef>
                  <a:spcPts val="0"/>
                </a:spcBef>
                <a:spcAft>
                  <a:spcPts val="0"/>
                </a:spcAft>
                <a:buNone/>
              </a:pPr>
              <a:r>
                <a:rPr lang="en" sz="1600">
                  <a:solidFill>
                    <a:schemeClr val="lt1"/>
                  </a:solidFill>
                  <a:latin typeface="Fira Sans Extra Condensed Medium"/>
                  <a:ea typeface="Fira Sans Extra Condensed Medium"/>
                  <a:cs typeface="Fira Sans Extra Condensed Medium"/>
                  <a:sym typeface="Fira Sans Extra Condensed Medium"/>
                </a:rPr>
                <a:t>98,5%</a:t>
              </a:r>
              <a:endParaRPr sz="1600">
                <a:solidFill>
                  <a:schemeClr val="lt1"/>
                </a:solidFill>
                <a:latin typeface="Fira Sans Extra Condensed Medium"/>
                <a:ea typeface="Fira Sans Extra Condensed Medium"/>
                <a:cs typeface="Fira Sans Extra Condensed Medium"/>
                <a:sym typeface="Fira Sans Extra Condensed Medium"/>
              </a:endParaRPr>
            </a:p>
          </p:txBody>
        </p:sp>
        <p:sp>
          <p:nvSpPr>
            <p:cNvPr id="46" name="Google Shape;928;p33">
              <a:extLst>
                <a:ext uri="{FF2B5EF4-FFF2-40B4-BE49-F238E27FC236}">
                  <a16:creationId xmlns:a16="http://schemas.microsoft.com/office/drawing/2014/main" id="{4243B164-1D42-D011-7BBA-2F2B7172B94E}"/>
                </a:ext>
              </a:extLst>
            </p:cNvPr>
            <p:cNvSpPr txBox="1"/>
            <p:nvPr/>
          </p:nvSpPr>
          <p:spPr>
            <a:xfrm rot="-5400000">
              <a:off x="3311147" y="5511387"/>
              <a:ext cx="881037" cy="249300"/>
            </a:xfrm>
            <a:prstGeom prst="rect">
              <a:avLst/>
            </a:prstGeom>
            <a:noFill/>
            <a:ln>
              <a:noFill/>
            </a:ln>
          </p:spPr>
          <p:txBody>
            <a:bodyPr spcFirstLastPara="1" wrap="square" lIns="91425" tIns="91425" rIns="91425" bIns="91425" anchor="ctr" anchorCtr="0">
              <a:noAutofit/>
            </a:bodyPr>
            <a:lstStyle/>
            <a:p>
              <a:pPr marL="0" lvl="0" indent="0" algn="l" rtl="0">
                <a:spcBef>
                  <a:spcPts val="0"/>
                </a:spcBef>
                <a:spcAft>
                  <a:spcPts val="0"/>
                </a:spcAft>
                <a:buNone/>
              </a:pPr>
              <a:r>
                <a:rPr lang="en" sz="1600">
                  <a:solidFill>
                    <a:schemeClr val="lt1"/>
                  </a:solidFill>
                  <a:latin typeface="Fira Sans Extra Condensed Medium"/>
                  <a:ea typeface="Fira Sans Extra Condensed Medium"/>
                  <a:cs typeface="Fira Sans Extra Condensed Medium"/>
                  <a:sym typeface="Fira Sans Extra Condensed Medium"/>
                </a:rPr>
                <a:t>98,8%</a:t>
              </a:r>
              <a:endParaRPr sz="1600">
                <a:solidFill>
                  <a:schemeClr val="lt1"/>
                </a:solidFill>
                <a:latin typeface="Fira Sans Extra Condensed Medium"/>
                <a:ea typeface="Fira Sans Extra Condensed Medium"/>
                <a:cs typeface="Fira Sans Extra Condensed Medium"/>
                <a:sym typeface="Fira Sans Extra Condensed Medium"/>
              </a:endParaRPr>
            </a:p>
          </p:txBody>
        </p:sp>
        <p:sp>
          <p:nvSpPr>
            <p:cNvPr id="47" name="Google Shape;929;p33">
              <a:extLst>
                <a:ext uri="{FF2B5EF4-FFF2-40B4-BE49-F238E27FC236}">
                  <a16:creationId xmlns:a16="http://schemas.microsoft.com/office/drawing/2014/main" id="{31A45525-9A46-4397-4C21-DCC714A6FE14}"/>
                </a:ext>
              </a:extLst>
            </p:cNvPr>
            <p:cNvSpPr txBox="1"/>
            <p:nvPr/>
          </p:nvSpPr>
          <p:spPr>
            <a:xfrm rot="-5400000">
              <a:off x="3644793" y="5511387"/>
              <a:ext cx="881037" cy="249300"/>
            </a:xfrm>
            <a:prstGeom prst="rect">
              <a:avLst/>
            </a:prstGeom>
            <a:noFill/>
            <a:ln>
              <a:noFill/>
            </a:ln>
          </p:spPr>
          <p:txBody>
            <a:bodyPr spcFirstLastPara="1" wrap="square" lIns="91425" tIns="91425" rIns="91425" bIns="91425" anchor="ctr" anchorCtr="0">
              <a:noAutofit/>
            </a:bodyPr>
            <a:lstStyle/>
            <a:p>
              <a:pPr marL="0" lvl="0" indent="0" algn="l" rtl="0">
                <a:spcBef>
                  <a:spcPts val="0"/>
                </a:spcBef>
                <a:spcAft>
                  <a:spcPts val="0"/>
                </a:spcAft>
                <a:buNone/>
              </a:pPr>
              <a:r>
                <a:rPr lang="en" sz="1600">
                  <a:solidFill>
                    <a:schemeClr val="lt1"/>
                  </a:solidFill>
                  <a:latin typeface="Fira Sans Extra Condensed Medium"/>
                  <a:ea typeface="Fira Sans Extra Condensed Medium"/>
                  <a:cs typeface="Fira Sans Extra Condensed Medium"/>
                  <a:sym typeface="Fira Sans Extra Condensed Medium"/>
                </a:rPr>
                <a:t>99,8%</a:t>
              </a:r>
              <a:endParaRPr sz="1600">
                <a:solidFill>
                  <a:schemeClr val="lt1"/>
                </a:solidFill>
                <a:latin typeface="Fira Sans Extra Condensed Medium"/>
                <a:ea typeface="Fira Sans Extra Condensed Medium"/>
                <a:cs typeface="Fira Sans Extra Condensed Medium"/>
                <a:sym typeface="Fira Sans Extra Condensed Medium"/>
              </a:endParaRPr>
            </a:p>
          </p:txBody>
        </p:sp>
      </p:grpSp>
      <p:sp>
        <p:nvSpPr>
          <p:cNvPr id="72" name="TextBox 71">
            <a:extLst>
              <a:ext uri="{FF2B5EF4-FFF2-40B4-BE49-F238E27FC236}">
                <a16:creationId xmlns:a16="http://schemas.microsoft.com/office/drawing/2014/main" id="{8D008D27-1911-CC27-C004-E0EFA628881F}"/>
              </a:ext>
            </a:extLst>
          </p:cNvPr>
          <p:cNvSpPr txBox="1"/>
          <p:nvPr/>
        </p:nvSpPr>
        <p:spPr>
          <a:xfrm>
            <a:off x="3156291" y="2708622"/>
            <a:ext cx="2100238" cy="657698"/>
          </a:xfrm>
          <a:prstGeom prst="roundRect">
            <a:avLst/>
          </a:prstGeom>
          <a:ln>
            <a:noFill/>
          </a:ln>
        </p:spPr>
        <p:style>
          <a:lnRef idx="2">
            <a:schemeClr val="accent4"/>
          </a:lnRef>
          <a:fillRef idx="1">
            <a:schemeClr val="lt1"/>
          </a:fillRef>
          <a:effectRef idx="0">
            <a:schemeClr val="accent4"/>
          </a:effectRef>
          <a:fontRef idx="minor">
            <a:schemeClr val="dk1"/>
          </a:fontRef>
        </p:style>
        <p:txBody>
          <a:bodyPr wrap="square">
            <a:spAutoFit/>
          </a:bodyPr>
          <a:lstStyle/>
          <a:p>
            <a:pPr marR="0" lvl="0" defTabSz="914400" rtl="0" eaLnBrk="1" fontAlgn="auto" latinLnBrk="0" hangingPunct="1">
              <a:lnSpc>
                <a:spcPct val="105000"/>
              </a:lnSpc>
              <a:spcBef>
                <a:spcPts val="0"/>
              </a:spcBef>
              <a:spcAft>
                <a:spcPts val="800"/>
              </a:spcAft>
              <a:buClrTx/>
              <a:buSzTx/>
              <a:tabLst/>
              <a:defRPr/>
            </a:pPr>
            <a:r>
              <a:rPr kumimoji="0" lang="it-IT" sz="1050" i="0" u="none" strike="noStrike" kern="1200" cap="none" spc="0" normalizeH="0" baseline="0" noProof="0" dirty="0">
                <a:ln>
                  <a:noFill/>
                </a:ln>
                <a:solidFill>
                  <a:srgbClr val="181818"/>
                </a:solidFill>
                <a:effectLst/>
                <a:uLnTx/>
                <a:uFillTx/>
                <a:latin typeface="Calibri" panose="020F0502020204030204" pitchFamily="34" charset="0"/>
                <a:ea typeface="Times New Roman" panose="02020603050405020304" pitchFamily="18" charset="0"/>
                <a:cs typeface="+mn-cs"/>
              </a:rPr>
              <a:t>Un numero minore di giorni persi a causa di incidenti corrisponde al verificarsi di incidenti meno gravi.</a:t>
            </a:r>
            <a:endParaRPr kumimoji="0" lang="it-IT" sz="1050" i="0" u="none" strike="noStrike" kern="1200" cap="none" spc="0" normalizeH="0" baseline="0" noProof="0" dirty="0">
              <a:ln>
                <a:noFill/>
              </a:ln>
              <a:solidFill>
                <a:srgbClr val="181818"/>
              </a:solidFill>
              <a:effectLst/>
              <a:uLnTx/>
              <a:uFillTx/>
              <a:latin typeface="Calibri" panose="020F0502020204030204" pitchFamily="34" charset="0"/>
              <a:ea typeface="Calibri" panose="020F0502020204030204" pitchFamily="34" charset="0"/>
              <a:cs typeface="+mn-cs"/>
            </a:endParaRPr>
          </a:p>
        </p:txBody>
      </p:sp>
      <p:cxnSp>
        <p:nvCxnSpPr>
          <p:cNvPr id="73" name="Straight Connector 72">
            <a:extLst>
              <a:ext uri="{FF2B5EF4-FFF2-40B4-BE49-F238E27FC236}">
                <a16:creationId xmlns:a16="http://schemas.microsoft.com/office/drawing/2014/main" id="{E4399AFE-D9AB-7917-0124-24C3F3F55EC4}"/>
              </a:ext>
            </a:extLst>
          </p:cNvPr>
          <p:cNvCxnSpPr/>
          <p:nvPr/>
        </p:nvCxnSpPr>
        <p:spPr>
          <a:xfrm>
            <a:off x="630620" y="725522"/>
            <a:ext cx="10731063" cy="0"/>
          </a:xfrm>
          <a:prstGeom prst="line">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
        <p:nvSpPr>
          <p:cNvPr id="74" name="TextBox 73">
            <a:extLst>
              <a:ext uri="{FF2B5EF4-FFF2-40B4-BE49-F238E27FC236}">
                <a16:creationId xmlns:a16="http://schemas.microsoft.com/office/drawing/2014/main" id="{3D540C4B-65E7-867B-5D75-E4F594CCE06F}"/>
              </a:ext>
            </a:extLst>
          </p:cNvPr>
          <p:cNvSpPr txBox="1"/>
          <p:nvPr/>
        </p:nvSpPr>
        <p:spPr>
          <a:xfrm>
            <a:off x="3034090" y="6117277"/>
            <a:ext cx="2284461" cy="657698"/>
          </a:xfrm>
          <a:prstGeom prst="roundRect">
            <a:avLst/>
          </a:prstGeom>
          <a:ln>
            <a:noFill/>
          </a:ln>
        </p:spPr>
        <p:style>
          <a:lnRef idx="2">
            <a:schemeClr val="accent4"/>
          </a:lnRef>
          <a:fillRef idx="1">
            <a:schemeClr val="lt1"/>
          </a:fillRef>
          <a:effectRef idx="0">
            <a:schemeClr val="accent4"/>
          </a:effectRef>
          <a:fontRef idx="minor">
            <a:schemeClr val="dk1"/>
          </a:fontRef>
        </p:style>
        <p:txBody>
          <a:bodyPr wrap="square">
            <a:spAutoFit/>
          </a:bodyPr>
          <a:lstStyle/>
          <a:p>
            <a:pPr marR="0" lvl="0" defTabSz="914400" rtl="0" eaLnBrk="1" fontAlgn="auto" latinLnBrk="0" hangingPunct="1">
              <a:lnSpc>
                <a:spcPct val="105000"/>
              </a:lnSpc>
              <a:spcBef>
                <a:spcPts val="0"/>
              </a:spcBef>
              <a:spcAft>
                <a:spcPts val="800"/>
              </a:spcAft>
              <a:buClrTx/>
              <a:buSzTx/>
              <a:tabLst/>
              <a:defRPr/>
            </a:pPr>
            <a:r>
              <a:rPr kumimoji="0" lang="it-IT" sz="1050" i="0" u="none" strike="noStrike" kern="1200" cap="none" spc="0" normalizeH="0" baseline="0" noProof="0" dirty="0">
                <a:ln>
                  <a:noFill/>
                </a:ln>
                <a:solidFill>
                  <a:srgbClr val="181818"/>
                </a:solidFill>
                <a:effectLst/>
                <a:uLnTx/>
                <a:uFillTx/>
                <a:latin typeface="Calibri" panose="020F0502020204030204" pitchFamily="34" charset="0"/>
                <a:ea typeface="Times New Roman" panose="02020603050405020304" pitchFamily="18" charset="0"/>
                <a:cs typeface="+mn-cs"/>
              </a:rPr>
              <a:t>Un % di partecipazione maggiore corrisponde ad una maggior sensibilizzazione dei dipendenti.</a:t>
            </a:r>
          </a:p>
        </p:txBody>
      </p:sp>
      <p:sp>
        <p:nvSpPr>
          <p:cNvPr id="75" name="TextBox 74">
            <a:extLst>
              <a:ext uri="{FF2B5EF4-FFF2-40B4-BE49-F238E27FC236}">
                <a16:creationId xmlns:a16="http://schemas.microsoft.com/office/drawing/2014/main" id="{599A0C27-1854-68E4-F141-F1A7D1CBAA48}"/>
              </a:ext>
            </a:extLst>
          </p:cNvPr>
          <p:cNvSpPr txBox="1"/>
          <p:nvPr/>
        </p:nvSpPr>
        <p:spPr>
          <a:xfrm>
            <a:off x="7562940" y="2623422"/>
            <a:ext cx="2361759" cy="1032197"/>
          </a:xfrm>
          <a:prstGeom prst="roundRect">
            <a:avLst/>
          </a:prstGeom>
          <a:ln>
            <a:noFill/>
          </a:ln>
        </p:spPr>
        <p:style>
          <a:lnRef idx="2">
            <a:schemeClr val="accent4"/>
          </a:lnRef>
          <a:fillRef idx="1">
            <a:schemeClr val="lt1"/>
          </a:fillRef>
          <a:effectRef idx="0">
            <a:schemeClr val="accent4"/>
          </a:effectRef>
          <a:fontRef idx="minor">
            <a:schemeClr val="dk1"/>
          </a:fontRef>
        </p:style>
        <p:txBody>
          <a:bodyPr wrap="square" lIns="91440" tIns="45720" rIns="91440" bIns="45720" anchor="t">
            <a:spAutoFit/>
          </a:bodyPr>
          <a:lstStyle/>
          <a:p>
            <a:pPr>
              <a:lnSpc>
                <a:spcPct val="105000"/>
              </a:lnSpc>
              <a:spcAft>
                <a:spcPts val="800"/>
              </a:spcAft>
              <a:defRPr/>
            </a:pPr>
            <a:r>
              <a:rPr kumimoji="0" lang="it-IT" sz="1050" i="0" u="none" strike="noStrike" kern="1200" cap="none" spc="0" normalizeH="0" baseline="0" noProof="0" dirty="0">
                <a:ln>
                  <a:noFill/>
                </a:ln>
                <a:solidFill>
                  <a:srgbClr val="181818"/>
                </a:solidFill>
                <a:effectLst/>
                <a:uLnTx/>
                <a:uFillTx/>
                <a:latin typeface="Calibri"/>
                <a:ea typeface="Times New Roman" panose="02020603050405020304" pitchFamily="18" charset="0"/>
                <a:cs typeface="Calibri"/>
              </a:rPr>
              <a:t>Negli anni il </a:t>
            </a:r>
            <a:r>
              <a:rPr lang="it-IT" sz="1050" dirty="0">
                <a:solidFill>
                  <a:srgbClr val="181818"/>
                </a:solidFill>
                <a:latin typeface="Calibri"/>
                <a:ea typeface="Times New Roman" panose="02020603050405020304" pitchFamily="18" charset="0"/>
                <a:cs typeface="Calibri"/>
              </a:rPr>
              <a:t>numero di</a:t>
            </a:r>
            <a:r>
              <a:rPr kumimoji="0" lang="it-IT" sz="1050" i="0" u="none" strike="noStrike" kern="1200" cap="none" spc="0" normalizeH="0" baseline="0" noProof="0" dirty="0">
                <a:ln>
                  <a:noFill/>
                </a:ln>
                <a:solidFill>
                  <a:srgbClr val="181818"/>
                </a:solidFill>
                <a:effectLst/>
                <a:uLnTx/>
                <a:uFillTx/>
                <a:latin typeface="Calibri"/>
                <a:ea typeface="Times New Roman" panose="02020603050405020304" pitchFamily="18" charset="0"/>
                <a:cs typeface="Calibri"/>
              </a:rPr>
              <a:t> audit è </a:t>
            </a:r>
            <a:r>
              <a:rPr lang="it-IT" sz="1050" dirty="0">
                <a:solidFill>
                  <a:srgbClr val="181818"/>
                </a:solidFill>
                <a:latin typeface="Calibri"/>
                <a:ea typeface="Times New Roman" panose="02020603050405020304" pitchFamily="18" charset="0"/>
                <a:cs typeface="Calibri"/>
              </a:rPr>
              <a:t>risultato </a:t>
            </a:r>
            <a:r>
              <a:rPr kumimoji="0" lang="it-IT" sz="1050" i="0" u="none" strike="noStrike" kern="1200" cap="none" spc="0" normalizeH="0" baseline="0" noProof="0" dirty="0">
                <a:ln>
                  <a:noFill/>
                </a:ln>
                <a:solidFill>
                  <a:srgbClr val="181818"/>
                </a:solidFill>
                <a:effectLst/>
                <a:uLnTx/>
                <a:uFillTx/>
                <a:latin typeface="Calibri"/>
                <a:ea typeface="Times New Roman" panose="02020603050405020304" pitchFamily="18" charset="0"/>
                <a:cs typeface="Calibri"/>
              </a:rPr>
              <a:t>sopra al target predefinito. </a:t>
            </a:r>
            <a:r>
              <a:rPr lang="it-IT" sz="1050" dirty="0">
                <a:solidFill>
                  <a:srgbClr val="181818"/>
                </a:solidFill>
                <a:latin typeface="Calibri"/>
                <a:ea typeface="Times New Roman" panose="02020603050405020304" pitchFamily="18" charset="0"/>
                <a:cs typeface="Calibri"/>
              </a:rPr>
              <a:t>Queto garantisce </a:t>
            </a:r>
            <a:r>
              <a:rPr kumimoji="0" lang="it-IT" sz="1050" i="0" u="none" strike="noStrike" kern="1200" cap="none" spc="0" normalizeH="0" baseline="0" noProof="0" dirty="0">
                <a:ln>
                  <a:noFill/>
                </a:ln>
                <a:solidFill>
                  <a:srgbClr val="181818"/>
                </a:solidFill>
                <a:effectLst/>
                <a:uLnTx/>
                <a:uFillTx/>
                <a:latin typeface="Calibri"/>
                <a:ea typeface="Times New Roman" panose="02020603050405020304" pitchFamily="18" charset="0"/>
                <a:cs typeface="Calibri"/>
              </a:rPr>
              <a:t>un monitoraggio puntuale</a:t>
            </a:r>
            <a:r>
              <a:rPr lang="it-IT" sz="1050" dirty="0">
                <a:solidFill>
                  <a:srgbClr val="181818"/>
                </a:solidFill>
                <a:latin typeface="Calibri"/>
                <a:ea typeface="Times New Roman" panose="02020603050405020304" pitchFamily="18" charset="0"/>
                <a:cs typeface="Calibri"/>
              </a:rPr>
              <a:t> e costante</a:t>
            </a:r>
            <a:r>
              <a:rPr kumimoji="0" lang="it-IT" sz="1050" i="0" u="none" strike="noStrike" kern="1200" cap="none" spc="0" normalizeH="0" baseline="0" noProof="0" dirty="0">
                <a:ln>
                  <a:noFill/>
                </a:ln>
                <a:solidFill>
                  <a:srgbClr val="181818"/>
                </a:solidFill>
                <a:effectLst/>
                <a:uLnTx/>
                <a:uFillTx/>
                <a:latin typeface="Calibri"/>
                <a:ea typeface="Times New Roman" panose="02020603050405020304" pitchFamily="18" charset="0"/>
                <a:cs typeface="Calibri"/>
              </a:rPr>
              <a:t>. Lo stesso include le Leadership Site Visits.</a:t>
            </a:r>
            <a:endParaRPr lang="it-IT" sz="1050" i="0" u="none" strike="noStrike" kern="1200" cap="none" spc="0" normalizeH="0" baseline="0" noProof="0" dirty="0">
              <a:ln>
                <a:noFill/>
              </a:ln>
              <a:solidFill>
                <a:srgbClr val="181818"/>
              </a:solidFill>
              <a:effectLst/>
              <a:uLnTx/>
              <a:uFillTx/>
              <a:latin typeface="Times New Roman"/>
              <a:ea typeface="Calibri" panose="020F0502020204030204" pitchFamily="34" charset="0"/>
              <a:cs typeface="Calibri" panose="020F0502020204030204" pitchFamily="34" charset="0"/>
            </a:endParaRPr>
          </a:p>
        </p:txBody>
      </p:sp>
      <p:sp>
        <p:nvSpPr>
          <p:cNvPr id="76" name="TextBox 75">
            <a:extLst>
              <a:ext uri="{FF2B5EF4-FFF2-40B4-BE49-F238E27FC236}">
                <a16:creationId xmlns:a16="http://schemas.microsoft.com/office/drawing/2014/main" id="{2F64813C-F5A4-2EE2-D720-3320B45C295D}"/>
              </a:ext>
            </a:extLst>
          </p:cNvPr>
          <p:cNvSpPr txBox="1"/>
          <p:nvPr/>
        </p:nvSpPr>
        <p:spPr>
          <a:xfrm>
            <a:off x="8031866" y="6083217"/>
            <a:ext cx="1927153" cy="657698"/>
          </a:xfrm>
          <a:prstGeom prst="roundRect">
            <a:avLst/>
          </a:prstGeom>
          <a:ln>
            <a:noFill/>
          </a:ln>
        </p:spPr>
        <p:style>
          <a:lnRef idx="2">
            <a:schemeClr val="accent4"/>
          </a:lnRef>
          <a:fillRef idx="1">
            <a:schemeClr val="lt1"/>
          </a:fillRef>
          <a:effectRef idx="0">
            <a:schemeClr val="accent4"/>
          </a:effectRef>
          <a:fontRef idx="minor">
            <a:schemeClr val="dk1"/>
          </a:fontRef>
        </p:style>
        <p:txBody>
          <a:bodyPr wrap="square">
            <a:spAutoFit/>
          </a:bodyPr>
          <a:lstStyle/>
          <a:p>
            <a:pPr marR="0" lvl="0" defTabSz="914400" rtl="0" eaLnBrk="1" fontAlgn="auto" latinLnBrk="0" hangingPunct="1">
              <a:lnSpc>
                <a:spcPct val="105000"/>
              </a:lnSpc>
              <a:spcBef>
                <a:spcPts val="0"/>
              </a:spcBef>
              <a:spcAft>
                <a:spcPts val="800"/>
              </a:spcAft>
              <a:buClrTx/>
              <a:buSzTx/>
              <a:tabLst/>
              <a:defRPr/>
            </a:pPr>
            <a:r>
              <a:rPr kumimoji="0" lang="it-IT" sz="1050" i="0" u="none" strike="noStrike" kern="1200" cap="none" spc="0" normalizeH="0" baseline="0" noProof="0" dirty="0">
                <a:ln>
                  <a:noFill/>
                </a:ln>
                <a:solidFill>
                  <a:srgbClr val="181818"/>
                </a:solidFill>
                <a:effectLst/>
                <a:uLnTx/>
                <a:uFillTx/>
                <a:latin typeface="Calibri" panose="020F0502020204030204" pitchFamily="34" charset="0"/>
                <a:ea typeface="Times New Roman" panose="02020603050405020304" pitchFamily="18" charset="0"/>
                <a:cs typeface="+mn-cs"/>
              </a:rPr>
              <a:t>Una % maggiore corrisponde a un numero maggiore di audit in campo andati a buon fine.</a:t>
            </a:r>
            <a:endParaRPr kumimoji="0" lang="it-IT" sz="1050" i="0" u="none" strike="noStrike" kern="1200" cap="none" spc="0" normalizeH="0" baseline="0" noProof="0" dirty="0">
              <a:ln>
                <a:noFill/>
              </a:ln>
              <a:solidFill>
                <a:srgbClr val="181818"/>
              </a:solidFill>
              <a:effectLst/>
              <a:uLnTx/>
              <a:uFillTx/>
              <a:latin typeface="Calibri" panose="020F0502020204030204" pitchFamily="34" charset="0"/>
              <a:ea typeface="Calibri" panose="020F0502020204030204" pitchFamily="34" charset="0"/>
              <a:cs typeface="+mn-cs"/>
            </a:endParaRPr>
          </a:p>
        </p:txBody>
      </p:sp>
      <p:sp>
        <p:nvSpPr>
          <p:cNvPr id="89" name="Google Shape;931;p33">
            <a:extLst>
              <a:ext uri="{FF2B5EF4-FFF2-40B4-BE49-F238E27FC236}">
                <a16:creationId xmlns:a16="http://schemas.microsoft.com/office/drawing/2014/main" id="{3F41523F-876C-4F99-24E3-9F4115190B0D}"/>
              </a:ext>
            </a:extLst>
          </p:cNvPr>
          <p:cNvSpPr txBox="1"/>
          <p:nvPr/>
        </p:nvSpPr>
        <p:spPr>
          <a:xfrm>
            <a:off x="5409514" y="5759703"/>
            <a:ext cx="1627200" cy="382800"/>
          </a:xfrm>
          <a:prstGeom prst="rect">
            <a:avLst/>
          </a:prstGeom>
          <a:noFill/>
          <a:ln>
            <a:noFill/>
          </a:ln>
        </p:spPr>
        <p:txBody>
          <a:bodyPr spcFirstLastPara="1" wrap="square" lIns="91425" tIns="91425" rIns="91425" bIns="91425" anchor="ctr" anchorCtr="0">
            <a:noAutofit/>
          </a:bodyPr>
          <a:lstStyle/>
          <a:p>
            <a:pPr algn="ctr"/>
            <a:r>
              <a:rPr lang="it-IT" sz="1400" b="1"/>
              <a:t>Incidenza</a:t>
            </a:r>
          </a:p>
        </p:txBody>
      </p:sp>
      <p:grpSp>
        <p:nvGrpSpPr>
          <p:cNvPr id="90" name="Group 89">
            <a:extLst>
              <a:ext uri="{FF2B5EF4-FFF2-40B4-BE49-F238E27FC236}">
                <a16:creationId xmlns:a16="http://schemas.microsoft.com/office/drawing/2014/main" id="{6FFDE74D-4D12-D3FE-C2BF-7A56713CF6C6}"/>
              </a:ext>
            </a:extLst>
          </p:cNvPr>
          <p:cNvGrpSpPr/>
          <p:nvPr/>
        </p:nvGrpSpPr>
        <p:grpSpPr>
          <a:xfrm>
            <a:off x="5795001" y="4041599"/>
            <a:ext cx="835366" cy="1664218"/>
            <a:chOff x="3251838" y="4081411"/>
            <a:chExt cx="997453" cy="1995224"/>
          </a:xfrm>
        </p:grpSpPr>
        <p:sp>
          <p:nvSpPr>
            <p:cNvPr id="91" name="Google Shape;924;p33">
              <a:extLst>
                <a:ext uri="{FF2B5EF4-FFF2-40B4-BE49-F238E27FC236}">
                  <a16:creationId xmlns:a16="http://schemas.microsoft.com/office/drawing/2014/main" id="{E54C66A9-B415-D631-02A4-4207FB6AF973}"/>
                </a:ext>
              </a:extLst>
            </p:cNvPr>
            <p:cNvSpPr/>
            <p:nvPr/>
          </p:nvSpPr>
          <p:spPr>
            <a:xfrm>
              <a:off x="3603976" y="4081411"/>
              <a:ext cx="305873" cy="1995150"/>
            </a:xfrm>
            <a:prstGeom prst="round2SameRect">
              <a:avLst>
                <a:gd name="adj1" fmla="val 50000"/>
                <a:gd name="adj2" fmla="val 0"/>
              </a:avLst>
            </a:prstGeom>
            <a:solidFill>
              <a:srgbClr val="FFC000"/>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1400">
                <a:latin typeface="Fira Sans Extra Condensed Medium"/>
                <a:ea typeface="Fira Sans Extra Condensed Medium"/>
                <a:cs typeface="Fira Sans Extra Condensed Medium"/>
                <a:sym typeface="Fira Sans Extra Condensed Medium"/>
              </a:endParaRPr>
            </a:p>
          </p:txBody>
        </p:sp>
        <p:sp>
          <p:nvSpPr>
            <p:cNvPr id="92" name="Google Shape;925;p33">
              <a:extLst>
                <a:ext uri="{FF2B5EF4-FFF2-40B4-BE49-F238E27FC236}">
                  <a16:creationId xmlns:a16="http://schemas.microsoft.com/office/drawing/2014/main" id="{D4EA6CA1-A714-6FC1-2DBD-0B71445710CF}"/>
                </a:ext>
              </a:extLst>
            </p:cNvPr>
            <p:cNvSpPr/>
            <p:nvPr/>
          </p:nvSpPr>
          <p:spPr>
            <a:xfrm>
              <a:off x="3946854" y="5271103"/>
              <a:ext cx="302437" cy="805532"/>
            </a:xfrm>
            <a:prstGeom prst="round2SameRect">
              <a:avLst>
                <a:gd name="adj1" fmla="val 50000"/>
                <a:gd name="adj2" fmla="val 0"/>
              </a:avLst>
            </a:prstGeom>
            <a:solidFill>
              <a:srgbClr val="00B050"/>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1400">
                <a:latin typeface="Fira Sans Extra Condensed Medium"/>
                <a:ea typeface="Fira Sans Extra Condensed Medium"/>
                <a:cs typeface="Fira Sans Extra Condensed Medium"/>
                <a:sym typeface="Fira Sans Extra Condensed Medium"/>
              </a:endParaRPr>
            </a:p>
          </p:txBody>
        </p:sp>
        <p:sp>
          <p:nvSpPr>
            <p:cNvPr id="93" name="Google Shape;926;p33">
              <a:extLst>
                <a:ext uri="{FF2B5EF4-FFF2-40B4-BE49-F238E27FC236}">
                  <a16:creationId xmlns:a16="http://schemas.microsoft.com/office/drawing/2014/main" id="{F5CB1AC0-30C6-280A-9012-CEA061720C42}"/>
                </a:ext>
              </a:extLst>
            </p:cNvPr>
            <p:cNvSpPr/>
            <p:nvPr/>
          </p:nvSpPr>
          <p:spPr>
            <a:xfrm>
              <a:off x="3251838" y="4431692"/>
              <a:ext cx="311699" cy="1644819"/>
            </a:xfrm>
            <a:prstGeom prst="round2SameRect">
              <a:avLst>
                <a:gd name="adj1" fmla="val 50000"/>
                <a:gd name="adj2" fmla="val 0"/>
              </a:avLst>
            </a:prstGeom>
            <a:solidFill>
              <a:srgbClr val="AF78D2"/>
            </a:solidFill>
            <a:ln>
              <a:noFill/>
            </a:ln>
          </p:spPr>
          <p:txBody>
            <a:bodyPr spcFirstLastPara="1" wrap="square" lIns="91425" tIns="91425" rIns="91425" bIns="91425" anchor="ctr" anchorCtr="0">
              <a:noAutofit/>
            </a:bodyPr>
            <a:lstStyle/>
            <a:p>
              <a:pPr marL="0" lvl="0" indent="0" algn="ctr" rtl="0">
                <a:spcBef>
                  <a:spcPts val="0"/>
                </a:spcBef>
                <a:spcAft>
                  <a:spcPts val="0"/>
                </a:spcAft>
                <a:buNone/>
              </a:pPr>
              <a:endParaRPr sz="1400">
                <a:latin typeface="Fira Sans Extra Condensed Medium"/>
                <a:ea typeface="Fira Sans Extra Condensed Medium"/>
                <a:cs typeface="Fira Sans Extra Condensed Medium"/>
                <a:sym typeface="Fira Sans Extra Condensed Medium"/>
              </a:endParaRPr>
            </a:p>
          </p:txBody>
        </p:sp>
        <p:sp>
          <p:nvSpPr>
            <p:cNvPr id="94" name="Google Shape;927;p33">
              <a:extLst>
                <a:ext uri="{FF2B5EF4-FFF2-40B4-BE49-F238E27FC236}">
                  <a16:creationId xmlns:a16="http://schemas.microsoft.com/office/drawing/2014/main" id="{D0F0FDAE-40D3-B9C5-FEB4-233A5752F833}"/>
                </a:ext>
              </a:extLst>
            </p:cNvPr>
            <p:cNvSpPr txBox="1"/>
            <p:nvPr/>
          </p:nvSpPr>
          <p:spPr>
            <a:xfrm rot="-5400000">
              <a:off x="2960650" y="5511307"/>
              <a:ext cx="880878" cy="249300"/>
            </a:xfrm>
            <a:prstGeom prst="rect">
              <a:avLst/>
            </a:prstGeom>
            <a:noFill/>
            <a:ln>
              <a:noFill/>
            </a:ln>
          </p:spPr>
          <p:txBody>
            <a:bodyPr spcFirstLastPara="1" wrap="square" lIns="91425" tIns="91425" rIns="91425" bIns="91425" anchor="ctr" anchorCtr="0">
              <a:noAutofit/>
            </a:bodyPr>
            <a:lstStyle/>
            <a:p>
              <a:pPr marL="0" lvl="0" indent="0" algn="l" rtl="0">
                <a:spcBef>
                  <a:spcPts val="0"/>
                </a:spcBef>
                <a:spcAft>
                  <a:spcPts val="0"/>
                </a:spcAft>
                <a:buNone/>
              </a:pPr>
              <a:r>
                <a:rPr lang="en" sz="1600">
                  <a:solidFill>
                    <a:schemeClr val="lt1"/>
                  </a:solidFill>
                  <a:latin typeface="Fira Sans Extra Condensed Medium"/>
                  <a:ea typeface="Fira Sans Extra Condensed Medium"/>
                  <a:cs typeface="Fira Sans Extra Condensed Medium"/>
                  <a:sym typeface="Fira Sans Extra Condensed Medium"/>
                </a:rPr>
                <a:t>17%</a:t>
              </a:r>
              <a:endParaRPr sz="1600">
                <a:solidFill>
                  <a:schemeClr val="lt1"/>
                </a:solidFill>
                <a:latin typeface="Fira Sans Extra Condensed Medium"/>
                <a:ea typeface="Fira Sans Extra Condensed Medium"/>
                <a:cs typeface="Fira Sans Extra Condensed Medium"/>
                <a:sym typeface="Fira Sans Extra Condensed Medium"/>
              </a:endParaRPr>
            </a:p>
          </p:txBody>
        </p:sp>
        <p:sp>
          <p:nvSpPr>
            <p:cNvPr id="95" name="Google Shape;928;p33">
              <a:extLst>
                <a:ext uri="{FF2B5EF4-FFF2-40B4-BE49-F238E27FC236}">
                  <a16:creationId xmlns:a16="http://schemas.microsoft.com/office/drawing/2014/main" id="{9CAE5DE7-D1F7-E8A2-3E40-C9D81D1E28E9}"/>
                </a:ext>
              </a:extLst>
            </p:cNvPr>
            <p:cNvSpPr txBox="1"/>
            <p:nvPr/>
          </p:nvSpPr>
          <p:spPr>
            <a:xfrm rot="-5400000">
              <a:off x="3311147" y="5511387"/>
              <a:ext cx="881037" cy="249300"/>
            </a:xfrm>
            <a:prstGeom prst="rect">
              <a:avLst/>
            </a:prstGeom>
            <a:noFill/>
            <a:ln>
              <a:noFill/>
            </a:ln>
          </p:spPr>
          <p:txBody>
            <a:bodyPr spcFirstLastPara="1" wrap="square" lIns="91425" tIns="91425" rIns="91425" bIns="91425" anchor="ctr" anchorCtr="0">
              <a:noAutofit/>
            </a:bodyPr>
            <a:lstStyle/>
            <a:p>
              <a:pPr marL="0" lvl="0" indent="0" algn="l" rtl="0">
                <a:spcBef>
                  <a:spcPts val="0"/>
                </a:spcBef>
                <a:spcAft>
                  <a:spcPts val="0"/>
                </a:spcAft>
                <a:buNone/>
              </a:pPr>
              <a:r>
                <a:rPr lang="en" sz="1600">
                  <a:solidFill>
                    <a:schemeClr val="lt1"/>
                  </a:solidFill>
                  <a:latin typeface="Fira Sans Extra Condensed Medium"/>
                  <a:ea typeface="Fira Sans Extra Condensed Medium"/>
                  <a:cs typeface="Fira Sans Extra Condensed Medium"/>
                  <a:sym typeface="Fira Sans Extra Condensed Medium"/>
                </a:rPr>
                <a:t>18,5%</a:t>
              </a:r>
              <a:endParaRPr sz="1600">
                <a:solidFill>
                  <a:schemeClr val="lt1"/>
                </a:solidFill>
                <a:latin typeface="Fira Sans Extra Condensed Medium"/>
                <a:ea typeface="Fira Sans Extra Condensed Medium"/>
                <a:cs typeface="Fira Sans Extra Condensed Medium"/>
                <a:sym typeface="Fira Sans Extra Condensed Medium"/>
              </a:endParaRPr>
            </a:p>
          </p:txBody>
        </p:sp>
        <p:sp>
          <p:nvSpPr>
            <p:cNvPr id="96" name="Google Shape;929;p33">
              <a:extLst>
                <a:ext uri="{FF2B5EF4-FFF2-40B4-BE49-F238E27FC236}">
                  <a16:creationId xmlns:a16="http://schemas.microsoft.com/office/drawing/2014/main" id="{21E31855-3BC6-D08D-1207-E4E611E7175E}"/>
                </a:ext>
              </a:extLst>
            </p:cNvPr>
            <p:cNvSpPr txBox="1"/>
            <p:nvPr/>
          </p:nvSpPr>
          <p:spPr>
            <a:xfrm rot="-5400000">
              <a:off x="3644793" y="5511387"/>
              <a:ext cx="881037" cy="249300"/>
            </a:xfrm>
            <a:prstGeom prst="rect">
              <a:avLst/>
            </a:prstGeom>
            <a:noFill/>
            <a:ln>
              <a:noFill/>
            </a:ln>
          </p:spPr>
          <p:txBody>
            <a:bodyPr spcFirstLastPara="1" wrap="square" lIns="91425" tIns="91425" rIns="91425" bIns="91425" anchor="ctr" anchorCtr="0">
              <a:noAutofit/>
            </a:bodyPr>
            <a:lstStyle/>
            <a:p>
              <a:pPr marL="0" lvl="0" indent="0" algn="l" rtl="0">
                <a:spcBef>
                  <a:spcPts val="0"/>
                </a:spcBef>
                <a:spcAft>
                  <a:spcPts val="0"/>
                </a:spcAft>
                <a:buNone/>
              </a:pPr>
              <a:r>
                <a:rPr lang="en" sz="1600">
                  <a:solidFill>
                    <a:schemeClr val="lt1"/>
                  </a:solidFill>
                  <a:latin typeface="Fira Sans Extra Condensed Medium"/>
                  <a:ea typeface="Fira Sans Extra Condensed Medium"/>
                  <a:cs typeface="Fira Sans Extra Condensed Medium"/>
                  <a:sym typeface="Fira Sans Extra Condensed Medium"/>
                </a:rPr>
                <a:t>3,5%</a:t>
              </a:r>
              <a:endParaRPr sz="1600">
                <a:solidFill>
                  <a:schemeClr val="lt1"/>
                </a:solidFill>
                <a:latin typeface="Fira Sans Extra Condensed Medium"/>
                <a:ea typeface="Fira Sans Extra Condensed Medium"/>
                <a:cs typeface="Fira Sans Extra Condensed Medium"/>
                <a:sym typeface="Fira Sans Extra Condensed Medium"/>
              </a:endParaRPr>
            </a:p>
          </p:txBody>
        </p:sp>
      </p:grpSp>
      <p:sp>
        <p:nvSpPr>
          <p:cNvPr id="97" name="TextBox 96">
            <a:extLst>
              <a:ext uri="{FF2B5EF4-FFF2-40B4-BE49-F238E27FC236}">
                <a16:creationId xmlns:a16="http://schemas.microsoft.com/office/drawing/2014/main" id="{EACB376E-59EE-1B9C-3A55-801BDE9D84D9}"/>
              </a:ext>
            </a:extLst>
          </p:cNvPr>
          <p:cNvSpPr txBox="1"/>
          <p:nvPr/>
        </p:nvSpPr>
        <p:spPr>
          <a:xfrm>
            <a:off x="5441845" y="6068420"/>
            <a:ext cx="2018567" cy="657698"/>
          </a:xfrm>
          <a:prstGeom prst="roundRect">
            <a:avLst/>
          </a:prstGeom>
          <a:ln>
            <a:noFill/>
          </a:ln>
        </p:spPr>
        <p:style>
          <a:lnRef idx="2">
            <a:schemeClr val="accent4"/>
          </a:lnRef>
          <a:fillRef idx="1">
            <a:schemeClr val="lt1"/>
          </a:fillRef>
          <a:effectRef idx="0">
            <a:schemeClr val="accent4"/>
          </a:effectRef>
          <a:fontRef idx="minor">
            <a:schemeClr val="dk1"/>
          </a:fontRef>
        </p:style>
        <p:txBody>
          <a:bodyPr wrap="square">
            <a:spAutoFit/>
          </a:bodyPr>
          <a:lstStyle/>
          <a:p>
            <a:pPr marR="0" lvl="0" defTabSz="914400" rtl="0" eaLnBrk="1" fontAlgn="auto" latinLnBrk="0" hangingPunct="1">
              <a:lnSpc>
                <a:spcPct val="105000"/>
              </a:lnSpc>
              <a:spcBef>
                <a:spcPts val="0"/>
              </a:spcBef>
              <a:spcAft>
                <a:spcPts val="800"/>
              </a:spcAft>
              <a:buClrTx/>
              <a:buSzTx/>
              <a:tabLst/>
              <a:defRPr/>
            </a:pPr>
            <a:r>
              <a:rPr kumimoji="0" lang="it-IT" sz="1050" i="0" u="none" strike="noStrike" kern="1200" cap="none" spc="0" normalizeH="0" baseline="0" noProof="0" dirty="0">
                <a:ln>
                  <a:noFill/>
                </a:ln>
                <a:solidFill>
                  <a:srgbClr val="181818"/>
                </a:solidFill>
                <a:effectLst/>
                <a:uLnTx/>
                <a:uFillTx/>
                <a:latin typeface="Calibri" panose="020F0502020204030204" pitchFamily="34" charset="0"/>
                <a:ea typeface="Times New Roman" panose="02020603050405020304" pitchFamily="18" charset="0"/>
                <a:cs typeface="+mn-cs"/>
              </a:rPr>
              <a:t>Una % minore corrisponde a un numero minore di NC gravi riscontrate in campo.</a:t>
            </a:r>
            <a:endParaRPr kumimoji="0" lang="it-IT" sz="1050" i="0" u="none" strike="noStrike" kern="1200" cap="none" spc="0" normalizeH="0" baseline="0" noProof="0" dirty="0">
              <a:ln>
                <a:noFill/>
              </a:ln>
              <a:solidFill>
                <a:srgbClr val="181818"/>
              </a:solidFill>
              <a:effectLst/>
              <a:uLnTx/>
              <a:uFillTx/>
              <a:latin typeface="Calibri" panose="020F0502020204030204" pitchFamily="34" charset="0"/>
              <a:ea typeface="Calibri" panose="020F0502020204030204" pitchFamily="34" charset="0"/>
              <a:cs typeface="+mn-cs"/>
            </a:endParaRPr>
          </a:p>
        </p:txBody>
      </p:sp>
      <p:cxnSp>
        <p:nvCxnSpPr>
          <p:cNvPr id="108" name="Straight Connector 107">
            <a:extLst>
              <a:ext uri="{FF2B5EF4-FFF2-40B4-BE49-F238E27FC236}">
                <a16:creationId xmlns:a16="http://schemas.microsoft.com/office/drawing/2014/main" id="{940FE4A6-B70B-85A4-FEA5-93EEBE462AD7}"/>
              </a:ext>
            </a:extLst>
          </p:cNvPr>
          <p:cNvCxnSpPr>
            <a:cxnSpLocks/>
          </p:cNvCxnSpPr>
          <p:nvPr/>
        </p:nvCxnSpPr>
        <p:spPr>
          <a:xfrm>
            <a:off x="8543286" y="1335368"/>
            <a:ext cx="0" cy="880897"/>
          </a:xfrm>
          <a:prstGeom prst="line">
            <a:avLst/>
          </a:prstGeom>
          <a:ln w="28575">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3D7D2E69-80B5-5A5E-98DC-3513D882D130}"/>
              </a:ext>
            </a:extLst>
          </p:cNvPr>
          <p:cNvCxnSpPr>
            <a:cxnSpLocks/>
          </p:cNvCxnSpPr>
          <p:nvPr/>
        </p:nvCxnSpPr>
        <p:spPr>
          <a:xfrm flipH="1">
            <a:off x="10010760" y="2721311"/>
            <a:ext cx="580902" cy="0"/>
          </a:xfrm>
          <a:prstGeom prst="line">
            <a:avLst/>
          </a:prstGeom>
          <a:ln w="28575">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sp>
        <p:nvSpPr>
          <p:cNvPr id="122" name="TextBox 121">
            <a:extLst>
              <a:ext uri="{FF2B5EF4-FFF2-40B4-BE49-F238E27FC236}">
                <a16:creationId xmlns:a16="http://schemas.microsoft.com/office/drawing/2014/main" id="{DF8DA21B-0AAC-0942-A891-BA0E3C242EF4}"/>
              </a:ext>
            </a:extLst>
          </p:cNvPr>
          <p:cNvSpPr txBox="1"/>
          <p:nvPr/>
        </p:nvSpPr>
        <p:spPr>
          <a:xfrm>
            <a:off x="10759140" y="2560118"/>
            <a:ext cx="1027930" cy="369332"/>
          </a:xfrm>
          <a:prstGeom prst="rect">
            <a:avLst/>
          </a:prstGeom>
          <a:noFill/>
        </p:spPr>
        <p:txBody>
          <a:bodyPr wrap="square" rtlCol="0">
            <a:spAutoFit/>
          </a:bodyPr>
          <a:lstStyle/>
          <a:p>
            <a:r>
              <a:rPr lang="it-IT"/>
              <a:t>Target</a:t>
            </a:r>
          </a:p>
        </p:txBody>
      </p:sp>
    </p:spTree>
    <p:extLst>
      <p:ext uri="{BB962C8B-B14F-4D97-AF65-F5344CB8AC3E}">
        <p14:creationId xmlns:p14="http://schemas.microsoft.com/office/powerpoint/2010/main" val="29392173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Background pattern&#10;&#10;Description automatically generated">
            <a:extLst>
              <a:ext uri="{FF2B5EF4-FFF2-40B4-BE49-F238E27FC236}">
                <a16:creationId xmlns:a16="http://schemas.microsoft.com/office/drawing/2014/main" id="{73ABEC93-F843-4D53-90B8-F6A02818D4F3}"/>
              </a:ext>
            </a:extLst>
          </p:cNvPr>
          <p:cNvPicPr>
            <a:picLocks noChangeAspect="1"/>
          </p:cNvPicPr>
          <p:nvPr/>
        </p:nvPicPr>
        <p:blipFill rotWithShape="1">
          <a:blip r:embed="rId3" cstate="print">
            <a:extLst>
              <a:ext uri="{28A0092B-C50C-407E-A947-70E740481C1C}">
                <a14:useLocalDpi xmlns:a14="http://schemas.microsoft.com/office/drawing/2010/main"/>
              </a:ext>
            </a:extLst>
          </a:blip>
          <a:srcRect/>
          <a:stretch/>
        </p:blipFill>
        <p:spPr>
          <a:xfrm>
            <a:off x="0" y="0"/>
            <a:ext cx="12192000" cy="6858000"/>
          </a:xfrm>
          <a:prstGeom prst="rect">
            <a:avLst/>
          </a:prstGeom>
        </p:spPr>
      </p:pic>
      <p:pic>
        <p:nvPicPr>
          <p:cNvPr id="7" name="Graphic 6">
            <a:extLst>
              <a:ext uri="{FF2B5EF4-FFF2-40B4-BE49-F238E27FC236}">
                <a16:creationId xmlns:a16="http://schemas.microsoft.com/office/drawing/2014/main" id="{C813BE5C-9A1E-42C4-9B52-8EC934D0CE9D}"/>
              </a:ext>
            </a:extLst>
          </p:cNvPr>
          <p:cNvPicPr>
            <a:picLocks noChangeAspect="1"/>
          </p:cNvPicPr>
          <p:nvPr/>
        </p:nvPicPr>
        <p:blipFill>
          <a:blip r:embed="rId4" cstate="print">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506895" y="2854112"/>
            <a:ext cx="1163145" cy="1163145"/>
          </a:xfrm>
          <a:prstGeom prst="rect">
            <a:avLst/>
          </a:prstGeom>
        </p:spPr>
      </p:pic>
    </p:spTree>
    <p:custDataLst>
      <p:tags r:id="rId1"/>
    </p:custDataLst>
    <p:extLst>
      <p:ext uri="{BB962C8B-B14F-4D97-AF65-F5344CB8AC3E}">
        <p14:creationId xmlns:p14="http://schemas.microsoft.com/office/powerpoint/2010/main" val="31747781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08F2B45B-2BC1-44B2-4465-F8FD2B97328F}"/>
              </a:ext>
            </a:extLst>
          </p:cNvPr>
          <p:cNvSpPr txBox="1"/>
          <p:nvPr/>
        </p:nvSpPr>
        <p:spPr>
          <a:xfrm>
            <a:off x="566842" y="202302"/>
            <a:ext cx="10646661" cy="523220"/>
          </a:xfrm>
          <a:prstGeom prst="rect">
            <a:avLst/>
          </a:prstGeom>
          <a:noFill/>
        </p:spPr>
        <p:txBody>
          <a:bodyPr wrap="square" rtlCol="0">
            <a:spAutoFit/>
          </a:bodyPr>
          <a:lstStyle/>
          <a:p>
            <a:r>
              <a:rPr lang="en-US" sz="2800" b="1" err="1">
                <a:solidFill>
                  <a:schemeClr val="tx1">
                    <a:lumMod val="75000"/>
                    <a:lumOff val="25000"/>
                  </a:schemeClr>
                </a:solidFill>
              </a:rPr>
              <a:t>Acronimi</a:t>
            </a:r>
            <a:r>
              <a:rPr lang="en-US" sz="2800" b="1">
                <a:solidFill>
                  <a:schemeClr val="tx1">
                    <a:lumMod val="75000"/>
                    <a:lumOff val="25000"/>
                  </a:schemeClr>
                </a:solidFill>
              </a:rPr>
              <a:t> e </a:t>
            </a:r>
            <a:r>
              <a:rPr lang="en-US" sz="2800" b="1" err="1">
                <a:solidFill>
                  <a:schemeClr val="tx1">
                    <a:lumMod val="75000"/>
                    <a:lumOff val="25000"/>
                  </a:schemeClr>
                </a:solidFill>
              </a:rPr>
              <a:t>Definizioni</a:t>
            </a:r>
            <a:endParaRPr lang="en-US" sz="2800" b="1">
              <a:solidFill>
                <a:schemeClr val="tx1">
                  <a:lumMod val="75000"/>
                  <a:lumOff val="25000"/>
                </a:schemeClr>
              </a:solidFill>
            </a:endParaRPr>
          </a:p>
        </p:txBody>
      </p:sp>
      <p:cxnSp>
        <p:nvCxnSpPr>
          <p:cNvPr id="35" name="Straight Connector 34">
            <a:extLst>
              <a:ext uri="{FF2B5EF4-FFF2-40B4-BE49-F238E27FC236}">
                <a16:creationId xmlns:a16="http://schemas.microsoft.com/office/drawing/2014/main" id="{6DA4F8F9-EAFC-DA02-1EAC-A1777C1A0701}"/>
              </a:ext>
            </a:extLst>
          </p:cNvPr>
          <p:cNvCxnSpPr/>
          <p:nvPr/>
        </p:nvCxnSpPr>
        <p:spPr>
          <a:xfrm>
            <a:off x="630620" y="725522"/>
            <a:ext cx="10731063" cy="0"/>
          </a:xfrm>
          <a:prstGeom prst="line">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pic>
        <p:nvPicPr>
          <p:cNvPr id="13" name="Graphic 12">
            <a:extLst>
              <a:ext uri="{FF2B5EF4-FFF2-40B4-BE49-F238E27FC236}">
                <a16:creationId xmlns:a16="http://schemas.microsoft.com/office/drawing/2014/main" id="{78042446-FB13-12A4-1A07-52E68CCF4751}"/>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547615" y="291526"/>
            <a:ext cx="256032" cy="256032"/>
          </a:xfrm>
          <a:prstGeom prst="rect">
            <a:avLst/>
          </a:prstGeom>
        </p:spPr>
      </p:pic>
      <p:sp>
        <p:nvSpPr>
          <p:cNvPr id="16" name="TextBox 15">
            <a:extLst>
              <a:ext uri="{FF2B5EF4-FFF2-40B4-BE49-F238E27FC236}">
                <a16:creationId xmlns:a16="http://schemas.microsoft.com/office/drawing/2014/main" id="{3F919A9B-6D4F-0CF0-DA5A-2EC55DC107E2}"/>
              </a:ext>
            </a:extLst>
          </p:cNvPr>
          <p:cNvSpPr txBox="1"/>
          <p:nvPr/>
        </p:nvSpPr>
        <p:spPr>
          <a:xfrm>
            <a:off x="566842" y="1070778"/>
            <a:ext cx="11634974" cy="3293209"/>
          </a:xfrm>
          <a:prstGeom prst="rect">
            <a:avLst/>
          </a:prstGeom>
          <a:noFill/>
        </p:spPr>
        <p:txBody>
          <a:bodyPr wrap="square">
            <a:spAutoFit/>
          </a:bodyPr>
          <a:lstStyle/>
          <a:p>
            <a:r>
              <a:rPr lang="it-IT" sz="1600"/>
              <a:t>Audit score: indicatore relativo dell’incidenza riscontrata in fase di audit delle non conformità</a:t>
            </a:r>
          </a:p>
          <a:p>
            <a:r>
              <a:rPr lang="it-IT" sz="1600"/>
              <a:t>DPI – Dispositivi di Protezione Individuale</a:t>
            </a:r>
          </a:p>
          <a:p>
            <a:r>
              <a:rPr lang="it-IT" sz="1600"/>
              <a:t>EHS – Environment, Healt and Safety (Ambiente, Salute e Sicurezza)</a:t>
            </a:r>
          </a:p>
          <a:p>
            <a:r>
              <a:rPr lang="it-IT" sz="1600"/>
              <a:t>ISE – Intelligent Site Engineering</a:t>
            </a:r>
          </a:p>
          <a:p>
            <a:r>
              <a:rPr lang="it-IT" sz="1600"/>
              <a:t>KPI – Key Performance Indicator</a:t>
            </a:r>
          </a:p>
          <a:p>
            <a:r>
              <a:rPr lang="it-IT" sz="1600"/>
              <a:t>NC: Non conformità</a:t>
            </a:r>
          </a:p>
          <a:p>
            <a:r>
              <a:rPr lang="it-IT" sz="1600"/>
              <a:t>OHS – Occupational Healt and Safety</a:t>
            </a:r>
          </a:p>
          <a:p>
            <a:r>
              <a:rPr lang="it-IT" sz="1600"/>
              <a:t>RA – Remote Access</a:t>
            </a:r>
          </a:p>
          <a:p>
            <a:r>
              <a:rPr lang="it-IT" sz="1600"/>
              <a:t>SGSL – Sistemi di gestione della salute e sicurezza </a:t>
            </a:r>
          </a:p>
          <a:p>
            <a:r>
              <a:rPr lang="it-IT" sz="1600"/>
              <a:t>Target Zero – Obiettivo aziendale all’interno del programma Ericsson Care. Zero fatalità e zero infortuni con giornate lavorative perse. </a:t>
            </a:r>
          </a:p>
          <a:p>
            <a:r>
              <a:rPr lang="it-IT" sz="1600"/>
              <a:t>VI – Visual Intelligence</a:t>
            </a:r>
          </a:p>
          <a:p>
            <a:endParaRPr lang="it-IT" sz="1600"/>
          </a:p>
          <a:p>
            <a:endParaRPr lang="it-IT" sz="1600"/>
          </a:p>
        </p:txBody>
      </p:sp>
      <mc:AlternateContent xmlns:mc="http://schemas.openxmlformats.org/markup-compatibility/2006" xmlns:a14="http://schemas.microsoft.com/office/drawing/2010/main">
        <mc:Choice Requires="a14">
          <p:sp>
            <p:nvSpPr>
              <p:cNvPr id="2" name="TextBox 1">
                <a:extLst>
                  <a:ext uri="{FF2B5EF4-FFF2-40B4-BE49-F238E27FC236}">
                    <a16:creationId xmlns:a16="http://schemas.microsoft.com/office/drawing/2014/main" id="{2D40E7FF-84F3-978E-8D0A-B4576A7B45DD}"/>
                  </a:ext>
                </a:extLst>
              </p:cNvPr>
              <p:cNvSpPr txBox="1"/>
              <p:nvPr/>
            </p:nvSpPr>
            <p:spPr>
              <a:xfrm>
                <a:off x="566842" y="4638361"/>
                <a:ext cx="4550963" cy="1388201"/>
              </a:xfrm>
              <a:prstGeom prst="rect">
                <a:avLst/>
              </a:prstGeom>
              <a:noFill/>
            </p:spPr>
            <p:txBody>
              <a:bodyPr wrap="square">
                <a:spAutoFit/>
              </a:bodyPr>
              <a:lstStyle/>
              <a:p>
                <a:pPr marR="0" lvl="0" fontAlgn="base">
                  <a:lnSpc>
                    <a:spcPct val="100000"/>
                  </a:lnSpc>
                  <a:spcBef>
                    <a:spcPts val="800"/>
                  </a:spcBef>
                  <a:spcAft>
                    <a:spcPct val="0"/>
                  </a:spcAft>
                  <a:buClrTx/>
                  <a:buSzTx/>
                  <a:tabLst/>
                  <a:defRPr/>
                </a:pPr>
                <a:r>
                  <a:rPr lang="en-US" sz="1600"/>
                  <a:t>OHS INDEX: </a:t>
                </a:r>
                <a14:m>
                  <m:oMath xmlns:m="http://schemas.openxmlformats.org/officeDocument/2006/math">
                    <m:f>
                      <m:fPr>
                        <m:ctrlPr>
                          <a:rPr lang="en-US" sz="1400" i="1" dirty="0">
                            <a:latin typeface="Cambria Math" panose="02040503050406030204" pitchFamily="18" charset="0"/>
                          </a:rPr>
                        </m:ctrlPr>
                      </m:fPr>
                      <m:num>
                        <m:r>
                          <m:rPr>
                            <m:nor/>
                          </m:rPr>
                          <a:rPr lang="en-US" sz="1400" i="1" dirty="0"/>
                          <m:t>Σ</m:t>
                        </m:r>
                        <m:r>
                          <m:rPr>
                            <m:nor/>
                          </m:rPr>
                          <a:rPr lang="en-US" sz="1400" i="1" dirty="0"/>
                          <m:t> (</m:t>
                        </m:r>
                        <m:r>
                          <m:rPr>
                            <m:nor/>
                          </m:rPr>
                          <a:rPr lang="en-US" sz="1400" i="1" dirty="0"/>
                          <m:t>Audit</m:t>
                        </m:r>
                        <m:r>
                          <m:rPr>
                            <m:nor/>
                          </m:rPr>
                          <a:rPr lang="en-US" sz="1400" i="1" dirty="0"/>
                          <m:t> </m:t>
                        </m:r>
                        <m:r>
                          <m:rPr>
                            <m:nor/>
                          </m:rPr>
                          <a:rPr lang="en-US" sz="1400" i="1" dirty="0"/>
                          <m:t>scores</m:t>
                        </m:r>
                        <m:r>
                          <m:rPr>
                            <m:nor/>
                          </m:rPr>
                          <a:rPr lang="en-US" sz="1400" i="1" dirty="0"/>
                          <m:t>)</m:t>
                        </m:r>
                      </m:num>
                      <m:den>
                        <m:r>
                          <m:rPr>
                            <m:nor/>
                          </m:rPr>
                          <a:rPr lang="en-US" sz="1400" i="1" dirty="0"/>
                          <m:t>n</m:t>
                        </m:r>
                        <m:r>
                          <m:rPr>
                            <m:nor/>
                          </m:rPr>
                          <a:rPr lang="en-US" sz="1400" i="1" dirty="0"/>
                          <m:t>. </m:t>
                        </m:r>
                        <m:r>
                          <m:rPr>
                            <m:nor/>
                          </m:rPr>
                          <a:rPr lang="en-US" sz="1400" i="1" dirty="0"/>
                          <m:t>totale</m:t>
                        </m:r>
                        <m:r>
                          <m:rPr>
                            <m:nor/>
                          </m:rPr>
                          <a:rPr lang="en-US" sz="1400" i="1" dirty="0"/>
                          <m:t> </m:t>
                        </m:r>
                        <m:r>
                          <m:rPr>
                            <m:nor/>
                          </m:rPr>
                          <a:rPr lang="en-US" sz="1400" i="1" dirty="0"/>
                          <m:t>di</m:t>
                        </m:r>
                        <m:r>
                          <m:rPr>
                            <m:nor/>
                          </m:rPr>
                          <a:rPr lang="en-US" sz="1400" i="1" dirty="0"/>
                          <m:t> </m:t>
                        </m:r>
                        <m:r>
                          <m:rPr>
                            <m:nor/>
                          </m:rPr>
                          <a:rPr lang="en-US" sz="1400" i="1" dirty="0"/>
                          <m:t>audit</m:t>
                        </m:r>
                        <m:r>
                          <m:rPr>
                            <m:nor/>
                          </m:rPr>
                          <a:rPr lang="en-US" sz="1400" i="1" dirty="0"/>
                          <m:t> </m:t>
                        </m:r>
                        <m:r>
                          <m:rPr>
                            <m:nor/>
                          </m:rPr>
                          <a:rPr lang="en-US" sz="1400" i="1" dirty="0"/>
                          <m:t>eseguiti</m:t>
                        </m:r>
                      </m:den>
                    </m:f>
                  </m:oMath>
                </a14:m>
                <a:endParaRPr lang="en-US" i="1"/>
              </a:p>
              <a:p>
                <a:pPr marR="0" lvl="0" fontAlgn="base">
                  <a:lnSpc>
                    <a:spcPct val="100000"/>
                  </a:lnSpc>
                  <a:spcBef>
                    <a:spcPts val="800"/>
                  </a:spcBef>
                  <a:spcAft>
                    <a:spcPct val="0"/>
                  </a:spcAft>
                  <a:buClrTx/>
                  <a:buSzTx/>
                  <a:tabLst/>
                  <a:defRPr/>
                </a:pPr>
                <a:endParaRPr lang="en-US"/>
              </a:p>
              <a:p>
                <a:pPr marR="0" lvl="0" fontAlgn="base">
                  <a:lnSpc>
                    <a:spcPct val="100000"/>
                  </a:lnSpc>
                  <a:spcBef>
                    <a:spcPts val="800"/>
                  </a:spcBef>
                  <a:spcAft>
                    <a:spcPct val="0"/>
                  </a:spcAft>
                  <a:buClrTx/>
                  <a:buSzTx/>
                  <a:tabLst/>
                  <a:defRPr/>
                </a:pPr>
                <a:r>
                  <a:rPr lang="en-US" sz="1600"/>
                  <a:t>INCIDENZA:  </a:t>
                </a:r>
                <a14:m>
                  <m:oMath xmlns:m="http://schemas.openxmlformats.org/officeDocument/2006/math">
                    <m:f>
                      <m:fPr>
                        <m:ctrlPr>
                          <a:rPr lang="en-US" sz="1700" i="1" dirty="0">
                            <a:latin typeface="Cambria Math" panose="02040503050406030204" pitchFamily="18" charset="0"/>
                          </a:rPr>
                        </m:ctrlPr>
                      </m:fPr>
                      <m:num>
                        <m:r>
                          <a:rPr lang="en-US" sz="1700" b="0" i="1" dirty="0">
                            <a:latin typeface="Cambria Math" panose="02040503050406030204" pitchFamily="18" charset="0"/>
                          </a:rPr>
                          <m:t>𝑛</m:t>
                        </m:r>
                        <m:r>
                          <a:rPr lang="en-US" sz="1700" b="0" dirty="0">
                            <a:latin typeface="Cambria Math" panose="02040503050406030204" pitchFamily="18" charset="0"/>
                          </a:rPr>
                          <m:t>. </m:t>
                        </m:r>
                        <m:r>
                          <a:rPr lang="en-US" sz="1700" b="0" i="1" dirty="0">
                            <a:latin typeface="Cambria Math" panose="02040503050406030204" pitchFamily="18" charset="0"/>
                          </a:rPr>
                          <m:t>𝑁𝐶</m:t>
                        </m:r>
                      </m:num>
                      <m:den>
                        <m:r>
                          <a:rPr lang="en-US" sz="1700" b="0" i="1" dirty="0">
                            <a:latin typeface="Cambria Math" panose="02040503050406030204" pitchFamily="18" charset="0"/>
                          </a:rPr>
                          <m:t>𝑛</m:t>
                        </m:r>
                        <m:r>
                          <a:rPr lang="en-US" sz="1700" b="0" dirty="0">
                            <a:latin typeface="Cambria Math" panose="02040503050406030204" pitchFamily="18" charset="0"/>
                          </a:rPr>
                          <m:t>.</m:t>
                        </m:r>
                        <m:r>
                          <a:rPr lang="en-US" sz="1700" b="0" i="1" dirty="0">
                            <a:latin typeface="Cambria Math" panose="02040503050406030204" pitchFamily="18" charset="0"/>
                          </a:rPr>
                          <m:t>𝐴𝑢𝑑𝑖𝑡</m:t>
                        </m:r>
                        <m:r>
                          <a:rPr lang="en-US" sz="1700" b="0" dirty="0">
                            <a:latin typeface="Cambria Math" panose="02040503050406030204" pitchFamily="18" charset="0"/>
                          </a:rPr>
                          <m:t> </m:t>
                        </m:r>
                        <m:r>
                          <a:rPr lang="en-US" sz="1700" b="0" i="1" dirty="0" err="1">
                            <a:latin typeface="Cambria Math" panose="02040503050406030204" pitchFamily="18" charset="0"/>
                          </a:rPr>
                          <m:t>𝑒𝑓𝑓𝑒𝑡𝑡𝑢𝑎𝑡𝑖</m:t>
                        </m:r>
                        <m:r>
                          <m:rPr>
                            <m:nor/>
                          </m:rPr>
                          <a:rPr lang="en-US" sz="1700" dirty="0"/>
                          <m:t> </m:t>
                        </m:r>
                      </m:den>
                    </m:f>
                  </m:oMath>
                </a14:m>
                <a:endParaRPr lang="en-US" sz="1700"/>
              </a:p>
            </p:txBody>
          </p:sp>
        </mc:Choice>
        <mc:Fallback xmlns="">
          <p:sp>
            <p:nvSpPr>
              <p:cNvPr id="2" name="TextBox 1">
                <a:extLst>
                  <a:ext uri="{FF2B5EF4-FFF2-40B4-BE49-F238E27FC236}">
                    <a16:creationId xmlns:a16="http://schemas.microsoft.com/office/drawing/2014/main" id="{2D40E7FF-84F3-978E-8D0A-B4576A7B45DD}"/>
                  </a:ext>
                </a:extLst>
              </p:cNvPr>
              <p:cNvSpPr txBox="1">
                <a:spLocks noRot="1" noChangeAspect="1" noMove="1" noResize="1" noEditPoints="1" noAdjustHandles="1" noChangeArrowheads="1" noChangeShapeType="1" noTextEdit="1"/>
              </p:cNvSpPr>
              <p:nvPr/>
            </p:nvSpPr>
            <p:spPr>
              <a:xfrm>
                <a:off x="566842" y="4638361"/>
                <a:ext cx="4550963" cy="1388201"/>
              </a:xfrm>
              <a:prstGeom prst="rect">
                <a:avLst/>
              </a:prstGeom>
              <a:blipFill>
                <a:blip r:embed="rId4"/>
                <a:stretch>
                  <a:fillRect l="-803"/>
                </a:stretch>
              </a:blipFill>
            </p:spPr>
            <p:txBody>
              <a:bodyPr/>
              <a:lstStyle/>
              <a:p>
                <a:r>
                  <a:rPr lang="en-US">
                    <a:noFill/>
                  </a:rPr>
                  <a:t> </a:t>
                </a:r>
              </a:p>
            </p:txBody>
          </p:sp>
        </mc:Fallback>
      </mc:AlternateContent>
      <p:sp>
        <p:nvSpPr>
          <p:cNvPr id="3" name="TextBox 2">
            <a:extLst>
              <a:ext uri="{FF2B5EF4-FFF2-40B4-BE49-F238E27FC236}">
                <a16:creationId xmlns:a16="http://schemas.microsoft.com/office/drawing/2014/main" id="{9F126946-A190-9E6C-C144-9C902F43028A}"/>
              </a:ext>
            </a:extLst>
          </p:cNvPr>
          <p:cNvSpPr txBox="1"/>
          <p:nvPr/>
        </p:nvSpPr>
        <p:spPr>
          <a:xfrm>
            <a:off x="566842" y="4302432"/>
            <a:ext cx="6481191" cy="584775"/>
          </a:xfrm>
          <a:prstGeom prst="rect">
            <a:avLst/>
          </a:prstGeom>
          <a:noFill/>
        </p:spPr>
        <p:txBody>
          <a:bodyPr wrap="square">
            <a:spAutoFit/>
          </a:bodyPr>
          <a:lstStyle/>
          <a:p>
            <a:r>
              <a:rPr lang="it-IT" sz="1600" b="1"/>
              <a:t>FORMUL</a:t>
            </a:r>
            <a:r>
              <a:rPr lang="it-IT" sz="1600"/>
              <a:t>E</a:t>
            </a:r>
          </a:p>
          <a:p>
            <a:endParaRPr lang="it-IT" sz="1600"/>
          </a:p>
        </p:txBody>
      </p:sp>
    </p:spTree>
    <p:extLst>
      <p:ext uri="{BB962C8B-B14F-4D97-AF65-F5344CB8AC3E}">
        <p14:creationId xmlns:p14="http://schemas.microsoft.com/office/powerpoint/2010/main" val="27427158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08F2B45B-2BC1-44B2-4465-F8FD2B97328F}"/>
              </a:ext>
            </a:extLst>
          </p:cNvPr>
          <p:cNvSpPr txBox="1"/>
          <p:nvPr/>
        </p:nvSpPr>
        <p:spPr>
          <a:xfrm>
            <a:off x="538575" y="166886"/>
            <a:ext cx="9742629" cy="1077218"/>
          </a:xfrm>
          <a:prstGeom prst="rect">
            <a:avLst/>
          </a:prstGeom>
          <a:noFill/>
        </p:spPr>
        <p:txBody>
          <a:bodyPr wrap="square" rtlCol="0">
            <a:spAutoFit/>
          </a:bodyPr>
          <a:lstStyle/>
          <a:p>
            <a:r>
              <a:rPr lang="en-US" sz="3200" dirty="0">
                <a:solidFill>
                  <a:schemeClr val="tx1">
                    <a:lumMod val="75000"/>
                    <a:lumOff val="25000"/>
                  </a:schemeClr>
                </a:solidFill>
              </a:rPr>
              <a:t>Ericsson in Italia - </a:t>
            </a:r>
            <a:r>
              <a:rPr lang="it-IT" sz="3200" dirty="0">
                <a:solidFill>
                  <a:schemeClr val="tx1">
                    <a:lumMod val="75000"/>
                    <a:lumOff val="25000"/>
                  </a:schemeClr>
                </a:solidFill>
              </a:rPr>
              <a:t>105 anni di innovazioni e investimenti</a:t>
            </a:r>
          </a:p>
          <a:p>
            <a:endParaRPr lang="en-US" sz="3200" dirty="0">
              <a:solidFill>
                <a:schemeClr val="tx1">
                  <a:lumMod val="75000"/>
                  <a:lumOff val="25000"/>
                </a:schemeClr>
              </a:solidFill>
            </a:endParaRPr>
          </a:p>
        </p:txBody>
      </p:sp>
      <p:cxnSp>
        <p:nvCxnSpPr>
          <p:cNvPr id="35" name="Straight Connector 34">
            <a:extLst>
              <a:ext uri="{FF2B5EF4-FFF2-40B4-BE49-F238E27FC236}">
                <a16:creationId xmlns:a16="http://schemas.microsoft.com/office/drawing/2014/main" id="{6DA4F8F9-EAFC-DA02-1EAC-A1777C1A0701}"/>
              </a:ext>
            </a:extLst>
          </p:cNvPr>
          <p:cNvCxnSpPr/>
          <p:nvPr/>
        </p:nvCxnSpPr>
        <p:spPr>
          <a:xfrm>
            <a:off x="630620" y="734762"/>
            <a:ext cx="10731063" cy="0"/>
          </a:xfrm>
          <a:prstGeom prst="line">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pic>
        <p:nvPicPr>
          <p:cNvPr id="3" name="Graphic 2">
            <a:extLst>
              <a:ext uri="{FF2B5EF4-FFF2-40B4-BE49-F238E27FC236}">
                <a16:creationId xmlns:a16="http://schemas.microsoft.com/office/drawing/2014/main" id="{8ED2B46D-930D-5FD7-D544-B8C26E51DCCB}"/>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547615" y="291526"/>
            <a:ext cx="256032" cy="256032"/>
          </a:xfrm>
          <a:prstGeom prst="rect">
            <a:avLst/>
          </a:prstGeom>
        </p:spPr>
      </p:pic>
      <p:grpSp>
        <p:nvGrpSpPr>
          <p:cNvPr id="2" name="Google Shape;91;p16">
            <a:extLst>
              <a:ext uri="{FF2B5EF4-FFF2-40B4-BE49-F238E27FC236}">
                <a16:creationId xmlns:a16="http://schemas.microsoft.com/office/drawing/2014/main" id="{5D1C4677-CB1E-3803-F52B-221FB60E454D}"/>
              </a:ext>
            </a:extLst>
          </p:cNvPr>
          <p:cNvGrpSpPr/>
          <p:nvPr/>
        </p:nvGrpSpPr>
        <p:grpSpPr>
          <a:xfrm>
            <a:off x="177161" y="3488662"/>
            <a:ext cx="3230867" cy="3262836"/>
            <a:chOff x="952425" y="975827"/>
            <a:chExt cx="3647921" cy="3723858"/>
          </a:xfrm>
        </p:grpSpPr>
        <p:sp>
          <p:nvSpPr>
            <p:cNvPr id="4" name="Google Shape;92;p16">
              <a:extLst>
                <a:ext uri="{FF2B5EF4-FFF2-40B4-BE49-F238E27FC236}">
                  <a16:creationId xmlns:a16="http://schemas.microsoft.com/office/drawing/2014/main" id="{358532F6-3DCD-FA70-74D8-C2B59B51BC61}"/>
                </a:ext>
              </a:extLst>
            </p:cNvPr>
            <p:cNvSpPr/>
            <p:nvPr/>
          </p:nvSpPr>
          <p:spPr>
            <a:xfrm>
              <a:off x="952425" y="975827"/>
              <a:ext cx="3647921" cy="3616131"/>
            </a:xfrm>
            <a:custGeom>
              <a:avLst/>
              <a:gdLst/>
              <a:ahLst/>
              <a:cxnLst/>
              <a:rect l="l" t="t" r="r" b="b"/>
              <a:pathLst>
                <a:path w="130703" h="129564" extrusionOk="0">
                  <a:moveTo>
                    <a:pt x="78832" y="1"/>
                  </a:moveTo>
                  <a:cubicBezTo>
                    <a:pt x="72276" y="1"/>
                    <a:pt x="65516" y="1663"/>
                    <a:pt x="59324" y="4288"/>
                  </a:cubicBezTo>
                  <a:cubicBezTo>
                    <a:pt x="50176" y="8173"/>
                    <a:pt x="41078" y="12208"/>
                    <a:pt x="32030" y="16293"/>
                  </a:cubicBezTo>
                  <a:cubicBezTo>
                    <a:pt x="23459" y="20178"/>
                    <a:pt x="14913" y="23461"/>
                    <a:pt x="8271" y="30378"/>
                  </a:cubicBezTo>
                  <a:cubicBezTo>
                    <a:pt x="4236" y="34589"/>
                    <a:pt x="1178" y="39952"/>
                    <a:pt x="577" y="45792"/>
                  </a:cubicBezTo>
                  <a:cubicBezTo>
                    <a:pt x="0" y="51205"/>
                    <a:pt x="1730" y="56569"/>
                    <a:pt x="4261" y="61306"/>
                  </a:cubicBezTo>
                  <a:cubicBezTo>
                    <a:pt x="7469" y="67220"/>
                    <a:pt x="11679" y="72333"/>
                    <a:pt x="13283" y="79000"/>
                  </a:cubicBezTo>
                  <a:cubicBezTo>
                    <a:pt x="16191" y="91155"/>
                    <a:pt x="15038" y="104038"/>
                    <a:pt x="20502" y="115642"/>
                  </a:cubicBezTo>
                  <a:cubicBezTo>
                    <a:pt x="23459" y="121882"/>
                    <a:pt x="28647" y="127421"/>
                    <a:pt x="35364" y="129075"/>
                  </a:cubicBezTo>
                  <a:cubicBezTo>
                    <a:pt x="36740" y="129410"/>
                    <a:pt x="38106" y="129563"/>
                    <a:pt x="39455" y="129563"/>
                  </a:cubicBezTo>
                  <a:cubicBezTo>
                    <a:pt x="44667" y="129563"/>
                    <a:pt x="49636" y="127286"/>
                    <a:pt x="54036" y="124439"/>
                  </a:cubicBezTo>
                  <a:cubicBezTo>
                    <a:pt x="62206" y="119100"/>
                    <a:pt x="67895" y="111206"/>
                    <a:pt x="77469" y="107947"/>
                  </a:cubicBezTo>
                  <a:cubicBezTo>
                    <a:pt x="80573" y="106888"/>
                    <a:pt x="83732" y="106532"/>
                    <a:pt x="86924" y="106532"/>
                  </a:cubicBezTo>
                  <a:cubicBezTo>
                    <a:pt x="93454" y="106532"/>
                    <a:pt x="100117" y="108022"/>
                    <a:pt x="106705" y="108022"/>
                  </a:cubicBezTo>
                  <a:cubicBezTo>
                    <a:pt x="109612" y="108022"/>
                    <a:pt x="112504" y="107732"/>
                    <a:pt x="115364" y="106895"/>
                  </a:cubicBezTo>
                  <a:cubicBezTo>
                    <a:pt x="124838" y="104138"/>
                    <a:pt x="130703" y="95817"/>
                    <a:pt x="130678" y="86068"/>
                  </a:cubicBezTo>
                  <a:cubicBezTo>
                    <a:pt x="130678" y="81055"/>
                    <a:pt x="129600" y="76268"/>
                    <a:pt x="127996" y="71657"/>
                  </a:cubicBezTo>
                  <a:cubicBezTo>
                    <a:pt x="124663" y="62058"/>
                    <a:pt x="119099" y="53035"/>
                    <a:pt x="116066" y="43461"/>
                  </a:cubicBezTo>
                  <a:cubicBezTo>
                    <a:pt x="112432" y="32082"/>
                    <a:pt x="109750" y="19526"/>
                    <a:pt x="101830" y="10152"/>
                  </a:cubicBezTo>
                  <a:cubicBezTo>
                    <a:pt x="95674" y="2859"/>
                    <a:pt x="87428" y="1"/>
                    <a:pt x="78832" y="1"/>
                  </a:cubicBezTo>
                  <a:close/>
                </a:path>
              </a:pathLst>
            </a:custGeom>
            <a:solidFill>
              <a:srgbClr val="ECEFF4"/>
            </a:solidFill>
            <a:ln w="19050">
              <a:solidFill>
                <a:srgbClr val="0070C0"/>
              </a:solidFill>
            </a:ln>
          </p:spPr>
          <p:txBody>
            <a:bodyPr spcFirstLastPara="1" wrap="square" lIns="121900" tIns="121900" rIns="121900" bIns="121900" anchor="ctr" anchorCtr="0">
              <a:noAutofit/>
            </a:bodyPr>
            <a:lstStyle/>
            <a:p>
              <a:endParaRPr sz="2400" dirty="0"/>
            </a:p>
          </p:txBody>
        </p:sp>
        <p:sp>
          <p:nvSpPr>
            <p:cNvPr id="6" name="Google Shape;93;p16">
              <a:extLst>
                <a:ext uri="{FF2B5EF4-FFF2-40B4-BE49-F238E27FC236}">
                  <a16:creationId xmlns:a16="http://schemas.microsoft.com/office/drawing/2014/main" id="{BD5AE9BD-1FCA-EC4C-19FC-33CB51867F2B}"/>
                </a:ext>
              </a:extLst>
            </p:cNvPr>
            <p:cNvSpPr/>
            <p:nvPr/>
          </p:nvSpPr>
          <p:spPr>
            <a:xfrm>
              <a:off x="2728102" y="4122004"/>
              <a:ext cx="859712" cy="577681"/>
            </a:xfrm>
            <a:custGeom>
              <a:avLst/>
              <a:gdLst/>
              <a:ahLst/>
              <a:cxnLst/>
              <a:rect l="l" t="t" r="r" b="b"/>
              <a:pathLst>
                <a:path w="30803" h="20698" extrusionOk="0">
                  <a:moveTo>
                    <a:pt x="29775" y="0"/>
                  </a:moveTo>
                  <a:cubicBezTo>
                    <a:pt x="29725" y="0"/>
                    <a:pt x="29625" y="101"/>
                    <a:pt x="29550" y="151"/>
                  </a:cubicBezTo>
                  <a:cubicBezTo>
                    <a:pt x="29516" y="151"/>
                    <a:pt x="29483" y="128"/>
                    <a:pt x="29450" y="128"/>
                  </a:cubicBezTo>
                  <a:cubicBezTo>
                    <a:pt x="29433" y="128"/>
                    <a:pt x="29416" y="134"/>
                    <a:pt x="29399" y="151"/>
                  </a:cubicBezTo>
                  <a:cubicBezTo>
                    <a:pt x="29324" y="226"/>
                    <a:pt x="29274" y="376"/>
                    <a:pt x="29274" y="451"/>
                  </a:cubicBezTo>
                  <a:cubicBezTo>
                    <a:pt x="29174" y="502"/>
                    <a:pt x="28998" y="727"/>
                    <a:pt x="28873" y="727"/>
                  </a:cubicBezTo>
                  <a:cubicBezTo>
                    <a:pt x="28852" y="738"/>
                    <a:pt x="28827" y="742"/>
                    <a:pt x="28801" y="742"/>
                  </a:cubicBezTo>
                  <a:cubicBezTo>
                    <a:pt x="28730" y="742"/>
                    <a:pt x="28648" y="713"/>
                    <a:pt x="28594" y="713"/>
                  </a:cubicBezTo>
                  <a:cubicBezTo>
                    <a:pt x="28574" y="713"/>
                    <a:pt x="28558" y="717"/>
                    <a:pt x="28547" y="727"/>
                  </a:cubicBezTo>
                  <a:lnTo>
                    <a:pt x="28372" y="727"/>
                  </a:lnTo>
                  <a:cubicBezTo>
                    <a:pt x="28322" y="777"/>
                    <a:pt x="28322" y="953"/>
                    <a:pt x="28272" y="1003"/>
                  </a:cubicBezTo>
                  <a:cubicBezTo>
                    <a:pt x="28196" y="1128"/>
                    <a:pt x="28046" y="1279"/>
                    <a:pt x="27921" y="1354"/>
                  </a:cubicBezTo>
                  <a:cubicBezTo>
                    <a:pt x="27820" y="1404"/>
                    <a:pt x="27595" y="1504"/>
                    <a:pt x="27470" y="1579"/>
                  </a:cubicBezTo>
                  <a:cubicBezTo>
                    <a:pt x="27369" y="1579"/>
                    <a:pt x="27194" y="1579"/>
                    <a:pt x="27069" y="1504"/>
                  </a:cubicBezTo>
                  <a:lnTo>
                    <a:pt x="27018" y="1404"/>
                  </a:lnTo>
                  <a:cubicBezTo>
                    <a:pt x="27018" y="1279"/>
                    <a:pt x="27069" y="1128"/>
                    <a:pt x="27069" y="1053"/>
                  </a:cubicBezTo>
                  <a:cubicBezTo>
                    <a:pt x="27018" y="953"/>
                    <a:pt x="27018" y="777"/>
                    <a:pt x="26968" y="727"/>
                  </a:cubicBezTo>
                  <a:cubicBezTo>
                    <a:pt x="26918" y="677"/>
                    <a:pt x="26743" y="602"/>
                    <a:pt x="26693" y="602"/>
                  </a:cubicBezTo>
                  <a:cubicBezTo>
                    <a:pt x="26617" y="677"/>
                    <a:pt x="26567" y="677"/>
                    <a:pt x="26517" y="727"/>
                  </a:cubicBezTo>
                  <a:cubicBezTo>
                    <a:pt x="26517" y="777"/>
                    <a:pt x="26617" y="827"/>
                    <a:pt x="26617" y="903"/>
                  </a:cubicBezTo>
                  <a:cubicBezTo>
                    <a:pt x="26693" y="953"/>
                    <a:pt x="26743" y="1128"/>
                    <a:pt x="26743" y="1228"/>
                  </a:cubicBezTo>
                  <a:cubicBezTo>
                    <a:pt x="26743" y="1354"/>
                    <a:pt x="26693" y="1680"/>
                    <a:pt x="26617" y="1855"/>
                  </a:cubicBezTo>
                  <a:cubicBezTo>
                    <a:pt x="26567" y="2030"/>
                    <a:pt x="26392" y="2256"/>
                    <a:pt x="26292" y="2306"/>
                  </a:cubicBezTo>
                  <a:cubicBezTo>
                    <a:pt x="26116" y="2406"/>
                    <a:pt x="25891" y="2632"/>
                    <a:pt x="25715" y="2632"/>
                  </a:cubicBezTo>
                  <a:cubicBezTo>
                    <a:pt x="25690" y="2670"/>
                    <a:pt x="25634" y="2688"/>
                    <a:pt x="25571" y="2688"/>
                  </a:cubicBezTo>
                  <a:cubicBezTo>
                    <a:pt x="25508" y="2688"/>
                    <a:pt x="25439" y="2670"/>
                    <a:pt x="25389" y="2632"/>
                  </a:cubicBezTo>
                  <a:cubicBezTo>
                    <a:pt x="25339" y="2632"/>
                    <a:pt x="25214" y="2482"/>
                    <a:pt x="25164" y="2406"/>
                  </a:cubicBezTo>
                  <a:cubicBezTo>
                    <a:pt x="25038" y="2356"/>
                    <a:pt x="24888" y="2356"/>
                    <a:pt x="24763" y="2356"/>
                  </a:cubicBezTo>
                  <a:cubicBezTo>
                    <a:pt x="24663" y="2356"/>
                    <a:pt x="24437" y="2356"/>
                    <a:pt x="24312" y="2306"/>
                  </a:cubicBezTo>
                  <a:cubicBezTo>
                    <a:pt x="24262" y="2256"/>
                    <a:pt x="24136" y="2030"/>
                    <a:pt x="24036" y="1955"/>
                  </a:cubicBezTo>
                  <a:lnTo>
                    <a:pt x="23760" y="1955"/>
                  </a:lnTo>
                  <a:cubicBezTo>
                    <a:pt x="23635" y="2030"/>
                    <a:pt x="23535" y="2181"/>
                    <a:pt x="23409" y="2256"/>
                  </a:cubicBezTo>
                  <a:cubicBezTo>
                    <a:pt x="23359" y="2356"/>
                    <a:pt x="23134" y="2482"/>
                    <a:pt x="23008" y="2482"/>
                  </a:cubicBezTo>
                  <a:cubicBezTo>
                    <a:pt x="22975" y="2498"/>
                    <a:pt x="22928" y="2504"/>
                    <a:pt x="22875" y="2504"/>
                  </a:cubicBezTo>
                  <a:cubicBezTo>
                    <a:pt x="22769" y="2504"/>
                    <a:pt x="22641" y="2482"/>
                    <a:pt x="22557" y="2482"/>
                  </a:cubicBezTo>
                  <a:cubicBezTo>
                    <a:pt x="22490" y="2482"/>
                    <a:pt x="22368" y="2448"/>
                    <a:pt x="22257" y="2448"/>
                  </a:cubicBezTo>
                  <a:cubicBezTo>
                    <a:pt x="22201" y="2448"/>
                    <a:pt x="22148" y="2457"/>
                    <a:pt x="22106" y="2482"/>
                  </a:cubicBezTo>
                  <a:cubicBezTo>
                    <a:pt x="22006" y="2532"/>
                    <a:pt x="21881" y="2807"/>
                    <a:pt x="21830" y="2933"/>
                  </a:cubicBezTo>
                  <a:cubicBezTo>
                    <a:pt x="21780" y="3033"/>
                    <a:pt x="21655" y="3259"/>
                    <a:pt x="21555" y="3309"/>
                  </a:cubicBezTo>
                  <a:cubicBezTo>
                    <a:pt x="21429" y="3434"/>
                    <a:pt x="21204" y="3534"/>
                    <a:pt x="21104" y="3609"/>
                  </a:cubicBezTo>
                  <a:cubicBezTo>
                    <a:pt x="21053" y="3660"/>
                    <a:pt x="20878" y="3710"/>
                    <a:pt x="20828" y="3710"/>
                  </a:cubicBezTo>
                  <a:lnTo>
                    <a:pt x="20602" y="3710"/>
                  </a:lnTo>
                  <a:cubicBezTo>
                    <a:pt x="20527" y="3760"/>
                    <a:pt x="20427" y="3835"/>
                    <a:pt x="20427" y="3885"/>
                  </a:cubicBezTo>
                  <a:cubicBezTo>
                    <a:pt x="20251" y="3935"/>
                    <a:pt x="19976" y="4061"/>
                    <a:pt x="19800" y="4061"/>
                  </a:cubicBezTo>
                  <a:cubicBezTo>
                    <a:pt x="19783" y="4069"/>
                    <a:pt x="19759" y="4073"/>
                    <a:pt x="19731" y="4073"/>
                  </a:cubicBezTo>
                  <a:cubicBezTo>
                    <a:pt x="19638" y="4073"/>
                    <a:pt x="19498" y="4036"/>
                    <a:pt x="19380" y="4036"/>
                  </a:cubicBezTo>
                  <a:cubicBezTo>
                    <a:pt x="19331" y="4036"/>
                    <a:pt x="19285" y="4042"/>
                    <a:pt x="19249" y="4061"/>
                  </a:cubicBezTo>
                  <a:cubicBezTo>
                    <a:pt x="19174" y="4061"/>
                    <a:pt x="19023" y="4111"/>
                    <a:pt x="18898" y="4111"/>
                  </a:cubicBezTo>
                  <a:cubicBezTo>
                    <a:pt x="18798" y="4161"/>
                    <a:pt x="18572" y="4336"/>
                    <a:pt x="18447" y="4336"/>
                  </a:cubicBezTo>
                  <a:cubicBezTo>
                    <a:pt x="18388" y="4353"/>
                    <a:pt x="18319" y="4358"/>
                    <a:pt x="18248" y="4358"/>
                  </a:cubicBezTo>
                  <a:cubicBezTo>
                    <a:pt x="18107" y="4358"/>
                    <a:pt x="17962" y="4336"/>
                    <a:pt x="17896" y="4336"/>
                  </a:cubicBezTo>
                  <a:cubicBezTo>
                    <a:pt x="17770" y="4386"/>
                    <a:pt x="17545" y="4512"/>
                    <a:pt x="17369" y="4512"/>
                  </a:cubicBezTo>
                  <a:cubicBezTo>
                    <a:pt x="17319" y="4512"/>
                    <a:pt x="17094" y="4512"/>
                    <a:pt x="16993" y="4436"/>
                  </a:cubicBezTo>
                  <a:cubicBezTo>
                    <a:pt x="16868" y="4436"/>
                    <a:pt x="16642" y="4336"/>
                    <a:pt x="16542" y="4336"/>
                  </a:cubicBezTo>
                  <a:cubicBezTo>
                    <a:pt x="16467" y="4336"/>
                    <a:pt x="16367" y="4336"/>
                    <a:pt x="16317" y="4386"/>
                  </a:cubicBezTo>
                  <a:cubicBezTo>
                    <a:pt x="16241" y="4386"/>
                    <a:pt x="16191" y="4512"/>
                    <a:pt x="16091" y="4512"/>
                  </a:cubicBezTo>
                  <a:cubicBezTo>
                    <a:pt x="16049" y="4528"/>
                    <a:pt x="15996" y="4534"/>
                    <a:pt x="15941" y="4534"/>
                  </a:cubicBezTo>
                  <a:cubicBezTo>
                    <a:pt x="15829" y="4534"/>
                    <a:pt x="15707" y="4512"/>
                    <a:pt x="15640" y="4512"/>
                  </a:cubicBezTo>
                  <a:cubicBezTo>
                    <a:pt x="15565" y="4436"/>
                    <a:pt x="15515" y="4336"/>
                    <a:pt x="15464" y="4336"/>
                  </a:cubicBezTo>
                  <a:cubicBezTo>
                    <a:pt x="15414" y="4286"/>
                    <a:pt x="15289" y="4286"/>
                    <a:pt x="15239" y="4286"/>
                  </a:cubicBezTo>
                  <a:cubicBezTo>
                    <a:pt x="15189" y="4286"/>
                    <a:pt x="15063" y="4386"/>
                    <a:pt x="15013" y="4386"/>
                  </a:cubicBezTo>
                  <a:cubicBezTo>
                    <a:pt x="14963" y="4386"/>
                    <a:pt x="14888" y="4436"/>
                    <a:pt x="14838" y="4436"/>
                  </a:cubicBezTo>
                  <a:cubicBezTo>
                    <a:pt x="14838" y="4436"/>
                    <a:pt x="14738" y="4336"/>
                    <a:pt x="14662" y="4336"/>
                  </a:cubicBezTo>
                  <a:cubicBezTo>
                    <a:pt x="14612" y="4336"/>
                    <a:pt x="14512" y="4436"/>
                    <a:pt x="14387" y="4512"/>
                  </a:cubicBezTo>
                  <a:cubicBezTo>
                    <a:pt x="14337" y="4512"/>
                    <a:pt x="14161" y="4612"/>
                    <a:pt x="14061" y="4662"/>
                  </a:cubicBezTo>
                  <a:cubicBezTo>
                    <a:pt x="13986" y="4662"/>
                    <a:pt x="13936" y="4837"/>
                    <a:pt x="13886" y="4837"/>
                  </a:cubicBezTo>
                  <a:cubicBezTo>
                    <a:pt x="13835" y="4888"/>
                    <a:pt x="13710" y="5013"/>
                    <a:pt x="13660" y="5013"/>
                  </a:cubicBezTo>
                  <a:cubicBezTo>
                    <a:pt x="13535" y="5063"/>
                    <a:pt x="13309" y="5163"/>
                    <a:pt x="13209" y="5238"/>
                  </a:cubicBezTo>
                  <a:cubicBezTo>
                    <a:pt x="13033" y="5238"/>
                    <a:pt x="12708" y="5238"/>
                    <a:pt x="12532" y="5163"/>
                  </a:cubicBezTo>
                  <a:cubicBezTo>
                    <a:pt x="12407" y="5163"/>
                    <a:pt x="12131" y="5013"/>
                    <a:pt x="11956" y="4938"/>
                  </a:cubicBezTo>
                  <a:cubicBezTo>
                    <a:pt x="11906" y="4888"/>
                    <a:pt x="11680" y="4837"/>
                    <a:pt x="11580" y="4787"/>
                  </a:cubicBezTo>
                  <a:cubicBezTo>
                    <a:pt x="11454" y="4662"/>
                    <a:pt x="11354" y="4512"/>
                    <a:pt x="11229" y="4436"/>
                  </a:cubicBezTo>
                  <a:cubicBezTo>
                    <a:pt x="11129" y="4386"/>
                    <a:pt x="10953" y="4386"/>
                    <a:pt x="10828" y="4386"/>
                  </a:cubicBezTo>
                  <a:cubicBezTo>
                    <a:pt x="10778" y="4336"/>
                    <a:pt x="10677" y="4211"/>
                    <a:pt x="10602" y="4161"/>
                  </a:cubicBezTo>
                  <a:lnTo>
                    <a:pt x="10602" y="3760"/>
                  </a:lnTo>
                  <a:cubicBezTo>
                    <a:pt x="10602" y="3710"/>
                    <a:pt x="10602" y="3534"/>
                    <a:pt x="10552" y="3484"/>
                  </a:cubicBezTo>
                  <a:lnTo>
                    <a:pt x="10377" y="3484"/>
                  </a:lnTo>
                  <a:cubicBezTo>
                    <a:pt x="10327" y="3484"/>
                    <a:pt x="10276" y="3434"/>
                    <a:pt x="10226" y="3434"/>
                  </a:cubicBezTo>
                  <a:cubicBezTo>
                    <a:pt x="10151" y="3484"/>
                    <a:pt x="10151" y="3609"/>
                    <a:pt x="10151" y="3660"/>
                  </a:cubicBezTo>
                  <a:cubicBezTo>
                    <a:pt x="10101" y="3660"/>
                    <a:pt x="10001" y="3760"/>
                    <a:pt x="9926" y="3760"/>
                  </a:cubicBezTo>
                  <a:cubicBezTo>
                    <a:pt x="9902" y="3777"/>
                    <a:pt x="9875" y="3784"/>
                    <a:pt x="9846" y="3784"/>
                  </a:cubicBezTo>
                  <a:cubicBezTo>
                    <a:pt x="9748" y="3784"/>
                    <a:pt x="9627" y="3710"/>
                    <a:pt x="9550" y="3710"/>
                  </a:cubicBezTo>
                  <a:cubicBezTo>
                    <a:pt x="9474" y="3710"/>
                    <a:pt x="9324" y="3760"/>
                    <a:pt x="9249" y="3760"/>
                  </a:cubicBezTo>
                  <a:cubicBezTo>
                    <a:pt x="9199" y="3760"/>
                    <a:pt x="9099" y="3710"/>
                    <a:pt x="9099" y="3660"/>
                  </a:cubicBezTo>
                  <a:cubicBezTo>
                    <a:pt x="8973" y="3609"/>
                    <a:pt x="8973" y="3384"/>
                    <a:pt x="8923" y="3309"/>
                  </a:cubicBezTo>
                  <a:cubicBezTo>
                    <a:pt x="8923" y="3208"/>
                    <a:pt x="8923" y="2933"/>
                    <a:pt x="8873" y="2807"/>
                  </a:cubicBezTo>
                  <a:cubicBezTo>
                    <a:pt x="8798" y="2757"/>
                    <a:pt x="8698" y="2757"/>
                    <a:pt x="8647" y="2707"/>
                  </a:cubicBezTo>
                  <a:cubicBezTo>
                    <a:pt x="8572" y="2632"/>
                    <a:pt x="8522" y="2582"/>
                    <a:pt x="8472" y="2532"/>
                  </a:cubicBezTo>
                  <a:lnTo>
                    <a:pt x="8472" y="2306"/>
                  </a:lnTo>
                  <a:cubicBezTo>
                    <a:pt x="8409" y="2281"/>
                    <a:pt x="8340" y="2269"/>
                    <a:pt x="8271" y="2269"/>
                  </a:cubicBezTo>
                  <a:cubicBezTo>
                    <a:pt x="8203" y="2269"/>
                    <a:pt x="8134" y="2281"/>
                    <a:pt x="8071" y="2306"/>
                  </a:cubicBezTo>
                  <a:cubicBezTo>
                    <a:pt x="8021" y="2356"/>
                    <a:pt x="7971" y="2482"/>
                    <a:pt x="7896" y="2532"/>
                  </a:cubicBezTo>
                  <a:cubicBezTo>
                    <a:pt x="7845" y="2582"/>
                    <a:pt x="7670" y="2757"/>
                    <a:pt x="7620" y="2807"/>
                  </a:cubicBezTo>
                  <a:cubicBezTo>
                    <a:pt x="7520" y="2858"/>
                    <a:pt x="7219" y="2858"/>
                    <a:pt x="7068" y="2858"/>
                  </a:cubicBezTo>
                  <a:cubicBezTo>
                    <a:pt x="6943" y="2858"/>
                    <a:pt x="6768" y="2807"/>
                    <a:pt x="6667" y="2807"/>
                  </a:cubicBezTo>
                  <a:cubicBezTo>
                    <a:pt x="6651" y="2791"/>
                    <a:pt x="6620" y="2785"/>
                    <a:pt x="6585" y="2785"/>
                  </a:cubicBezTo>
                  <a:cubicBezTo>
                    <a:pt x="6514" y="2785"/>
                    <a:pt x="6425" y="2807"/>
                    <a:pt x="6392" y="2807"/>
                  </a:cubicBezTo>
                  <a:cubicBezTo>
                    <a:pt x="6317" y="2807"/>
                    <a:pt x="6216" y="2858"/>
                    <a:pt x="6166" y="2933"/>
                  </a:cubicBezTo>
                  <a:cubicBezTo>
                    <a:pt x="6091" y="2983"/>
                    <a:pt x="5991" y="3083"/>
                    <a:pt x="5991" y="3158"/>
                  </a:cubicBezTo>
                  <a:cubicBezTo>
                    <a:pt x="5991" y="3208"/>
                    <a:pt x="6041" y="3309"/>
                    <a:pt x="5991" y="3384"/>
                  </a:cubicBezTo>
                  <a:cubicBezTo>
                    <a:pt x="5991" y="3384"/>
                    <a:pt x="5941" y="3384"/>
                    <a:pt x="5865" y="3434"/>
                  </a:cubicBezTo>
                  <a:lnTo>
                    <a:pt x="5865" y="3534"/>
                  </a:lnTo>
                  <a:cubicBezTo>
                    <a:pt x="5941" y="3609"/>
                    <a:pt x="5991" y="3710"/>
                    <a:pt x="5991" y="3760"/>
                  </a:cubicBezTo>
                  <a:cubicBezTo>
                    <a:pt x="6041" y="3885"/>
                    <a:pt x="5991" y="4061"/>
                    <a:pt x="5991" y="4161"/>
                  </a:cubicBezTo>
                  <a:cubicBezTo>
                    <a:pt x="5941" y="4211"/>
                    <a:pt x="5765" y="4286"/>
                    <a:pt x="5640" y="4336"/>
                  </a:cubicBezTo>
                  <a:cubicBezTo>
                    <a:pt x="5590" y="4386"/>
                    <a:pt x="5364" y="4512"/>
                    <a:pt x="5264" y="4562"/>
                  </a:cubicBezTo>
                  <a:cubicBezTo>
                    <a:pt x="5189" y="4612"/>
                    <a:pt x="5139" y="4712"/>
                    <a:pt x="5088" y="4787"/>
                  </a:cubicBezTo>
                  <a:lnTo>
                    <a:pt x="4863" y="4787"/>
                  </a:lnTo>
                  <a:cubicBezTo>
                    <a:pt x="4813" y="4787"/>
                    <a:pt x="4687" y="4888"/>
                    <a:pt x="4637" y="4888"/>
                  </a:cubicBezTo>
                  <a:cubicBezTo>
                    <a:pt x="4512" y="4938"/>
                    <a:pt x="4362" y="4938"/>
                    <a:pt x="4236" y="4938"/>
                  </a:cubicBezTo>
                  <a:cubicBezTo>
                    <a:pt x="4186" y="4888"/>
                    <a:pt x="4011" y="4662"/>
                    <a:pt x="3961" y="4612"/>
                  </a:cubicBezTo>
                  <a:cubicBezTo>
                    <a:pt x="3911" y="4612"/>
                    <a:pt x="3735" y="4512"/>
                    <a:pt x="3685" y="4512"/>
                  </a:cubicBezTo>
                  <a:cubicBezTo>
                    <a:pt x="3560" y="4386"/>
                    <a:pt x="3384" y="4286"/>
                    <a:pt x="3334" y="4161"/>
                  </a:cubicBezTo>
                  <a:cubicBezTo>
                    <a:pt x="3284" y="4061"/>
                    <a:pt x="3284" y="3835"/>
                    <a:pt x="3234" y="3710"/>
                  </a:cubicBezTo>
                  <a:cubicBezTo>
                    <a:pt x="3234" y="3660"/>
                    <a:pt x="3109" y="3534"/>
                    <a:pt x="3058" y="3484"/>
                  </a:cubicBezTo>
                  <a:cubicBezTo>
                    <a:pt x="3058" y="3434"/>
                    <a:pt x="3159" y="3309"/>
                    <a:pt x="3109" y="3259"/>
                  </a:cubicBezTo>
                  <a:cubicBezTo>
                    <a:pt x="3109" y="3208"/>
                    <a:pt x="2933" y="3208"/>
                    <a:pt x="2883" y="3158"/>
                  </a:cubicBezTo>
                  <a:cubicBezTo>
                    <a:pt x="2883" y="3158"/>
                    <a:pt x="2833" y="3033"/>
                    <a:pt x="2783" y="3033"/>
                  </a:cubicBezTo>
                  <a:cubicBezTo>
                    <a:pt x="2708" y="3033"/>
                    <a:pt x="2607" y="3083"/>
                    <a:pt x="2607" y="3158"/>
                  </a:cubicBezTo>
                  <a:cubicBezTo>
                    <a:pt x="2557" y="3208"/>
                    <a:pt x="2482" y="3384"/>
                    <a:pt x="2557" y="3434"/>
                  </a:cubicBezTo>
                  <a:cubicBezTo>
                    <a:pt x="2557" y="3484"/>
                    <a:pt x="2657" y="3534"/>
                    <a:pt x="2657" y="3609"/>
                  </a:cubicBezTo>
                  <a:cubicBezTo>
                    <a:pt x="2657" y="3660"/>
                    <a:pt x="2557" y="3760"/>
                    <a:pt x="2557" y="3835"/>
                  </a:cubicBezTo>
                  <a:cubicBezTo>
                    <a:pt x="2557" y="3885"/>
                    <a:pt x="2607" y="3935"/>
                    <a:pt x="2607" y="3985"/>
                  </a:cubicBezTo>
                  <a:cubicBezTo>
                    <a:pt x="2557" y="4061"/>
                    <a:pt x="2432" y="4161"/>
                    <a:pt x="2382" y="4161"/>
                  </a:cubicBezTo>
                  <a:cubicBezTo>
                    <a:pt x="2332" y="4161"/>
                    <a:pt x="2256" y="4061"/>
                    <a:pt x="2206" y="4061"/>
                  </a:cubicBezTo>
                  <a:cubicBezTo>
                    <a:pt x="2190" y="4035"/>
                    <a:pt x="2173" y="4027"/>
                    <a:pt x="2155" y="4027"/>
                  </a:cubicBezTo>
                  <a:cubicBezTo>
                    <a:pt x="2120" y="4027"/>
                    <a:pt x="2081" y="4061"/>
                    <a:pt x="2031" y="4061"/>
                  </a:cubicBezTo>
                  <a:cubicBezTo>
                    <a:pt x="1981" y="4111"/>
                    <a:pt x="1981" y="4211"/>
                    <a:pt x="1931" y="4211"/>
                  </a:cubicBezTo>
                  <a:cubicBezTo>
                    <a:pt x="1931" y="4336"/>
                    <a:pt x="1880" y="4436"/>
                    <a:pt x="1805" y="4512"/>
                  </a:cubicBezTo>
                  <a:cubicBezTo>
                    <a:pt x="1755" y="4562"/>
                    <a:pt x="1655" y="4612"/>
                    <a:pt x="1580" y="4612"/>
                  </a:cubicBezTo>
                  <a:cubicBezTo>
                    <a:pt x="1570" y="4622"/>
                    <a:pt x="1558" y="4626"/>
                    <a:pt x="1544" y="4626"/>
                  </a:cubicBezTo>
                  <a:cubicBezTo>
                    <a:pt x="1490" y="4626"/>
                    <a:pt x="1414" y="4562"/>
                    <a:pt x="1354" y="4562"/>
                  </a:cubicBezTo>
                  <a:cubicBezTo>
                    <a:pt x="1304" y="4612"/>
                    <a:pt x="1129" y="4662"/>
                    <a:pt x="1078" y="4712"/>
                  </a:cubicBezTo>
                  <a:cubicBezTo>
                    <a:pt x="1028" y="4712"/>
                    <a:pt x="978" y="4888"/>
                    <a:pt x="903" y="4938"/>
                  </a:cubicBezTo>
                  <a:cubicBezTo>
                    <a:pt x="903" y="4938"/>
                    <a:pt x="803" y="5013"/>
                    <a:pt x="803" y="5063"/>
                  </a:cubicBezTo>
                  <a:cubicBezTo>
                    <a:pt x="753" y="5063"/>
                    <a:pt x="577" y="5113"/>
                    <a:pt x="527" y="5163"/>
                  </a:cubicBezTo>
                  <a:cubicBezTo>
                    <a:pt x="452" y="5163"/>
                    <a:pt x="301" y="5238"/>
                    <a:pt x="301" y="5289"/>
                  </a:cubicBezTo>
                  <a:cubicBezTo>
                    <a:pt x="301" y="5339"/>
                    <a:pt x="452" y="5339"/>
                    <a:pt x="452" y="5389"/>
                  </a:cubicBezTo>
                  <a:cubicBezTo>
                    <a:pt x="452" y="5389"/>
                    <a:pt x="402" y="5514"/>
                    <a:pt x="402" y="5564"/>
                  </a:cubicBezTo>
                  <a:cubicBezTo>
                    <a:pt x="452" y="5564"/>
                    <a:pt x="577" y="5564"/>
                    <a:pt x="577" y="5614"/>
                  </a:cubicBezTo>
                  <a:cubicBezTo>
                    <a:pt x="627" y="5690"/>
                    <a:pt x="577" y="5740"/>
                    <a:pt x="577" y="5790"/>
                  </a:cubicBezTo>
                  <a:cubicBezTo>
                    <a:pt x="577" y="5790"/>
                    <a:pt x="452" y="5790"/>
                    <a:pt x="452" y="5840"/>
                  </a:cubicBezTo>
                  <a:lnTo>
                    <a:pt x="452" y="6015"/>
                  </a:lnTo>
                  <a:cubicBezTo>
                    <a:pt x="402" y="6015"/>
                    <a:pt x="352" y="6066"/>
                    <a:pt x="352" y="6066"/>
                  </a:cubicBezTo>
                  <a:cubicBezTo>
                    <a:pt x="352" y="6141"/>
                    <a:pt x="452" y="6141"/>
                    <a:pt x="452" y="6191"/>
                  </a:cubicBezTo>
                  <a:cubicBezTo>
                    <a:pt x="527" y="6241"/>
                    <a:pt x="527" y="6291"/>
                    <a:pt x="452" y="6366"/>
                  </a:cubicBezTo>
                  <a:cubicBezTo>
                    <a:pt x="452" y="6366"/>
                    <a:pt x="402" y="6416"/>
                    <a:pt x="352" y="6416"/>
                  </a:cubicBezTo>
                  <a:cubicBezTo>
                    <a:pt x="301" y="6416"/>
                    <a:pt x="226" y="6517"/>
                    <a:pt x="226" y="6517"/>
                  </a:cubicBezTo>
                  <a:cubicBezTo>
                    <a:pt x="226" y="6592"/>
                    <a:pt x="226" y="6692"/>
                    <a:pt x="301" y="6742"/>
                  </a:cubicBezTo>
                  <a:cubicBezTo>
                    <a:pt x="301" y="6817"/>
                    <a:pt x="402" y="6868"/>
                    <a:pt x="402" y="6918"/>
                  </a:cubicBezTo>
                  <a:cubicBezTo>
                    <a:pt x="452" y="6968"/>
                    <a:pt x="402" y="7143"/>
                    <a:pt x="402" y="7193"/>
                  </a:cubicBezTo>
                  <a:lnTo>
                    <a:pt x="402" y="7594"/>
                  </a:lnTo>
                  <a:cubicBezTo>
                    <a:pt x="352" y="7594"/>
                    <a:pt x="226" y="7645"/>
                    <a:pt x="176" y="7720"/>
                  </a:cubicBezTo>
                  <a:cubicBezTo>
                    <a:pt x="176" y="7720"/>
                    <a:pt x="76" y="7770"/>
                    <a:pt x="1" y="7820"/>
                  </a:cubicBezTo>
                  <a:lnTo>
                    <a:pt x="1" y="7995"/>
                  </a:lnTo>
                  <a:cubicBezTo>
                    <a:pt x="76" y="8046"/>
                    <a:pt x="176" y="8096"/>
                    <a:pt x="176" y="8171"/>
                  </a:cubicBezTo>
                  <a:cubicBezTo>
                    <a:pt x="226" y="8221"/>
                    <a:pt x="301" y="8396"/>
                    <a:pt x="352" y="8497"/>
                  </a:cubicBezTo>
                  <a:cubicBezTo>
                    <a:pt x="402" y="8622"/>
                    <a:pt x="452" y="8772"/>
                    <a:pt x="452" y="8898"/>
                  </a:cubicBezTo>
                  <a:cubicBezTo>
                    <a:pt x="452" y="8948"/>
                    <a:pt x="452" y="9123"/>
                    <a:pt x="527" y="9173"/>
                  </a:cubicBezTo>
                  <a:cubicBezTo>
                    <a:pt x="527" y="9223"/>
                    <a:pt x="753" y="9349"/>
                    <a:pt x="803" y="9449"/>
                  </a:cubicBezTo>
                  <a:cubicBezTo>
                    <a:pt x="853" y="9449"/>
                    <a:pt x="903" y="9574"/>
                    <a:pt x="903" y="9574"/>
                  </a:cubicBezTo>
                  <a:cubicBezTo>
                    <a:pt x="945" y="9591"/>
                    <a:pt x="992" y="9597"/>
                    <a:pt x="1039" y="9597"/>
                  </a:cubicBezTo>
                  <a:cubicBezTo>
                    <a:pt x="1131" y="9597"/>
                    <a:pt x="1220" y="9574"/>
                    <a:pt x="1254" y="9574"/>
                  </a:cubicBezTo>
                  <a:cubicBezTo>
                    <a:pt x="1354" y="9574"/>
                    <a:pt x="1479" y="9675"/>
                    <a:pt x="1580" y="9750"/>
                  </a:cubicBezTo>
                  <a:cubicBezTo>
                    <a:pt x="1655" y="9750"/>
                    <a:pt x="1705" y="9800"/>
                    <a:pt x="1755" y="9850"/>
                  </a:cubicBezTo>
                  <a:cubicBezTo>
                    <a:pt x="1805" y="9975"/>
                    <a:pt x="1805" y="10126"/>
                    <a:pt x="1880" y="10251"/>
                  </a:cubicBezTo>
                  <a:cubicBezTo>
                    <a:pt x="1931" y="10351"/>
                    <a:pt x="2106" y="10577"/>
                    <a:pt x="2206" y="10702"/>
                  </a:cubicBezTo>
                  <a:cubicBezTo>
                    <a:pt x="2332" y="10752"/>
                    <a:pt x="2482" y="10752"/>
                    <a:pt x="2607" y="10752"/>
                  </a:cubicBezTo>
                  <a:cubicBezTo>
                    <a:pt x="2783" y="10752"/>
                    <a:pt x="3058" y="10577"/>
                    <a:pt x="3234" y="10527"/>
                  </a:cubicBezTo>
                  <a:lnTo>
                    <a:pt x="3610" y="10527"/>
                  </a:lnTo>
                  <a:cubicBezTo>
                    <a:pt x="3735" y="10527"/>
                    <a:pt x="3961" y="10477"/>
                    <a:pt x="4136" y="10477"/>
                  </a:cubicBezTo>
                  <a:lnTo>
                    <a:pt x="4913" y="10477"/>
                  </a:lnTo>
                  <a:cubicBezTo>
                    <a:pt x="5038" y="10477"/>
                    <a:pt x="5189" y="10577"/>
                    <a:pt x="5264" y="10652"/>
                  </a:cubicBezTo>
                  <a:cubicBezTo>
                    <a:pt x="5314" y="10702"/>
                    <a:pt x="5314" y="10802"/>
                    <a:pt x="5314" y="10878"/>
                  </a:cubicBezTo>
                  <a:cubicBezTo>
                    <a:pt x="5364" y="10928"/>
                    <a:pt x="5640" y="10928"/>
                    <a:pt x="5715" y="10978"/>
                  </a:cubicBezTo>
                  <a:cubicBezTo>
                    <a:pt x="5765" y="11028"/>
                    <a:pt x="5765" y="11203"/>
                    <a:pt x="5765" y="11254"/>
                  </a:cubicBezTo>
                  <a:cubicBezTo>
                    <a:pt x="5815" y="11329"/>
                    <a:pt x="5941" y="11379"/>
                    <a:pt x="5991" y="11429"/>
                  </a:cubicBezTo>
                  <a:cubicBezTo>
                    <a:pt x="6166" y="11429"/>
                    <a:pt x="6392" y="11203"/>
                    <a:pt x="6492" y="11203"/>
                  </a:cubicBezTo>
                  <a:cubicBezTo>
                    <a:pt x="6617" y="11203"/>
                    <a:pt x="6893" y="11254"/>
                    <a:pt x="6993" y="11254"/>
                  </a:cubicBezTo>
                  <a:cubicBezTo>
                    <a:pt x="7068" y="11329"/>
                    <a:pt x="7119" y="11379"/>
                    <a:pt x="7169" y="11379"/>
                  </a:cubicBezTo>
                  <a:cubicBezTo>
                    <a:pt x="7231" y="11404"/>
                    <a:pt x="7319" y="11404"/>
                    <a:pt x="7397" y="11404"/>
                  </a:cubicBezTo>
                  <a:cubicBezTo>
                    <a:pt x="7476" y="11404"/>
                    <a:pt x="7545" y="11404"/>
                    <a:pt x="7570" y="11429"/>
                  </a:cubicBezTo>
                  <a:cubicBezTo>
                    <a:pt x="7670" y="11479"/>
                    <a:pt x="7670" y="11655"/>
                    <a:pt x="7745" y="11705"/>
                  </a:cubicBezTo>
                  <a:cubicBezTo>
                    <a:pt x="7795" y="11780"/>
                    <a:pt x="7971" y="11880"/>
                    <a:pt x="8021" y="12005"/>
                  </a:cubicBezTo>
                  <a:cubicBezTo>
                    <a:pt x="8071" y="12056"/>
                    <a:pt x="8246" y="12106"/>
                    <a:pt x="8297" y="12231"/>
                  </a:cubicBezTo>
                  <a:cubicBezTo>
                    <a:pt x="8347" y="12281"/>
                    <a:pt x="8422" y="12457"/>
                    <a:pt x="8522" y="12507"/>
                  </a:cubicBezTo>
                  <a:cubicBezTo>
                    <a:pt x="8522" y="12532"/>
                    <a:pt x="8553" y="12532"/>
                    <a:pt x="8591" y="12532"/>
                  </a:cubicBezTo>
                  <a:cubicBezTo>
                    <a:pt x="8629" y="12532"/>
                    <a:pt x="8672" y="12532"/>
                    <a:pt x="8698" y="12557"/>
                  </a:cubicBezTo>
                  <a:lnTo>
                    <a:pt x="8973" y="12832"/>
                  </a:lnTo>
                  <a:cubicBezTo>
                    <a:pt x="9023" y="12908"/>
                    <a:pt x="9149" y="12958"/>
                    <a:pt x="9199" y="13008"/>
                  </a:cubicBezTo>
                  <a:cubicBezTo>
                    <a:pt x="9374" y="13058"/>
                    <a:pt x="9600" y="13183"/>
                    <a:pt x="9700" y="13284"/>
                  </a:cubicBezTo>
                  <a:cubicBezTo>
                    <a:pt x="9775" y="13284"/>
                    <a:pt x="9875" y="13409"/>
                    <a:pt x="9926" y="13459"/>
                  </a:cubicBezTo>
                  <a:lnTo>
                    <a:pt x="10226" y="13459"/>
                  </a:lnTo>
                  <a:cubicBezTo>
                    <a:pt x="10276" y="13509"/>
                    <a:pt x="10377" y="13584"/>
                    <a:pt x="10452" y="13635"/>
                  </a:cubicBezTo>
                  <a:lnTo>
                    <a:pt x="10728" y="13635"/>
                  </a:lnTo>
                  <a:cubicBezTo>
                    <a:pt x="10828" y="13685"/>
                    <a:pt x="10953" y="13735"/>
                    <a:pt x="11053" y="13735"/>
                  </a:cubicBezTo>
                  <a:cubicBezTo>
                    <a:pt x="11129" y="13735"/>
                    <a:pt x="11279" y="13735"/>
                    <a:pt x="11354" y="13810"/>
                  </a:cubicBezTo>
                  <a:cubicBezTo>
                    <a:pt x="11454" y="13860"/>
                    <a:pt x="11680" y="14086"/>
                    <a:pt x="11805" y="14186"/>
                  </a:cubicBezTo>
                  <a:cubicBezTo>
                    <a:pt x="11855" y="14186"/>
                    <a:pt x="11906" y="14361"/>
                    <a:pt x="11956" y="14361"/>
                  </a:cubicBezTo>
                  <a:cubicBezTo>
                    <a:pt x="11956" y="14386"/>
                    <a:pt x="11974" y="14386"/>
                    <a:pt x="12000" y="14386"/>
                  </a:cubicBezTo>
                  <a:cubicBezTo>
                    <a:pt x="12025" y="14386"/>
                    <a:pt x="12056" y="14386"/>
                    <a:pt x="12081" y="14411"/>
                  </a:cubicBezTo>
                  <a:cubicBezTo>
                    <a:pt x="12131" y="14411"/>
                    <a:pt x="12131" y="14587"/>
                    <a:pt x="12131" y="14637"/>
                  </a:cubicBezTo>
                  <a:cubicBezTo>
                    <a:pt x="12181" y="14712"/>
                    <a:pt x="12357" y="14863"/>
                    <a:pt x="12482" y="14863"/>
                  </a:cubicBezTo>
                  <a:cubicBezTo>
                    <a:pt x="12582" y="14938"/>
                    <a:pt x="12808" y="14938"/>
                    <a:pt x="12858" y="14988"/>
                  </a:cubicBezTo>
                  <a:cubicBezTo>
                    <a:pt x="12983" y="15038"/>
                    <a:pt x="13033" y="15213"/>
                    <a:pt x="13159" y="15264"/>
                  </a:cubicBezTo>
                  <a:lnTo>
                    <a:pt x="13384" y="15264"/>
                  </a:lnTo>
                  <a:cubicBezTo>
                    <a:pt x="13485" y="15264"/>
                    <a:pt x="13710" y="15264"/>
                    <a:pt x="13835" y="15314"/>
                  </a:cubicBezTo>
                  <a:cubicBezTo>
                    <a:pt x="13886" y="15389"/>
                    <a:pt x="13936" y="15489"/>
                    <a:pt x="13986" y="15489"/>
                  </a:cubicBezTo>
                  <a:cubicBezTo>
                    <a:pt x="14061" y="15539"/>
                    <a:pt x="14211" y="15539"/>
                    <a:pt x="14287" y="15614"/>
                  </a:cubicBezTo>
                  <a:cubicBezTo>
                    <a:pt x="14337" y="15665"/>
                    <a:pt x="14287" y="15840"/>
                    <a:pt x="14337" y="15890"/>
                  </a:cubicBezTo>
                  <a:cubicBezTo>
                    <a:pt x="14387" y="15940"/>
                    <a:pt x="14612" y="15990"/>
                    <a:pt x="14662" y="15990"/>
                  </a:cubicBezTo>
                  <a:cubicBezTo>
                    <a:pt x="14788" y="15940"/>
                    <a:pt x="14963" y="15840"/>
                    <a:pt x="15063" y="15840"/>
                  </a:cubicBezTo>
                  <a:cubicBezTo>
                    <a:pt x="15147" y="15840"/>
                    <a:pt x="15242" y="15862"/>
                    <a:pt x="15333" y="15862"/>
                  </a:cubicBezTo>
                  <a:cubicBezTo>
                    <a:pt x="15378" y="15862"/>
                    <a:pt x="15423" y="15857"/>
                    <a:pt x="15464" y="15840"/>
                  </a:cubicBezTo>
                  <a:cubicBezTo>
                    <a:pt x="15565" y="15840"/>
                    <a:pt x="15865" y="15715"/>
                    <a:pt x="15966" y="15715"/>
                  </a:cubicBezTo>
                  <a:cubicBezTo>
                    <a:pt x="16002" y="15700"/>
                    <a:pt x="16056" y="15694"/>
                    <a:pt x="16117" y="15694"/>
                  </a:cubicBezTo>
                  <a:cubicBezTo>
                    <a:pt x="16265" y="15694"/>
                    <a:pt x="16454" y="15729"/>
                    <a:pt x="16542" y="15765"/>
                  </a:cubicBezTo>
                  <a:cubicBezTo>
                    <a:pt x="16642" y="15765"/>
                    <a:pt x="16868" y="15890"/>
                    <a:pt x="17043" y="15890"/>
                  </a:cubicBezTo>
                  <a:cubicBezTo>
                    <a:pt x="17094" y="15890"/>
                    <a:pt x="17319" y="15840"/>
                    <a:pt x="17444" y="15840"/>
                  </a:cubicBezTo>
                  <a:cubicBezTo>
                    <a:pt x="17495" y="15840"/>
                    <a:pt x="17720" y="15940"/>
                    <a:pt x="17770" y="15940"/>
                  </a:cubicBezTo>
                  <a:cubicBezTo>
                    <a:pt x="17896" y="15990"/>
                    <a:pt x="18121" y="15990"/>
                    <a:pt x="18221" y="16066"/>
                  </a:cubicBezTo>
                  <a:cubicBezTo>
                    <a:pt x="18272" y="16116"/>
                    <a:pt x="18447" y="16216"/>
                    <a:pt x="18572" y="16291"/>
                  </a:cubicBezTo>
                  <a:cubicBezTo>
                    <a:pt x="18622" y="16341"/>
                    <a:pt x="18798" y="16391"/>
                    <a:pt x="18848" y="16391"/>
                  </a:cubicBezTo>
                  <a:cubicBezTo>
                    <a:pt x="18948" y="16517"/>
                    <a:pt x="19174" y="16742"/>
                    <a:pt x="19299" y="16792"/>
                  </a:cubicBezTo>
                  <a:cubicBezTo>
                    <a:pt x="19349" y="16893"/>
                    <a:pt x="19625" y="17018"/>
                    <a:pt x="19700" y="17118"/>
                  </a:cubicBezTo>
                  <a:cubicBezTo>
                    <a:pt x="19750" y="17193"/>
                    <a:pt x="19750" y="17344"/>
                    <a:pt x="19750" y="17419"/>
                  </a:cubicBezTo>
                  <a:cubicBezTo>
                    <a:pt x="19800" y="17519"/>
                    <a:pt x="19850" y="17645"/>
                    <a:pt x="19926" y="17745"/>
                  </a:cubicBezTo>
                  <a:cubicBezTo>
                    <a:pt x="19976" y="17795"/>
                    <a:pt x="20076" y="17870"/>
                    <a:pt x="20151" y="17920"/>
                  </a:cubicBezTo>
                  <a:cubicBezTo>
                    <a:pt x="20251" y="18020"/>
                    <a:pt x="20302" y="18296"/>
                    <a:pt x="20377" y="18472"/>
                  </a:cubicBezTo>
                  <a:cubicBezTo>
                    <a:pt x="20427" y="18522"/>
                    <a:pt x="20527" y="18647"/>
                    <a:pt x="20602" y="18747"/>
                  </a:cubicBezTo>
                  <a:cubicBezTo>
                    <a:pt x="20602" y="18823"/>
                    <a:pt x="20527" y="18923"/>
                    <a:pt x="20527" y="18973"/>
                  </a:cubicBezTo>
                  <a:cubicBezTo>
                    <a:pt x="20602" y="19048"/>
                    <a:pt x="20753" y="19098"/>
                    <a:pt x="20878" y="19148"/>
                  </a:cubicBezTo>
                  <a:cubicBezTo>
                    <a:pt x="20878" y="19148"/>
                    <a:pt x="20928" y="19274"/>
                    <a:pt x="20978" y="19274"/>
                  </a:cubicBezTo>
                  <a:cubicBezTo>
                    <a:pt x="21053" y="19324"/>
                    <a:pt x="21279" y="19324"/>
                    <a:pt x="21329" y="19324"/>
                  </a:cubicBezTo>
                  <a:cubicBezTo>
                    <a:pt x="21429" y="19324"/>
                    <a:pt x="21605" y="19374"/>
                    <a:pt x="21655" y="19424"/>
                  </a:cubicBezTo>
                  <a:cubicBezTo>
                    <a:pt x="21780" y="19424"/>
                    <a:pt x="22006" y="19424"/>
                    <a:pt x="22106" y="19499"/>
                  </a:cubicBezTo>
                  <a:cubicBezTo>
                    <a:pt x="22231" y="19499"/>
                    <a:pt x="22457" y="19549"/>
                    <a:pt x="22507" y="19599"/>
                  </a:cubicBezTo>
                  <a:cubicBezTo>
                    <a:pt x="22557" y="19650"/>
                    <a:pt x="22632" y="19875"/>
                    <a:pt x="22683" y="19950"/>
                  </a:cubicBezTo>
                  <a:cubicBezTo>
                    <a:pt x="22733" y="20000"/>
                    <a:pt x="22783" y="20051"/>
                    <a:pt x="22858" y="20051"/>
                  </a:cubicBezTo>
                  <a:cubicBezTo>
                    <a:pt x="22925" y="20051"/>
                    <a:pt x="23025" y="20028"/>
                    <a:pt x="23114" y="20028"/>
                  </a:cubicBezTo>
                  <a:cubicBezTo>
                    <a:pt x="23159" y="20028"/>
                    <a:pt x="23201" y="20034"/>
                    <a:pt x="23234" y="20051"/>
                  </a:cubicBezTo>
                  <a:cubicBezTo>
                    <a:pt x="23359" y="20051"/>
                    <a:pt x="23460" y="20101"/>
                    <a:pt x="23585" y="20176"/>
                  </a:cubicBezTo>
                  <a:cubicBezTo>
                    <a:pt x="23635" y="20176"/>
                    <a:pt x="23810" y="20226"/>
                    <a:pt x="23911" y="20226"/>
                  </a:cubicBezTo>
                  <a:cubicBezTo>
                    <a:pt x="23986" y="20226"/>
                    <a:pt x="24086" y="20051"/>
                    <a:pt x="24136" y="20051"/>
                  </a:cubicBezTo>
                  <a:cubicBezTo>
                    <a:pt x="24211" y="20000"/>
                    <a:pt x="24362" y="19950"/>
                    <a:pt x="24437" y="19950"/>
                  </a:cubicBezTo>
                  <a:cubicBezTo>
                    <a:pt x="24487" y="19875"/>
                    <a:pt x="24587" y="19825"/>
                    <a:pt x="24663" y="19825"/>
                  </a:cubicBezTo>
                  <a:cubicBezTo>
                    <a:pt x="24763" y="19825"/>
                    <a:pt x="24988" y="19825"/>
                    <a:pt x="25038" y="19875"/>
                  </a:cubicBezTo>
                  <a:cubicBezTo>
                    <a:pt x="25164" y="19875"/>
                    <a:pt x="25214" y="20051"/>
                    <a:pt x="25264" y="20101"/>
                  </a:cubicBezTo>
                  <a:cubicBezTo>
                    <a:pt x="25339" y="20176"/>
                    <a:pt x="25439" y="20276"/>
                    <a:pt x="25565" y="20276"/>
                  </a:cubicBezTo>
                  <a:cubicBezTo>
                    <a:pt x="25615" y="20276"/>
                    <a:pt x="25790" y="20101"/>
                    <a:pt x="25840" y="20101"/>
                  </a:cubicBezTo>
                  <a:cubicBezTo>
                    <a:pt x="25874" y="20084"/>
                    <a:pt x="25916" y="20078"/>
                    <a:pt x="25961" y="20078"/>
                  </a:cubicBezTo>
                  <a:cubicBezTo>
                    <a:pt x="26052" y="20078"/>
                    <a:pt x="26158" y="20101"/>
                    <a:pt x="26241" y="20101"/>
                  </a:cubicBezTo>
                  <a:cubicBezTo>
                    <a:pt x="26292" y="20176"/>
                    <a:pt x="26392" y="20401"/>
                    <a:pt x="26467" y="20452"/>
                  </a:cubicBezTo>
                  <a:cubicBezTo>
                    <a:pt x="26517" y="20502"/>
                    <a:pt x="26617" y="20627"/>
                    <a:pt x="26693" y="20627"/>
                  </a:cubicBezTo>
                  <a:cubicBezTo>
                    <a:pt x="26728" y="20662"/>
                    <a:pt x="26789" y="20698"/>
                    <a:pt x="26848" y="20698"/>
                  </a:cubicBezTo>
                  <a:cubicBezTo>
                    <a:pt x="26872" y="20698"/>
                    <a:pt x="26896" y="20692"/>
                    <a:pt x="26918" y="20677"/>
                  </a:cubicBezTo>
                  <a:cubicBezTo>
                    <a:pt x="27018" y="20677"/>
                    <a:pt x="26968" y="20502"/>
                    <a:pt x="27018" y="20452"/>
                  </a:cubicBezTo>
                  <a:cubicBezTo>
                    <a:pt x="27029" y="20441"/>
                    <a:pt x="27045" y="20437"/>
                    <a:pt x="27065" y="20437"/>
                  </a:cubicBezTo>
                  <a:cubicBezTo>
                    <a:pt x="27118" y="20437"/>
                    <a:pt x="27195" y="20466"/>
                    <a:pt x="27248" y="20466"/>
                  </a:cubicBezTo>
                  <a:cubicBezTo>
                    <a:pt x="27267" y="20466"/>
                    <a:pt x="27284" y="20462"/>
                    <a:pt x="27294" y="20452"/>
                  </a:cubicBezTo>
                  <a:cubicBezTo>
                    <a:pt x="27369" y="20401"/>
                    <a:pt x="27294" y="20176"/>
                    <a:pt x="27244" y="20101"/>
                  </a:cubicBezTo>
                  <a:cubicBezTo>
                    <a:pt x="27244" y="20000"/>
                    <a:pt x="27144" y="19875"/>
                    <a:pt x="27144" y="19825"/>
                  </a:cubicBezTo>
                  <a:lnTo>
                    <a:pt x="27144" y="19549"/>
                  </a:lnTo>
                  <a:cubicBezTo>
                    <a:pt x="27144" y="19499"/>
                    <a:pt x="27018" y="19374"/>
                    <a:pt x="27018" y="19324"/>
                  </a:cubicBezTo>
                  <a:cubicBezTo>
                    <a:pt x="26968" y="19198"/>
                    <a:pt x="26918" y="18923"/>
                    <a:pt x="26918" y="18747"/>
                  </a:cubicBezTo>
                  <a:cubicBezTo>
                    <a:pt x="26843" y="18647"/>
                    <a:pt x="26843" y="18472"/>
                    <a:pt x="26843" y="18371"/>
                  </a:cubicBezTo>
                  <a:cubicBezTo>
                    <a:pt x="26918" y="18246"/>
                    <a:pt x="27018" y="18071"/>
                    <a:pt x="27069" y="17970"/>
                  </a:cubicBezTo>
                  <a:cubicBezTo>
                    <a:pt x="27069" y="17920"/>
                    <a:pt x="27069" y="17695"/>
                    <a:pt x="27144" y="17569"/>
                  </a:cubicBezTo>
                  <a:cubicBezTo>
                    <a:pt x="27194" y="17519"/>
                    <a:pt x="27419" y="17344"/>
                    <a:pt x="27470" y="17294"/>
                  </a:cubicBezTo>
                  <a:cubicBezTo>
                    <a:pt x="27520" y="17244"/>
                    <a:pt x="27595" y="17068"/>
                    <a:pt x="27595" y="17018"/>
                  </a:cubicBezTo>
                  <a:cubicBezTo>
                    <a:pt x="27645" y="17018"/>
                    <a:pt x="27695" y="16968"/>
                    <a:pt x="27695" y="16893"/>
                  </a:cubicBezTo>
                  <a:cubicBezTo>
                    <a:pt x="27820" y="16843"/>
                    <a:pt x="27921" y="16742"/>
                    <a:pt x="28046" y="16742"/>
                  </a:cubicBezTo>
                  <a:cubicBezTo>
                    <a:pt x="28096" y="16667"/>
                    <a:pt x="28196" y="16667"/>
                    <a:pt x="28272" y="16667"/>
                  </a:cubicBezTo>
                  <a:cubicBezTo>
                    <a:pt x="28272" y="16617"/>
                    <a:pt x="28322" y="16517"/>
                    <a:pt x="28322" y="16391"/>
                  </a:cubicBezTo>
                  <a:lnTo>
                    <a:pt x="28322" y="16216"/>
                  </a:lnTo>
                  <a:cubicBezTo>
                    <a:pt x="28372" y="16166"/>
                    <a:pt x="28497" y="16166"/>
                    <a:pt x="28547" y="16166"/>
                  </a:cubicBezTo>
                  <a:cubicBezTo>
                    <a:pt x="28547" y="16116"/>
                    <a:pt x="28597" y="16066"/>
                    <a:pt x="28648" y="16066"/>
                  </a:cubicBezTo>
                  <a:cubicBezTo>
                    <a:pt x="28723" y="16066"/>
                    <a:pt x="28823" y="16166"/>
                    <a:pt x="28873" y="16166"/>
                  </a:cubicBezTo>
                  <a:cubicBezTo>
                    <a:pt x="28948" y="16166"/>
                    <a:pt x="28998" y="16066"/>
                    <a:pt x="28998" y="15990"/>
                  </a:cubicBezTo>
                  <a:cubicBezTo>
                    <a:pt x="28998" y="15940"/>
                    <a:pt x="28873" y="15890"/>
                    <a:pt x="28873" y="15890"/>
                  </a:cubicBezTo>
                  <a:cubicBezTo>
                    <a:pt x="28823" y="15840"/>
                    <a:pt x="28823" y="15715"/>
                    <a:pt x="28773" y="15715"/>
                  </a:cubicBezTo>
                  <a:cubicBezTo>
                    <a:pt x="28723" y="15715"/>
                    <a:pt x="28597" y="15840"/>
                    <a:pt x="28547" y="15840"/>
                  </a:cubicBezTo>
                  <a:cubicBezTo>
                    <a:pt x="28497" y="15840"/>
                    <a:pt x="28372" y="15765"/>
                    <a:pt x="28372" y="15715"/>
                  </a:cubicBezTo>
                  <a:cubicBezTo>
                    <a:pt x="28372" y="15665"/>
                    <a:pt x="28322" y="15539"/>
                    <a:pt x="28372" y="15539"/>
                  </a:cubicBezTo>
                  <a:lnTo>
                    <a:pt x="28497" y="15539"/>
                  </a:lnTo>
                  <a:cubicBezTo>
                    <a:pt x="28547" y="15614"/>
                    <a:pt x="28597" y="15665"/>
                    <a:pt x="28648" y="15665"/>
                  </a:cubicBezTo>
                  <a:cubicBezTo>
                    <a:pt x="28723" y="15614"/>
                    <a:pt x="28773" y="15539"/>
                    <a:pt x="28773" y="15489"/>
                  </a:cubicBezTo>
                  <a:cubicBezTo>
                    <a:pt x="28773" y="15389"/>
                    <a:pt x="28648" y="15264"/>
                    <a:pt x="28648" y="15213"/>
                  </a:cubicBezTo>
                  <a:cubicBezTo>
                    <a:pt x="28597" y="15163"/>
                    <a:pt x="28597" y="15088"/>
                    <a:pt x="28597" y="15038"/>
                  </a:cubicBezTo>
                  <a:cubicBezTo>
                    <a:pt x="28547" y="14988"/>
                    <a:pt x="28422" y="14863"/>
                    <a:pt x="28372" y="14863"/>
                  </a:cubicBezTo>
                  <a:cubicBezTo>
                    <a:pt x="28372" y="14863"/>
                    <a:pt x="28272" y="14988"/>
                    <a:pt x="28196" y="14988"/>
                  </a:cubicBezTo>
                  <a:cubicBezTo>
                    <a:pt x="28096" y="14938"/>
                    <a:pt x="27871" y="14863"/>
                    <a:pt x="27820" y="14762"/>
                  </a:cubicBezTo>
                  <a:cubicBezTo>
                    <a:pt x="27820" y="14762"/>
                    <a:pt x="27745" y="14637"/>
                    <a:pt x="27745" y="14587"/>
                  </a:cubicBezTo>
                  <a:cubicBezTo>
                    <a:pt x="27820" y="14587"/>
                    <a:pt x="27871" y="14537"/>
                    <a:pt x="27871" y="14487"/>
                  </a:cubicBezTo>
                  <a:cubicBezTo>
                    <a:pt x="27871" y="14487"/>
                    <a:pt x="27871" y="14361"/>
                    <a:pt x="27820" y="14361"/>
                  </a:cubicBezTo>
                  <a:cubicBezTo>
                    <a:pt x="27820" y="14351"/>
                    <a:pt x="27815" y="14347"/>
                    <a:pt x="27806" y="14347"/>
                  </a:cubicBezTo>
                  <a:cubicBezTo>
                    <a:pt x="27780" y="14347"/>
                    <a:pt x="27727" y="14376"/>
                    <a:pt x="27685" y="14376"/>
                  </a:cubicBezTo>
                  <a:cubicBezTo>
                    <a:pt x="27670" y="14376"/>
                    <a:pt x="27656" y="14372"/>
                    <a:pt x="27645" y="14361"/>
                  </a:cubicBezTo>
                  <a:cubicBezTo>
                    <a:pt x="27595" y="14361"/>
                    <a:pt x="27520" y="14311"/>
                    <a:pt x="27520" y="14261"/>
                  </a:cubicBezTo>
                  <a:cubicBezTo>
                    <a:pt x="27470" y="14186"/>
                    <a:pt x="27369" y="14086"/>
                    <a:pt x="27369" y="13960"/>
                  </a:cubicBezTo>
                  <a:cubicBezTo>
                    <a:pt x="27369" y="13910"/>
                    <a:pt x="27294" y="13685"/>
                    <a:pt x="27369" y="13584"/>
                  </a:cubicBezTo>
                  <a:cubicBezTo>
                    <a:pt x="27369" y="13584"/>
                    <a:pt x="27470" y="13459"/>
                    <a:pt x="27520" y="13459"/>
                  </a:cubicBezTo>
                  <a:cubicBezTo>
                    <a:pt x="27595" y="13509"/>
                    <a:pt x="27470" y="13635"/>
                    <a:pt x="27520" y="13685"/>
                  </a:cubicBezTo>
                  <a:cubicBezTo>
                    <a:pt x="27520" y="13685"/>
                    <a:pt x="27645" y="13735"/>
                    <a:pt x="27695" y="13735"/>
                  </a:cubicBezTo>
                  <a:cubicBezTo>
                    <a:pt x="27820" y="13735"/>
                    <a:pt x="27921" y="13635"/>
                    <a:pt x="27971" y="13584"/>
                  </a:cubicBezTo>
                  <a:cubicBezTo>
                    <a:pt x="27971" y="13509"/>
                    <a:pt x="28096" y="13409"/>
                    <a:pt x="28046" y="13284"/>
                  </a:cubicBezTo>
                  <a:cubicBezTo>
                    <a:pt x="28046" y="13234"/>
                    <a:pt x="27871" y="13133"/>
                    <a:pt x="27745" y="13008"/>
                  </a:cubicBezTo>
                  <a:cubicBezTo>
                    <a:pt x="27745" y="12958"/>
                    <a:pt x="27645" y="12832"/>
                    <a:pt x="27595" y="12782"/>
                  </a:cubicBezTo>
                  <a:cubicBezTo>
                    <a:pt x="27595" y="12782"/>
                    <a:pt x="27470" y="12682"/>
                    <a:pt x="27419" y="12682"/>
                  </a:cubicBezTo>
                  <a:cubicBezTo>
                    <a:pt x="27369" y="12732"/>
                    <a:pt x="27419" y="12832"/>
                    <a:pt x="27369" y="12832"/>
                  </a:cubicBezTo>
                  <a:cubicBezTo>
                    <a:pt x="27369" y="12858"/>
                    <a:pt x="27355" y="12866"/>
                    <a:pt x="27335" y="12866"/>
                  </a:cubicBezTo>
                  <a:cubicBezTo>
                    <a:pt x="27294" y="12866"/>
                    <a:pt x="27227" y="12832"/>
                    <a:pt x="27194" y="12832"/>
                  </a:cubicBezTo>
                  <a:cubicBezTo>
                    <a:pt x="27069" y="12782"/>
                    <a:pt x="26843" y="12682"/>
                    <a:pt x="26793" y="12607"/>
                  </a:cubicBezTo>
                  <a:cubicBezTo>
                    <a:pt x="26693" y="12607"/>
                    <a:pt x="26517" y="12557"/>
                    <a:pt x="26467" y="12507"/>
                  </a:cubicBezTo>
                  <a:cubicBezTo>
                    <a:pt x="26392" y="12457"/>
                    <a:pt x="26392" y="12331"/>
                    <a:pt x="26392" y="12281"/>
                  </a:cubicBezTo>
                  <a:cubicBezTo>
                    <a:pt x="26392" y="12156"/>
                    <a:pt x="26342" y="12005"/>
                    <a:pt x="26342" y="11880"/>
                  </a:cubicBezTo>
                  <a:cubicBezTo>
                    <a:pt x="26292" y="11780"/>
                    <a:pt x="26342" y="11604"/>
                    <a:pt x="26342" y="11479"/>
                  </a:cubicBezTo>
                  <a:lnTo>
                    <a:pt x="26342" y="11329"/>
                  </a:lnTo>
                  <a:cubicBezTo>
                    <a:pt x="26392" y="11254"/>
                    <a:pt x="26517" y="11203"/>
                    <a:pt x="26567" y="11153"/>
                  </a:cubicBezTo>
                  <a:cubicBezTo>
                    <a:pt x="26567" y="11153"/>
                    <a:pt x="26617" y="10978"/>
                    <a:pt x="26567" y="10928"/>
                  </a:cubicBezTo>
                  <a:cubicBezTo>
                    <a:pt x="26567" y="10878"/>
                    <a:pt x="26467" y="10878"/>
                    <a:pt x="26392" y="10802"/>
                  </a:cubicBezTo>
                  <a:cubicBezTo>
                    <a:pt x="26342" y="10752"/>
                    <a:pt x="26292" y="10652"/>
                    <a:pt x="26241" y="10577"/>
                  </a:cubicBezTo>
                  <a:cubicBezTo>
                    <a:pt x="26241" y="10527"/>
                    <a:pt x="26166" y="10477"/>
                    <a:pt x="26166" y="10426"/>
                  </a:cubicBezTo>
                  <a:cubicBezTo>
                    <a:pt x="26166" y="10351"/>
                    <a:pt x="26241" y="10351"/>
                    <a:pt x="26292" y="10301"/>
                  </a:cubicBezTo>
                  <a:cubicBezTo>
                    <a:pt x="26292" y="10251"/>
                    <a:pt x="26241" y="10076"/>
                    <a:pt x="26241" y="9975"/>
                  </a:cubicBezTo>
                  <a:cubicBezTo>
                    <a:pt x="26292" y="9900"/>
                    <a:pt x="26392" y="9900"/>
                    <a:pt x="26467" y="9850"/>
                  </a:cubicBezTo>
                  <a:cubicBezTo>
                    <a:pt x="26517" y="9800"/>
                    <a:pt x="26567" y="9675"/>
                    <a:pt x="26567" y="9624"/>
                  </a:cubicBezTo>
                  <a:cubicBezTo>
                    <a:pt x="26617" y="9574"/>
                    <a:pt x="26693" y="9449"/>
                    <a:pt x="26743" y="9399"/>
                  </a:cubicBezTo>
                  <a:cubicBezTo>
                    <a:pt x="26793" y="9349"/>
                    <a:pt x="26968" y="9299"/>
                    <a:pt x="26968" y="9223"/>
                  </a:cubicBezTo>
                  <a:cubicBezTo>
                    <a:pt x="27018" y="9073"/>
                    <a:pt x="27018" y="8722"/>
                    <a:pt x="27018" y="8622"/>
                  </a:cubicBezTo>
                  <a:cubicBezTo>
                    <a:pt x="27018" y="8447"/>
                    <a:pt x="26968" y="8171"/>
                    <a:pt x="27018" y="7995"/>
                  </a:cubicBezTo>
                  <a:cubicBezTo>
                    <a:pt x="27018" y="7945"/>
                    <a:pt x="27069" y="7820"/>
                    <a:pt x="27144" y="7720"/>
                  </a:cubicBezTo>
                  <a:lnTo>
                    <a:pt x="27144" y="7369"/>
                  </a:lnTo>
                  <a:cubicBezTo>
                    <a:pt x="27069" y="7319"/>
                    <a:pt x="27018" y="7143"/>
                    <a:pt x="27018" y="7093"/>
                  </a:cubicBezTo>
                  <a:cubicBezTo>
                    <a:pt x="27069" y="6968"/>
                    <a:pt x="27194" y="6817"/>
                    <a:pt x="27244" y="6692"/>
                  </a:cubicBezTo>
                  <a:cubicBezTo>
                    <a:pt x="27244" y="6592"/>
                    <a:pt x="27419" y="6416"/>
                    <a:pt x="27470" y="6291"/>
                  </a:cubicBezTo>
                  <a:cubicBezTo>
                    <a:pt x="27520" y="6241"/>
                    <a:pt x="27595" y="6066"/>
                    <a:pt x="27645" y="6015"/>
                  </a:cubicBezTo>
                  <a:cubicBezTo>
                    <a:pt x="27695" y="5965"/>
                    <a:pt x="27820" y="5915"/>
                    <a:pt x="27871" y="5840"/>
                  </a:cubicBezTo>
                  <a:cubicBezTo>
                    <a:pt x="27921" y="5790"/>
                    <a:pt x="27871" y="5614"/>
                    <a:pt x="27921" y="5564"/>
                  </a:cubicBezTo>
                  <a:cubicBezTo>
                    <a:pt x="27921" y="5514"/>
                    <a:pt x="28046" y="5339"/>
                    <a:pt x="28096" y="5289"/>
                  </a:cubicBezTo>
                  <a:cubicBezTo>
                    <a:pt x="28146" y="5163"/>
                    <a:pt x="28196" y="4938"/>
                    <a:pt x="28272" y="4837"/>
                  </a:cubicBezTo>
                  <a:cubicBezTo>
                    <a:pt x="28322" y="4712"/>
                    <a:pt x="28422" y="4562"/>
                    <a:pt x="28497" y="4512"/>
                  </a:cubicBezTo>
                  <a:cubicBezTo>
                    <a:pt x="28597" y="4386"/>
                    <a:pt x="28773" y="4161"/>
                    <a:pt x="28873" y="4061"/>
                  </a:cubicBezTo>
                  <a:cubicBezTo>
                    <a:pt x="28873" y="4061"/>
                    <a:pt x="28873" y="3935"/>
                    <a:pt x="28948" y="3885"/>
                  </a:cubicBezTo>
                  <a:cubicBezTo>
                    <a:pt x="28998" y="3760"/>
                    <a:pt x="29174" y="3609"/>
                    <a:pt x="29224" y="3484"/>
                  </a:cubicBezTo>
                  <a:cubicBezTo>
                    <a:pt x="29324" y="3384"/>
                    <a:pt x="29399" y="3083"/>
                    <a:pt x="29450" y="2983"/>
                  </a:cubicBezTo>
                  <a:cubicBezTo>
                    <a:pt x="29500" y="2933"/>
                    <a:pt x="29625" y="2858"/>
                    <a:pt x="29625" y="2807"/>
                  </a:cubicBezTo>
                  <a:cubicBezTo>
                    <a:pt x="29725" y="2707"/>
                    <a:pt x="29725" y="2356"/>
                    <a:pt x="29775" y="2256"/>
                  </a:cubicBezTo>
                  <a:cubicBezTo>
                    <a:pt x="29775" y="2131"/>
                    <a:pt x="29775" y="1955"/>
                    <a:pt x="29851" y="1905"/>
                  </a:cubicBezTo>
                  <a:cubicBezTo>
                    <a:pt x="29901" y="1805"/>
                    <a:pt x="30076" y="1680"/>
                    <a:pt x="30076" y="1629"/>
                  </a:cubicBezTo>
                  <a:cubicBezTo>
                    <a:pt x="30076" y="1504"/>
                    <a:pt x="29951" y="1404"/>
                    <a:pt x="29951" y="1279"/>
                  </a:cubicBezTo>
                  <a:cubicBezTo>
                    <a:pt x="29951" y="1228"/>
                    <a:pt x="30076" y="1003"/>
                    <a:pt x="30126" y="953"/>
                  </a:cubicBezTo>
                  <a:cubicBezTo>
                    <a:pt x="30176" y="827"/>
                    <a:pt x="30352" y="727"/>
                    <a:pt x="30452" y="677"/>
                  </a:cubicBezTo>
                  <a:cubicBezTo>
                    <a:pt x="30527" y="602"/>
                    <a:pt x="30753" y="502"/>
                    <a:pt x="30803" y="451"/>
                  </a:cubicBezTo>
                  <a:cubicBezTo>
                    <a:pt x="30803" y="376"/>
                    <a:pt x="30803" y="326"/>
                    <a:pt x="30753" y="276"/>
                  </a:cubicBezTo>
                  <a:cubicBezTo>
                    <a:pt x="30678" y="151"/>
                    <a:pt x="30352" y="226"/>
                    <a:pt x="30226" y="151"/>
                  </a:cubicBezTo>
                  <a:cubicBezTo>
                    <a:pt x="30126" y="151"/>
                    <a:pt x="30001" y="151"/>
                    <a:pt x="29951" y="101"/>
                  </a:cubicBezTo>
                  <a:cubicBezTo>
                    <a:pt x="29901" y="101"/>
                    <a:pt x="29851" y="0"/>
                    <a:pt x="29775" y="0"/>
                  </a:cubicBezTo>
                  <a:close/>
                </a:path>
              </a:pathLst>
            </a:custGeom>
            <a:solidFill>
              <a:srgbClr val="CCCCCC"/>
            </a:solidFill>
            <a:ln>
              <a:noFill/>
            </a:ln>
          </p:spPr>
          <p:txBody>
            <a:bodyPr spcFirstLastPara="1" wrap="square" lIns="121900" tIns="121900" rIns="121900" bIns="121900" anchor="ctr" anchorCtr="0">
              <a:noAutofit/>
            </a:bodyPr>
            <a:lstStyle/>
            <a:p>
              <a:endParaRPr sz="2400"/>
            </a:p>
          </p:txBody>
        </p:sp>
        <p:sp>
          <p:nvSpPr>
            <p:cNvPr id="15" name="Google Shape;102;p16">
              <a:extLst>
                <a:ext uri="{FF2B5EF4-FFF2-40B4-BE49-F238E27FC236}">
                  <a16:creationId xmlns:a16="http://schemas.microsoft.com/office/drawing/2014/main" id="{22350A58-F076-932E-4EDA-C95446594B82}"/>
                </a:ext>
              </a:extLst>
            </p:cNvPr>
            <p:cNvSpPr/>
            <p:nvPr/>
          </p:nvSpPr>
          <p:spPr>
            <a:xfrm>
              <a:off x="3394035" y="4090522"/>
              <a:ext cx="22412" cy="22440"/>
            </a:xfrm>
            <a:custGeom>
              <a:avLst/>
              <a:gdLst/>
              <a:ahLst/>
              <a:cxnLst/>
              <a:rect l="l" t="t" r="r" b="b"/>
              <a:pathLst>
                <a:path w="803" h="804" extrusionOk="0">
                  <a:moveTo>
                    <a:pt x="126" y="1"/>
                  </a:moveTo>
                  <a:cubicBezTo>
                    <a:pt x="76" y="1"/>
                    <a:pt x="76" y="101"/>
                    <a:pt x="1" y="151"/>
                  </a:cubicBezTo>
                  <a:cubicBezTo>
                    <a:pt x="1" y="226"/>
                    <a:pt x="1" y="402"/>
                    <a:pt x="76" y="452"/>
                  </a:cubicBezTo>
                  <a:cubicBezTo>
                    <a:pt x="76" y="502"/>
                    <a:pt x="176" y="552"/>
                    <a:pt x="226" y="627"/>
                  </a:cubicBezTo>
                  <a:cubicBezTo>
                    <a:pt x="301" y="677"/>
                    <a:pt x="351" y="727"/>
                    <a:pt x="402" y="727"/>
                  </a:cubicBezTo>
                  <a:cubicBezTo>
                    <a:pt x="472" y="769"/>
                    <a:pt x="558" y="804"/>
                    <a:pt x="628" y="804"/>
                  </a:cubicBezTo>
                  <a:cubicBezTo>
                    <a:pt x="684" y="804"/>
                    <a:pt x="730" y="783"/>
                    <a:pt x="752" y="727"/>
                  </a:cubicBezTo>
                  <a:cubicBezTo>
                    <a:pt x="803" y="727"/>
                    <a:pt x="752" y="677"/>
                    <a:pt x="752" y="627"/>
                  </a:cubicBezTo>
                  <a:cubicBezTo>
                    <a:pt x="752" y="552"/>
                    <a:pt x="652" y="502"/>
                    <a:pt x="652" y="502"/>
                  </a:cubicBezTo>
                  <a:cubicBezTo>
                    <a:pt x="652" y="452"/>
                    <a:pt x="702" y="326"/>
                    <a:pt x="652" y="326"/>
                  </a:cubicBezTo>
                  <a:cubicBezTo>
                    <a:pt x="652" y="318"/>
                    <a:pt x="644" y="314"/>
                    <a:pt x="631" y="314"/>
                  </a:cubicBezTo>
                  <a:cubicBezTo>
                    <a:pt x="588" y="314"/>
                    <a:pt x="487" y="351"/>
                    <a:pt x="417" y="351"/>
                  </a:cubicBezTo>
                  <a:cubicBezTo>
                    <a:pt x="388" y="351"/>
                    <a:pt x="364" y="345"/>
                    <a:pt x="351" y="326"/>
                  </a:cubicBezTo>
                  <a:cubicBezTo>
                    <a:pt x="301" y="326"/>
                    <a:pt x="351" y="151"/>
                    <a:pt x="301" y="101"/>
                  </a:cubicBezTo>
                  <a:cubicBezTo>
                    <a:pt x="226" y="51"/>
                    <a:pt x="176" y="1"/>
                    <a:pt x="126" y="1"/>
                  </a:cubicBezTo>
                  <a:close/>
                </a:path>
              </a:pathLst>
            </a:custGeom>
            <a:solidFill>
              <a:srgbClr val="6FBE8D"/>
            </a:solidFill>
            <a:ln>
              <a:noFill/>
            </a:ln>
          </p:spPr>
          <p:txBody>
            <a:bodyPr spcFirstLastPara="1" wrap="square" lIns="121900" tIns="121900" rIns="121900" bIns="121900" anchor="ctr" anchorCtr="0">
              <a:noAutofit/>
            </a:bodyPr>
            <a:lstStyle/>
            <a:p>
              <a:endParaRPr sz="2400"/>
            </a:p>
          </p:txBody>
        </p:sp>
        <p:sp>
          <p:nvSpPr>
            <p:cNvPr id="32" name="Google Shape;114;p16">
              <a:extLst>
                <a:ext uri="{FF2B5EF4-FFF2-40B4-BE49-F238E27FC236}">
                  <a16:creationId xmlns:a16="http://schemas.microsoft.com/office/drawing/2014/main" id="{999AE222-6F52-CFBB-8262-C176DA377614}"/>
                </a:ext>
              </a:extLst>
            </p:cNvPr>
            <p:cNvSpPr/>
            <p:nvPr/>
          </p:nvSpPr>
          <p:spPr>
            <a:xfrm>
              <a:off x="1585132" y="3165082"/>
              <a:ext cx="440001" cy="816256"/>
            </a:xfrm>
            <a:custGeom>
              <a:avLst/>
              <a:gdLst/>
              <a:ahLst/>
              <a:cxnLst/>
              <a:rect l="l" t="t" r="r" b="b"/>
              <a:pathLst>
                <a:path w="15765" h="29246" extrusionOk="0">
                  <a:moveTo>
                    <a:pt x="10301" y="0"/>
                  </a:moveTo>
                  <a:cubicBezTo>
                    <a:pt x="10251" y="0"/>
                    <a:pt x="10126" y="51"/>
                    <a:pt x="10025" y="51"/>
                  </a:cubicBezTo>
                  <a:cubicBezTo>
                    <a:pt x="9975" y="101"/>
                    <a:pt x="9850" y="101"/>
                    <a:pt x="9750" y="101"/>
                  </a:cubicBezTo>
                  <a:lnTo>
                    <a:pt x="9624" y="51"/>
                  </a:lnTo>
                  <a:cubicBezTo>
                    <a:pt x="9574" y="101"/>
                    <a:pt x="9449" y="151"/>
                    <a:pt x="9449" y="151"/>
                  </a:cubicBezTo>
                  <a:lnTo>
                    <a:pt x="9449" y="326"/>
                  </a:lnTo>
                  <a:cubicBezTo>
                    <a:pt x="9449" y="376"/>
                    <a:pt x="9574" y="452"/>
                    <a:pt x="9574" y="502"/>
                  </a:cubicBezTo>
                  <a:cubicBezTo>
                    <a:pt x="9574" y="552"/>
                    <a:pt x="9624" y="677"/>
                    <a:pt x="9624" y="727"/>
                  </a:cubicBezTo>
                  <a:cubicBezTo>
                    <a:pt x="9624" y="828"/>
                    <a:pt x="9624" y="1128"/>
                    <a:pt x="9524" y="1178"/>
                  </a:cubicBezTo>
                  <a:cubicBezTo>
                    <a:pt x="9524" y="1229"/>
                    <a:pt x="9349" y="1229"/>
                    <a:pt x="9298" y="1229"/>
                  </a:cubicBezTo>
                  <a:cubicBezTo>
                    <a:pt x="9223" y="1279"/>
                    <a:pt x="9123" y="1454"/>
                    <a:pt x="9073" y="1504"/>
                  </a:cubicBezTo>
                  <a:cubicBezTo>
                    <a:pt x="8998" y="1579"/>
                    <a:pt x="8847" y="1579"/>
                    <a:pt x="8797" y="1579"/>
                  </a:cubicBezTo>
                  <a:cubicBezTo>
                    <a:pt x="8672" y="1579"/>
                    <a:pt x="8572" y="1504"/>
                    <a:pt x="8446" y="1504"/>
                  </a:cubicBezTo>
                  <a:cubicBezTo>
                    <a:pt x="8271" y="1579"/>
                    <a:pt x="8045" y="1955"/>
                    <a:pt x="7945" y="2081"/>
                  </a:cubicBezTo>
                  <a:cubicBezTo>
                    <a:pt x="7895" y="2131"/>
                    <a:pt x="7719" y="2256"/>
                    <a:pt x="7669" y="2306"/>
                  </a:cubicBezTo>
                  <a:cubicBezTo>
                    <a:pt x="7544" y="2406"/>
                    <a:pt x="7444" y="2582"/>
                    <a:pt x="7318" y="2632"/>
                  </a:cubicBezTo>
                  <a:cubicBezTo>
                    <a:pt x="7268" y="2707"/>
                    <a:pt x="7093" y="2707"/>
                    <a:pt x="7043" y="2757"/>
                  </a:cubicBezTo>
                  <a:cubicBezTo>
                    <a:pt x="6993" y="2807"/>
                    <a:pt x="6917" y="2983"/>
                    <a:pt x="6867" y="3033"/>
                  </a:cubicBezTo>
                  <a:cubicBezTo>
                    <a:pt x="6867" y="3083"/>
                    <a:pt x="6817" y="3309"/>
                    <a:pt x="6817" y="3384"/>
                  </a:cubicBezTo>
                  <a:cubicBezTo>
                    <a:pt x="6767" y="3484"/>
                    <a:pt x="6592" y="3710"/>
                    <a:pt x="6491" y="3835"/>
                  </a:cubicBezTo>
                  <a:cubicBezTo>
                    <a:pt x="6416" y="3885"/>
                    <a:pt x="6316" y="4010"/>
                    <a:pt x="6266" y="4061"/>
                  </a:cubicBezTo>
                  <a:cubicBezTo>
                    <a:pt x="6206" y="4061"/>
                    <a:pt x="6049" y="4125"/>
                    <a:pt x="5938" y="4125"/>
                  </a:cubicBezTo>
                  <a:cubicBezTo>
                    <a:pt x="5910" y="4125"/>
                    <a:pt x="5885" y="4121"/>
                    <a:pt x="5865" y="4111"/>
                  </a:cubicBezTo>
                  <a:cubicBezTo>
                    <a:pt x="5815" y="4111"/>
                    <a:pt x="5639" y="4010"/>
                    <a:pt x="5589" y="4010"/>
                  </a:cubicBezTo>
                  <a:cubicBezTo>
                    <a:pt x="5464" y="4010"/>
                    <a:pt x="5414" y="4061"/>
                    <a:pt x="5364" y="4111"/>
                  </a:cubicBezTo>
                  <a:cubicBezTo>
                    <a:pt x="5188" y="4161"/>
                    <a:pt x="4837" y="4336"/>
                    <a:pt x="4737" y="4462"/>
                  </a:cubicBezTo>
                  <a:cubicBezTo>
                    <a:pt x="4612" y="4562"/>
                    <a:pt x="4562" y="4787"/>
                    <a:pt x="4461" y="4913"/>
                  </a:cubicBezTo>
                  <a:cubicBezTo>
                    <a:pt x="4336" y="4963"/>
                    <a:pt x="4110" y="5013"/>
                    <a:pt x="4010" y="5063"/>
                  </a:cubicBezTo>
                  <a:cubicBezTo>
                    <a:pt x="3835" y="5063"/>
                    <a:pt x="3609" y="5188"/>
                    <a:pt x="3434" y="5188"/>
                  </a:cubicBezTo>
                  <a:cubicBezTo>
                    <a:pt x="3384" y="5188"/>
                    <a:pt x="3208" y="5188"/>
                    <a:pt x="3108" y="5138"/>
                  </a:cubicBezTo>
                  <a:cubicBezTo>
                    <a:pt x="3058" y="5063"/>
                    <a:pt x="2983" y="4913"/>
                    <a:pt x="2932" y="4913"/>
                  </a:cubicBezTo>
                  <a:cubicBezTo>
                    <a:pt x="2832" y="4838"/>
                    <a:pt x="2607" y="4787"/>
                    <a:pt x="2481" y="4787"/>
                  </a:cubicBezTo>
                  <a:cubicBezTo>
                    <a:pt x="2431" y="4787"/>
                    <a:pt x="2306" y="4838"/>
                    <a:pt x="2256" y="4838"/>
                  </a:cubicBezTo>
                  <a:cubicBezTo>
                    <a:pt x="2156" y="4838"/>
                    <a:pt x="2030" y="4737"/>
                    <a:pt x="1930" y="4737"/>
                  </a:cubicBezTo>
                  <a:cubicBezTo>
                    <a:pt x="1897" y="4737"/>
                    <a:pt x="1807" y="4760"/>
                    <a:pt x="1715" y="4760"/>
                  </a:cubicBezTo>
                  <a:cubicBezTo>
                    <a:pt x="1668" y="4760"/>
                    <a:pt x="1621" y="4754"/>
                    <a:pt x="1579" y="4737"/>
                  </a:cubicBezTo>
                  <a:cubicBezTo>
                    <a:pt x="1529" y="4737"/>
                    <a:pt x="1479" y="4612"/>
                    <a:pt x="1429" y="4562"/>
                  </a:cubicBezTo>
                  <a:cubicBezTo>
                    <a:pt x="1354" y="4462"/>
                    <a:pt x="1253" y="4336"/>
                    <a:pt x="1203" y="4236"/>
                  </a:cubicBezTo>
                  <a:lnTo>
                    <a:pt x="1203" y="4010"/>
                  </a:lnTo>
                  <a:cubicBezTo>
                    <a:pt x="1128" y="3935"/>
                    <a:pt x="1028" y="3835"/>
                    <a:pt x="1028" y="3785"/>
                  </a:cubicBezTo>
                  <a:cubicBezTo>
                    <a:pt x="1028" y="3710"/>
                    <a:pt x="1128" y="3609"/>
                    <a:pt x="1128" y="3534"/>
                  </a:cubicBezTo>
                  <a:cubicBezTo>
                    <a:pt x="1078" y="3484"/>
                    <a:pt x="902" y="3434"/>
                    <a:pt x="852" y="3434"/>
                  </a:cubicBezTo>
                  <a:cubicBezTo>
                    <a:pt x="810" y="3392"/>
                    <a:pt x="680" y="3297"/>
                    <a:pt x="610" y="3297"/>
                  </a:cubicBezTo>
                  <a:cubicBezTo>
                    <a:pt x="596" y="3297"/>
                    <a:pt x="585" y="3301"/>
                    <a:pt x="577" y="3309"/>
                  </a:cubicBezTo>
                  <a:cubicBezTo>
                    <a:pt x="526" y="3309"/>
                    <a:pt x="526" y="3434"/>
                    <a:pt x="526" y="3484"/>
                  </a:cubicBezTo>
                  <a:cubicBezTo>
                    <a:pt x="451" y="3609"/>
                    <a:pt x="401" y="3785"/>
                    <a:pt x="451" y="3885"/>
                  </a:cubicBezTo>
                  <a:cubicBezTo>
                    <a:pt x="451" y="3935"/>
                    <a:pt x="526" y="4061"/>
                    <a:pt x="577" y="4061"/>
                  </a:cubicBezTo>
                  <a:cubicBezTo>
                    <a:pt x="627" y="4111"/>
                    <a:pt x="752" y="4111"/>
                    <a:pt x="852" y="4161"/>
                  </a:cubicBezTo>
                  <a:cubicBezTo>
                    <a:pt x="852" y="4161"/>
                    <a:pt x="978" y="4286"/>
                    <a:pt x="978" y="4336"/>
                  </a:cubicBezTo>
                  <a:cubicBezTo>
                    <a:pt x="978" y="4386"/>
                    <a:pt x="802" y="4512"/>
                    <a:pt x="802" y="4562"/>
                  </a:cubicBezTo>
                  <a:cubicBezTo>
                    <a:pt x="752" y="4687"/>
                    <a:pt x="677" y="4838"/>
                    <a:pt x="627" y="4963"/>
                  </a:cubicBezTo>
                  <a:lnTo>
                    <a:pt x="627" y="5239"/>
                  </a:lnTo>
                  <a:cubicBezTo>
                    <a:pt x="577" y="5289"/>
                    <a:pt x="351" y="5289"/>
                    <a:pt x="351" y="5289"/>
                  </a:cubicBezTo>
                  <a:cubicBezTo>
                    <a:pt x="226" y="5414"/>
                    <a:pt x="301" y="5640"/>
                    <a:pt x="301" y="5690"/>
                  </a:cubicBezTo>
                  <a:cubicBezTo>
                    <a:pt x="226" y="5815"/>
                    <a:pt x="301" y="5965"/>
                    <a:pt x="226" y="6041"/>
                  </a:cubicBezTo>
                  <a:cubicBezTo>
                    <a:pt x="226" y="6091"/>
                    <a:pt x="75" y="6191"/>
                    <a:pt x="75" y="6266"/>
                  </a:cubicBezTo>
                  <a:cubicBezTo>
                    <a:pt x="75" y="6266"/>
                    <a:pt x="125" y="6366"/>
                    <a:pt x="125" y="6417"/>
                  </a:cubicBezTo>
                  <a:cubicBezTo>
                    <a:pt x="176" y="6492"/>
                    <a:pt x="301" y="6592"/>
                    <a:pt x="401" y="6642"/>
                  </a:cubicBezTo>
                  <a:cubicBezTo>
                    <a:pt x="451" y="6642"/>
                    <a:pt x="627" y="6717"/>
                    <a:pt x="627" y="6767"/>
                  </a:cubicBezTo>
                  <a:cubicBezTo>
                    <a:pt x="627" y="6818"/>
                    <a:pt x="526" y="6868"/>
                    <a:pt x="526" y="6943"/>
                  </a:cubicBezTo>
                  <a:cubicBezTo>
                    <a:pt x="451" y="6993"/>
                    <a:pt x="451" y="7168"/>
                    <a:pt x="451" y="7219"/>
                  </a:cubicBezTo>
                  <a:cubicBezTo>
                    <a:pt x="401" y="7269"/>
                    <a:pt x="351" y="7394"/>
                    <a:pt x="351" y="7444"/>
                  </a:cubicBezTo>
                  <a:lnTo>
                    <a:pt x="176" y="7444"/>
                  </a:lnTo>
                  <a:cubicBezTo>
                    <a:pt x="125" y="7494"/>
                    <a:pt x="75" y="7544"/>
                    <a:pt x="75" y="7620"/>
                  </a:cubicBezTo>
                  <a:cubicBezTo>
                    <a:pt x="0" y="7670"/>
                    <a:pt x="75" y="7895"/>
                    <a:pt x="75" y="7995"/>
                  </a:cubicBezTo>
                  <a:cubicBezTo>
                    <a:pt x="75" y="8121"/>
                    <a:pt x="75" y="8346"/>
                    <a:pt x="125" y="8396"/>
                  </a:cubicBezTo>
                  <a:lnTo>
                    <a:pt x="301" y="8396"/>
                  </a:lnTo>
                  <a:cubicBezTo>
                    <a:pt x="351" y="8346"/>
                    <a:pt x="226" y="8171"/>
                    <a:pt x="301" y="8121"/>
                  </a:cubicBezTo>
                  <a:cubicBezTo>
                    <a:pt x="301" y="8071"/>
                    <a:pt x="401" y="8071"/>
                    <a:pt x="401" y="7995"/>
                  </a:cubicBezTo>
                  <a:cubicBezTo>
                    <a:pt x="451" y="7945"/>
                    <a:pt x="401" y="7770"/>
                    <a:pt x="451" y="7670"/>
                  </a:cubicBezTo>
                  <a:cubicBezTo>
                    <a:pt x="526" y="7670"/>
                    <a:pt x="627" y="7620"/>
                    <a:pt x="677" y="7620"/>
                  </a:cubicBezTo>
                  <a:lnTo>
                    <a:pt x="677" y="7720"/>
                  </a:lnTo>
                  <a:cubicBezTo>
                    <a:pt x="677" y="7770"/>
                    <a:pt x="627" y="7845"/>
                    <a:pt x="627" y="7845"/>
                  </a:cubicBezTo>
                  <a:cubicBezTo>
                    <a:pt x="627" y="7895"/>
                    <a:pt x="577" y="8071"/>
                    <a:pt x="627" y="8121"/>
                  </a:cubicBezTo>
                  <a:cubicBezTo>
                    <a:pt x="627" y="8171"/>
                    <a:pt x="677" y="8221"/>
                    <a:pt x="752" y="8221"/>
                  </a:cubicBezTo>
                  <a:lnTo>
                    <a:pt x="978" y="8221"/>
                  </a:lnTo>
                  <a:cubicBezTo>
                    <a:pt x="1028" y="8171"/>
                    <a:pt x="978" y="8071"/>
                    <a:pt x="1028" y="7995"/>
                  </a:cubicBezTo>
                  <a:cubicBezTo>
                    <a:pt x="1078" y="7995"/>
                    <a:pt x="1128" y="8071"/>
                    <a:pt x="1203" y="8071"/>
                  </a:cubicBezTo>
                  <a:cubicBezTo>
                    <a:pt x="1253" y="8071"/>
                    <a:pt x="1303" y="7995"/>
                    <a:pt x="1354" y="7995"/>
                  </a:cubicBezTo>
                  <a:cubicBezTo>
                    <a:pt x="1479" y="7995"/>
                    <a:pt x="1704" y="8121"/>
                    <a:pt x="1704" y="8171"/>
                  </a:cubicBezTo>
                  <a:cubicBezTo>
                    <a:pt x="1755" y="8221"/>
                    <a:pt x="1704" y="8396"/>
                    <a:pt x="1704" y="8447"/>
                  </a:cubicBezTo>
                  <a:cubicBezTo>
                    <a:pt x="1704" y="8522"/>
                    <a:pt x="1755" y="8622"/>
                    <a:pt x="1805" y="8672"/>
                  </a:cubicBezTo>
                  <a:lnTo>
                    <a:pt x="1805" y="9023"/>
                  </a:lnTo>
                  <a:cubicBezTo>
                    <a:pt x="1880" y="9073"/>
                    <a:pt x="1930" y="9073"/>
                    <a:pt x="1930" y="9123"/>
                  </a:cubicBezTo>
                  <a:cubicBezTo>
                    <a:pt x="1980" y="9198"/>
                    <a:pt x="2156" y="9198"/>
                    <a:pt x="2206" y="9249"/>
                  </a:cubicBezTo>
                  <a:cubicBezTo>
                    <a:pt x="2256" y="9349"/>
                    <a:pt x="2156" y="9574"/>
                    <a:pt x="2206" y="9750"/>
                  </a:cubicBezTo>
                  <a:cubicBezTo>
                    <a:pt x="2206" y="9875"/>
                    <a:pt x="2381" y="10026"/>
                    <a:pt x="2381" y="10201"/>
                  </a:cubicBezTo>
                  <a:cubicBezTo>
                    <a:pt x="2381" y="10251"/>
                    <a:pt x="2306" y="10427"/>
                    <a:pt x="2306" y="10552"/>
                  </a:cubicBezTo>
                  <a:cubicBezTo>
                    <a:pt x="2306" y="10652"/>
                    <a:pt x="2256" y="10878"/>
                    <a:pt x="2256" y="11003"/>
                  </a:cubicBezTo>
                  <a:cubicBezTo>
                    <a:pt x="2306" y="11003"/>
                    <a:pt x="2306" y="11103"/>
                    <a:pt x="2306" y="11103"/>
                  </a:cubicBezTo>
                  <a:cubicBezTo>
                    <a:pt x="2344" y="11128"/>
                    <a:pt x="2419" y="11128"/>
                    <a:pt x="2491" y="11128"/>
                  </a:cubicBezTo>
                  <a:cubicBezTo>
                    <a:pt x="2563" y="11128"/>
                    <a:pt x="2632" y="11128"/>
                    <a:pt x="2657" y="11153"/>
                  </a:cubicBezTo>
                  <a:cubicBezTo>
                    <a:pt x="2707" y="11229"/>
                    <a:pt x="2707" y="11279"/>
                    <a:pt x="2707" y="11329"/>
                  </a:cubicBezTo>
                  <a:cubicBezTo>
                    <a:pt x="2757" y="11379"/>
                    <a:pt x="2932" y="11379"/>
                    <a:pt x="2983" y="11454"/>
                  </a:cubicBezTo>
                  <a:cubicBezTo>
                    <a:pt x="3058" y="11504"/>
                    <a:pt x="3158" y="11680"/>
                    <a:pt x="3158" y="11780"/>
                  </a:cubicBezTo>
                  <a:lnTo>
                    <a:pt x="3158" y="11955"/>
                  </a:lnTo>
                  <a:lnTo>
                    <a:pt x="3158" y="12281"/>
                  </a:lnTo>
                  <a:cubicBezTo>
                    <a:pt x="3158" y="12356"/>
                    <a:pt x="3058" y="12356"/>
                    <a:pt x="3058" y="12407"/>
                  </a:cubicBezTo>
                  <a:cubicBezTo>
                    <a:pt x="2983" y="12457"/>
                    <a:pt x="3108" y="12632"/>
                    <a:pt x="3108" y="12682"/>
                  </a:cubicBezTo>
                  <a:cubicBezTo>
                    <a:pt x="3058" y="12732"/>
                    <a:pt x="2983" y="12858"/>
                    <a:pt x="2983" y="12908"/>
                  </a:cubicBezTo>
                  <a:cubicBezTo>
                    <a:pt x="2983" y="12983"/>
                    <a:pt x="2882" y="13033"/>
                    <a:pt x="2882" y="13083"/>
                  </a:cubicBezTo>
                  <a:cubicBezTo>
                    <a:pt x="2882" y="13133"/>
                    <a:pt x="2983" y="13209"/>
                    <a:pt x="2983" y="13309"/>
                  </a:cubicBezTo>
                  <a:cubicBezTo>
                    <a:pt x="2983" y="13359"/>
                    <a:pt x="2932" y="13584"/>
                    <a:pt x="2983" y="13710"/>
                  </a:cubicBezTo>
                  <a:cubicBezTo>
                    <a:pt x="2983" y="13760"/>
                    <a:pt x="3058" y="13810"/>
                    <a:pt x="3108" y="13885"/>
                  </a:cubicBezTo>
                  <a:cubicBezTo>
                    <a:pt x="3108" y="13985"/>
                    <a:pt x="3158" y="14211"/>
                    <a:pt x="3158" y="14336"/>
                  </a:cubicBezTo>
                  <a:lnTo>
                    <a:pt x="3058" y="14437"/>
                  </a:lnTo>
                  <a:cubicBezTo>
                    <a:pt x="2932" y="14487"/>
                    <a:pt x="2832" y="14612"/>
                    <a:pt x="2707" y="14612"/>
                  </a:cubicBezTo>
                  <a:cubicBezTo>
                    <a:pt x="2696" y="14623"/>
                    <a:pt x="2682" y="14627"/>
                    <a:pt x="2666" y="14627"/>
                  </a:cubicBezTo>
                  <a:cubicBezTo>
                    <a:pt x="2623" y="14627"/>
                    <a:pt x="2565" y="14598"/>
                    <a:pt x="2522" y="14598"/>
                  </a:cubicBezTo>
                  <a:cubicBezTo>
                    <a:pt x="2506" y="14598"/>
                    <a:pt x="2492" y="14601"/>
                    <a:pt x="2481" y="14612"/>
                  </a:cubicBezTo>
                  <a:cubicBezTo>
                    <a:pt x="2381" y="14612"/>
                    <a:pt x="2206" y="14662"/>
                    <a:pt x="2156" y="14712"/>
                  </a:cubicBezTo>
                  <a:cubicBezTo>
                    <a:pt x="2105" y="14787"/>
                    <a:pt x="2156" y="14888"/>
                    <a:pt x="2206" y="14938"/>
                  </a:cubicBezTo>
                  <a:cubicBezTo>
                    <a:pt x="2206" y="14975"/>
                    <a:pt x="2250" y="14975"/>
                    <a:pt x="2300" y="14975"/>
                  </a:cubicBezTo>
                  <a:cubicBezTo>
                    <a:pt x="2350" y="14975"/>
                    <a:pt x="2406" y="14975"/>
                    <a:pt x="2431" y="15013"/>
                  </a:cubicBezTo>
                  <a:cubicBezTo>
                    <a:pt x="2431" y="15063"/>
                    <a:pt x="2481" y="15163"/>
                    <a:pt x="2431" y="15239"/>
                  </a:cubicBezTo>
                  <a:cubicBezTo>
                    <a:pt x="2431" y="15289"/>
                    <a:pt x="2306" y="15339"/>
                    <a:pt x="2306" y="15389"/>
                  </a:cubicBezTo>
                  <a:cubicBezTo>
                    <a:pt x="2256" y="15464"/>
                    <a:pt x="2256" y="15615"/>
                    <a:pt x="2256" y="15690"/>
                  </a:cubicBezTo>
                  <a:cubicBezTo>
                    <a:pt x="2256" y="15840"/>
                    <a:pt x="2206" y="16141"/>
                    <a:pt x="2256" y="16241"/>
                  </a:cubicBezTo>
                  <a:cubicBezTo>
                    <a:pt x="2256" y="16291"/>
                    <a:pt x="2306" y="16417"/>
                    <a:pt x="2306" y="16417"/>
                  </a:cubicBezTo>
                  <a:cubicBezTo>
                    <a:pt x="2381" y="16467"/>
                    <a:pt x="2531" y="16467"/>
                    <a:pt x="2607" y="16467"/>
                  </a:cubicBezTo>
                  <a:cubicBezTo>
                    <a:pt x="2607" y="16517"/>
                    <a:pt x="2607" y="16742"/>
                    <a:pt x="2657" y="16742"/>
                  </a:cubicBezTo>
                  <a:cubicBezTo>
                    <a:pt x="2657" y="16765"/>
                    <a:pt x="2666" y="16774"/>
                    <a:pt x="2681" y="16774"/>
                  </a:cubicBezTo>
                  <a:cubicBezTo>
                    <a:pt x="2715" y="16774"/>
                    <a:pt x="2780" y="16727"/>
                    <a:pt x="2832" y="16692"/>
                  </a:cubicBezTo>
                  <a:cubicBezTo>
                    <a:pt x="2832" y="16692"/>
                    <a:pt x="2882" y="16592"/>
                    <a:pt x="2882" y="16517"/>
                  </a:cubicBezTo>
                  <a:lnTo>
                    <a:pt x="2757" y="16467"/>
                  </a:lnTo>
                  <a:cubicBezTo>
                    <a:pt x="2757" y="16417"/>
                    <a:pt x="2932" y="16366"/>
                    <a:pt x="2983" y="16366"/>
                  </a:cubicBezTo>
                  <a:cubicBezTo>
                    <a:pt x="3020" y="16329"/>
                    <a:pt x="3077" y="16310"/>
                    <a:pt x="3133" y="16310"/>
                  </a:cubicBezTo>
                  <a:cubicBezTo>
                    <a:pt x="3189" y="16310"/>
                    <a:pt x="3246" y="16329"/>
                    <a:pt x="3283" y="16366"/>
                  </a:cubicBezTo>
                  <a:cubicBezTo>
                    <a:pt x="3333" y="16366"/>
                    <a:pt x="3384" y="16467"/>
                    <a:pt x="3384" y="16517"/>
                  </a:cubicBezTo>
                  <a:cubicBezTo>
                    <a:pt x="3434" y="16592"/>
                    <a:pt x="3559" y="16642"/>
                    <a:pt x="3609" y="16642"/>
                  </a:cubicBezTo>
                  <a:cubicBezTo>
                    <a:pt x="3659" y="16642"/>
                    <a:pt x="3659" y="16517"/>
                    <a:pt x="3659" y="16517"/>
                  </a:cubicBezTo>
                  <a:cubicBezTo>
                    <a:pt x="3659" y="16467"/>
                    <a:pt x="3609" y="16291"/>
                    <a:pt x="3659" y="16291"/>
                  </a:cubicBezTo>
                  <a:cubicBezTo>
                    <a:pt x="3659" y="16275"/>
                    <a:pt x="3679" y="16269"/>
                    <a:pt x="3707" y="16269"/>
                  </a:cubicBezTo>
                  <a:cubicBezTo>
                    <a:pt x="3762" y="16269"/>
                    <a:pt x="3851" y="16291"/>
                    <a:pt x="3885" y="16291"/>
                  </a:cubicBezTo>
                  <a:cubicBezTo>
                    <a:pt x="3960" y="16291"/>
                    <a:pt x="4060" y="16291"/>
                    <a:pt x="4060" y="16366"/>
                  </a:cubicBezTo>
                  <a:cubicBezTo>
                    <a:pt x="4110" y="16417"/>
                    <a:pt x="4060" y="16592"/>
                    <a:pt x="4110" y="16642"/>
                  </a:cubicBezTo>
                  <a:cubicBezTo>
                    <a:pt x="4110" y="16692"/>
                    <a:pt x="4236" y="16742"/>
                    <a:pt x="4286" y="16818"/>
                  </a:cubicBezTo>
                  <a:cubicBezTo>
                    <a:pt x="4286" y="16868"/>
                    <a:pt x="4236" y="16968"/>
                    <a:pt x="4186" y="16968"/>
                  </a:cubicBezTo>
                  <a:cubicBezTo>
                    <a:pt x="4161" y="16993"/>
                    <a:pt x="4133" y="17001"/>
                    <a:pt x="4105" y="17001"/>
                  </a:cubicBezTo>
                  <a:cubicBezTo>
                    <a:pt x="4049" y="17001"/>
                    <a:pt x="3993" y="16968"/>
                    <a:pt x="3960" y="16968"/>
                  </a:cubicBezTo>
                  <a:cubicBezTo>
                    <a:pt x="3885" y="16918"/>
                    <a:pt x="3835" y="16742"/>
                    <a:pt x="3785" y="16742"/>
                  </a:cubicBezTo>
                  <a:cubicBezTo>
                    <a:pt x="3734" y="16742"/>
                    <a:pt x="3659" y="16918"/>
                    <a:pt x="3659" y="16968"/>
                  </a:cubicBezTo>
                  <a:cubicBezTo>
                    <a:pt x="3609" y="17043"/>
                    <a:pt x="3609" y="17194"/>
                    <a:pt x="3609" y="17269"/>
                  </a:cubicBezTo>
                  <a:cubicBezTo>
                    <a:pt x="3659" y="17319"/>
                    <a:pt x="3785" y="17319"/>
                    <a:pt x="3835" y="17369"/>
                  </a:cubicBezTo>
                  <a:cubicBezTo>
                    <a:pt x="3835" y="17419"/>
                    <a:pt x="3835" y="17544"/>
                    <a:pt x="3785" y="17544"/>
                  </a:cubicBezTo>
                  <a:cubicBezTo>
                    <a:pt x="3734" y="17544"/>
                    <a:pt x="3659" y="17419"/>
                    <a:pt x="3659" y="17419"/>
                  </a:cubicBezTo>
                  <a:cubicBezTo>
                    <a:pt x="3609" y="17494"/>
                    <a:pt x="3609" y="17595"/>
                    <a:pt x="3559" y="17645"/>
                  </a:cubicBezTo>
                  <a:cubicBezTo>
                    <a:pt x="3559" y="17770"/>
                    <a:pt x="3509" y="17870"/>
                    <a:pt x="3509" y="17945"/>
                  </a:cubicBezTo>
                  <a:cubicBezTo>
                    <a:pt x="3509" y="17996"/>
                    <a:pt x="3609" y="18046"/>
                    <a:pt x="3609" y="18096"/>
                  </a:cubicBezTo>
                  <a:cubicBezTo>
                    <a:pt x="3609" y="18171"/>
                    <a:pt x="3384" y="18221"/>
                    <a:pt x="3384" y="18271"/>
                  </a:cubicBezTo>
                  <a:cubicBezTo>
                    <a:pt x="3333" y="18321"/>
                    <a:pt x="3333" y="18497"/>
                    <a:pt x="3384" y="18547"/>
                  </a:cubicBezTo>
                  <a:cubicBezTo>
                    <a:pt x="3384" y="18622"/>
                    <a:pt x="3434" y="18722"/>
                    <a:pt x="3509" y="18722"/>
                  </a:cubicBezTo>
                  <a:cubicBezTo>
                    <a:pt x="3509" y="18772"/>
                    <a:pt x="3609" y="18848"/>
                    <a:pt x="3659" y="18848"/>
                  </a:cubicBezTo>
                  <a:lnTo>
                    <a:pt x="3734" y="18772"/>
                  </a:lnTo>
                  <a:cubicBezTo>
                    <a:pt x="3785" y="18772"/>
                    <a:pt x="3835" y="18898"/>
                    <a:pt x="3835" y="18898"/>
                  </a:cubicBezTo>
                  <a:cubicBezTo>
                    <a:pt x="3835" y="18948"/>
                    <a:pt x="3785" y="19073"/>
                    <a:pt x="3734" y="19073"/>
                  </a:cubicBezTo>
                  <a:cubicBezTo>
                    <a:pt x="3714" y="19087"/>
                    <a:pt x="3687" y="19093"/>
                    <a:pt x="3657" y="19093"/>
                  </a:cubicBezTo>
                  <a:cubicBezTo>
                    <a:pt x="3581" y="19093"/>
                    <a:pt x="3488" y="19052"/>
                    <a:pt x="3434" y="18998"/>
                  </a:cubicBezTo>
                  <a:cubicBezTo>
                    <a:pt x="3384" y="18998"/>
                    <a:pt x="3384" y="18898"/>
                    <a:pt x="3333" y="18848"/>
                  </a:cubicBezTo>
                  <a:cubicBezTo>
                    <a:pt x="3283" y="18772"/>
                    <a:pt x="3108" y="18772"/>
                    <a:pt x="3058" y="18722"/>
                  </a:cubicBezTo>
                  <a:cubicBezTo>
                    <a:pt x="3058" y="18672"/>
                    <a:pt x="3108" y="18497"/>
                    <a:pt x="3108" y="18447"/>
                  </a:cubicBezTo>
                  <a:cubicBezTo>
                    <a:pt x="3058" y="18321"/>
                    <a:pt x="2932" y="18096"/>
                    <a:pt x="2882" y="18046"/>
                  </a:cubicBezTo>
                  <a:cubicBezTo>
                    <a:pt x="2832" y="18046"/>
                    <a:pt x="2707" y="18096"/>
                    <a:pt x="2657" y="18171"/>
                  </a:cubicBezTo>
                  <a:cubicBezTo>
                    <a:pt x="2607" y="18221"/>
                    <a:pt x="2657" y="18397"/>
                    <a:pt x="2657" y="18447"/>
                  </a:cubicBezTo>
                  <a:cubicBezTo>
                    <a:pt x="2707" y="18622"/>
                    <a:pt x="2757" y="18848"/>
                    <a:pt x="2757" y="18948"/>
                  </a:cubicBezTo>
                  <a:cubicBezTo>
                    <a:pt x="2757" y="18998"/>
                    <a:pt x="2707" y="19123"/>
                    <a:pt x="2707" y="19173"/>
                  </a:cubicBezTo>
                  <a:cubicBezTo>
                    <a:pt x="2707" y="19224"/>
                    <a:pt x="2757" y="19349"/>
                    <a:pt x="2757" y="19399"/>
                  </a:cubicBezTo>
                  <a:cubicBezTo>
                    <a:pt x="2832" y="19449"/>
                    <a:pt x="2757" y="19625"/>
                    <a:pt x="2757" y="19750"/>
                  </a:cubicBezTo>
                  <a:cubicBezTo>
                    <a:pt x="2757" y="19800"/>
                    <a:pt x="2707" y="19900"/>
                    <a:pt x="2707" y="19975"/>
                  </a:cubicBezTo>
                  <a:cubicBezTo>
                    <a:pt x="2757" y="20076"/>
                    <a:pt x="2882" y="20201"/>
                    <a:pt x="2882" y="20251"/>
                  </a:cubicBezTo>
                  <a:cubicBezTo>
                    <a:pt x="2882" y="20301"/>
                    <a:pt x="2757" y="20427"/>
                    <a:pt x="2757" y="20477"/>
                  </a:cubicBezTo>
                  <a:cubicBezTo>
                    <a:pt x="2757" y="20577"/>
                    <a:pt x="2832" y="20752"/>
                    <a:pt x="2757" y="20803"/>
                  </a:cubicBezTo>
                  <a:cubicBezTo>
                    <a:pt x="2757" y="20878"/>
                    <a:pt x="2707" y="20878"/>
                    <a:pt x="2657" y="20928"/>
                  </a:cubicBezTo>
                  <a:cubicBezTo>
                    <a:pt x="2607" y="21028"/>
                    <a:pt x="2481" y="21204"/>
                    <a:pt x="2381" y="21329"/>
                  </a:cubicBezTo>
                  <a:cubicBezTo>
                    <a:pt x="2306" y="21379"/>
                    <a:pt x="2156" y="21554"/>
                    <a:pt x="2105" y="21605"/>
                  </a:cubicBezTo>
                  <a:cubicBezTo>
                    <a:pt x="2030" y="21655"/>
                    <a:pt x="1930" y="21780"/>
                    <a:pt x="1980" y="21830"/>
                  </a:cubicBezTo>
                  <a:cubicBezTo>
                    <a:pt x="1980" y="21930"/>
                    <a:pt x="2105" y="21930"/>
                    <a:pt x="2156" y="22006"/>
                  </a:cubicBezTo>
                  <a:cubicBezTo>
                    <a:pt x="2206" y="22056"/>
                    <a:pt x="2256" y="22106"/>
                    <a:pt x="2256" y="22156"/>
                  </a:cubicBezTo>
                  <a:cubicBezTo>
                    <a:pt x="2306" y="22281"/>
                    <a:pt x="2206" y="22457"/>
                    <a:pt x="2156" y="22507"/>
                  </a:cubicBezTo>
                  <a:cubicBezTo>
                    <a:pt x="2156" y="22557"/>
                    <a:pt x="1980" y="22607"/>
                    <a:pt x="1930" y="22682"/>
                  </a:cubicBezTo>
                  <a:lnTo>
                    <a:pt x="1930" y="22958"/>
                  </a:lnTo>
                  <a:cubicBezTo>
                    <a:pt x="1930" y="23008"/>
                    <a:pt x="1880" y="23133"/>
                    <a:pt x="1930" y="23184"/>
                  </a:cubicBezTo>
                  <a:lnTo>
                    <a:pt x="2105" y="23184"/>
                  </a:lnTo>
                  <a:cubicBezTo>
                    <a:pt x="2206" y="23234"/>
                    <a:pt x="2256" y="23459"/>
                    <a:pt x="2306" y="23534"/>
                  </a:cubicBezTo>
                  <a:cubicBezTo>
                    <a:pt x="2381" y="23585"/>
                    <a:pt x="2481" y="23760"/>
                    <a:pt x="2531" y="23810"/>
                  </a:cubicBezTo>
                  <a:cubicBezTo>
                    <a:pt x="2531" y="23860"/>
                    <a:pt x="2531" y="24036"/>
                    <a:pt x="2481" y="24036"/>
                  </a:cubicBezTo>
                  <a:cubicBezTo>
                    <a:pt x="2431" y="24086"/>
                    <a:pt x="2306" y="24086"/>
                    <a:pt x="2256" y="24086"/>
                  </a:cubicBezTo>
                  <a:cubicBezTo>
                    <a:pt x="2156" y="24136"/>
                    <a:pt x="1930" y="24311"/>
                    <a:pt x="1880" y="24487"/>
                  </a:cubicBezTo>
                  <a:cubicBezTo>
                    <a:pt x="1805" y="24537"/>
                    <a:pt x="1805" y="24762"/>
                    <a:pt x="1805" y="24888"/>
                  </a:cubicBezTo>
                  <a:cubicBezTo>
                    <a:pt x="1880" y="24988"/>
                    <a:pt x="1980" y="25038"/>
                    <a:pt x="2030" y="25113"/>
                  </a:cubicBezTo>
                  <a:cubicBezTo>
                    <a:pt x="2105" y="25163"/>
                    <a:pt x="2256" y="25264"/>
                    <a:pt x="2306" y="25339"/>
                  </a:cubicBezTo>
                  <a:cubicBezTo>
                    <a:pt x="2381" y="25389"/>
                    <a:pt x="2431" y="25615"/>
                    <a:pt x="2481" y="25715"/>
                  </a:cubicBezTo>
                  <a:cubicBezTo>
                    <a:pt x="2481" y="25790"/>
                    <a:pt x="2481" y="25890"/>
                    <a:pt x="2531" y="25940"/>
                  </a:cubicBezTo>
                  <a:lnTo>
                    <a:pt x="2757" y="25940"/>
                  </a:lnTo>
                  <a:cubicBezTo>
                    <a:pt x="2832" y="26016"/>
                    <a:pt x="2832" y="26116"/>
                    <a:pt x="2882" y="26166"/>
                  </a:cubicBezTo>
                  <a:cubicBezTo>
                    <a:pt x="2882" y="26241"/>
                    <a:pt x="2932" y="26291"/>
                    <a:pt x="2983" y="26291"/>
                  </a:cubicBezTo>
                  <a:cubicBezTo>
                    <a:pt x="2983" y="26341"/>
                    <a:pt x="3108" y="26341"/>
                    <a:pt x="3108" y="26341"/>
                  </a:cubicBezTo>
                  <a:cubicBezTo>
                    <a:pt x="3108" y="26392"/>
                    <a:pt x="3108" y="26467"/>
                    <a:pt x="3158" y="26517"/>
                  </a:cubicBezTo>
                  <a:cubicBezTo>
                    <a:pt x="3158" y="26567"/>
                    <a:pt x="3333" y="26567"/>
                    <a:pt x="3333" y="26617"/>
                  </a:cubicBezTo>
                  <a:cubicBezTo>
                    <a:pt x="3384" y="26692"/>
                    <a:pt x="3333" y="26793"/>
                    <a:pt x="3384" y="26843"/>
                  </a:cubicBezTo>
                  <a:cubicBezTo>
                    <a:pt x="3384" y="26880"/>
                    <a:pt x="3427" y="26880"/>
                    <a:pt x="3478" y="26880"/>
                  </a:cubicBezTo>
                  <a:cubicBezTo>
                    <a:pt x="3528" y="26880"/>
                    <a:pt x="3584" y="26880"/>
                    <a:pt x="3609" y="26918"/>
                  </a:cubicBezTo>
                  <a:cubicBezTo>
                    <a:pt x="3659" y="26968"/>
                    <a:pt x="3609" y="27194"/>
                    <a:pt x="3609" y="27244"/>
                  </a:cubicBezTo>
                  <a:cubicBezTo>
                    <a:pt x="3609" y="27419"/>
                    <a:pt x="3609" y="27695"/>
                    <a:pt x="3659" y="27820"/>
                  </a:cubicBezTo>
                  <a:cubicBezTo>
                    <a:pt x="3659" y="27870"/>
                    <a:pt x="3785" y="27920"/>
                    <a:pt x="3785" y="27920"/>
                  </a:cubicBezTo>
                  <a:cubicBezTo>
                    <a:pt x="3835" y="27971"/>
                    <a:pt x="3885" y="28096"/>
                    <a:pt x="3960" y="28096"/>
                  </a:cubicBezTo>
                  <a:cubicBezTo>
                    <a:pt x="3960" y="28096"/>
                    <a:pt x="4010" y="27971"/>
                    <a:pt x="4010" y="27920"/>
                  </a:cubicBezTo>
                  <a:cubicBezTo>
                    <a:pt x="4010" y="27870"/>
                    <a:pt x="3960" y="27745"/>
                    <a:pt x="4010" y="27695"/>
                  </a:cubicBezTo>
                  <a:cubicBezTo>
                    <a:pt x="4060" y="27695"/>
                    <a:pt x="4186" y="27745"/>
                    <a:pt x="4186" y="27745"/>
                  </a:cubicBezTo>
                  <a:cubicBezTo>
                    <a:pt x="4236" y="27820"/>
                    <a:pt x="4286" y="27920"/>
                    <a:pt x="4286" y="27971"/>
                  </a:cubicBezTo>
                  <a:lnTo>
                    <a:pt x="4186" y="28046"/>
                  </a:lnTo>
                  <a:cubicBezTo>
                    <a:pt x="4110" y="28146"/>
                    <a:pt x="4060" y="28321"/>
                    <a:pt x="4060" y="28372"/>
                  </a:cubicBezTo>
                  <a:cubicBezTo>
                    <a:pt x="4010" y="28497"/>
                    <a:pt x="4060" y="28647"/>
                    <a:pt x="4060" y="28722"/>
                  </a:cubicBezTo>
                  <a:cubicBezTo>
                    <a:pt x="4060" y="28773"/>
                    <a:pt x="4110" y="28823"/>
                    <a:pt x="4110" y="28873"/>
                  </a:cubicBezTo>
                  <a:cubicBezTo>
                    <a:pt x="4171" y="28873"/>
                    <a:pt x="4247" y="28809"/>
                    <a:pt x="4301" y="28809"/>
                  </a:cubicBezTo>
                  <a:cubicBezTo>
                    <a:pt x="4314" y="28809"/>
                    <a:pt x="4326" y="28813"/>
                    <a:pt x="4336" y="28823"/>
                  </a:cubicBezTo>
                  <a:cubicBezTo>
                    <a:pt x="4386" y="28873"/>
                    <a:pt x="4286" y="28998"/>
                    <a:pt x="4286" y="29048"/>
                  </a:cubicBezTo>
                  <a:cubicBezTo>
                    <a:pt x="4286" y="29048"/>
                    <a:pt x="4336" y="29174"/>
                    <a:pt x="4386" y="29224"/>
                  </a:cubicBezTo>
                  <a:cubicBezTo>
                    <a:pt x="4386" y="29224"/>
                    <a:pt x="4442" y="29246"/>
                    <a:pt x="4494" y="29246"/>
                  </a:cubicBezTo>
                  <a:cubicBezTo>
                    <a:pt x="4520" y="29246"/>
                    <a:pt x="4545" y="29240"/>
                    <a:pt x="4562" y="29224"/>
                  </a:cubicBezTo>
                  <a:cubicBezTo>
                    <a:pt x="4562" y="29224"/>
                    <a:pt x="4612" y="29098"/>
                    <a:pt x="4612" y="29048"/>
                  </a:cubicBezTo>
                  <a:cubicBezTo>
                    <a:pt x="4612" y="28998"/>
                    <a:pt x="4511" y="28948"/>
                    <a:pt x="4511" y="28873"/>
                  </a:cubicBezTo>
                  <a:cubicBezTo>
                    <a:pt x="4511" y="28823"/>
                    <a:pt x="4562" y="28773"/>
                    <a:pt x="4562" y="28773"/>
                  </a:cubicBezTo>
                  <a:cubicBezTo>
                    <a:pt x="4612" y="28722"/>
                    <a:pt x="4612" y="28597"/>
                    <a:pt x="4687" y="28597"/>
                  </a:cubicBezTo>
                  <a:cubicBezTo>
                    <a:pt x="4737" y="28547"/>
                    <a:pt x="4837" y="28497"/>
                    <a:pt x="4912" y="28497"/>
                  </a:cubicBezTo>
                  <a:cubicBezTo>
                    <a:pt x="4938" y="28459"/>
                    <a:pt x="4975" y="28459"/>
                    <a:pt x="5006" y="28459"/>
                  </a:cubicBezTo>
                  <a:cubicBezTo>
                    <a:pt x="5038" y="28459"/>
                    <a:pt x="5063" y="28459"/>
                    <a:pt x="5063" y="28422"/>
                  </a:cubicBezTo>
                  <a:cubicBezTo>
                    <a:pt x="5138" y="28422"/>
                    <a:pt x="5188" y="28271"/>
                    <a:pt x="5238" y="28271"/>
                  </a:cubicBezTo>
                  <a:cubicBezTo>
                    <a:pt x="5288" y="28271"/>
                    <a:pt x="5364" y="28372"/>
                    <a:pt x="5414" y="28422"/>
                  </a:cubicBezTo>
                  <a:cubicBezTo>
                    <a:pt x="5464" y="28422"/>
                    <a:pt x="5639" y="28422"/>
                    <a:pt x="5639" y="28497"/>
                  </a:cubicBezTo>
                  <a:cubicBezTo>
                    <a:pt x="5689" y="28547"/>
                    <a:pt x="5689" y="28647"/>
                    <a:pt x="5689" y="28722"/>
                  </a:cubicBezTo>
                  <a:cubicBezTo>
                    <a:pt x="5740" y="28773"/>
                    <a:pt x="5815" y="28873"/>
                    <a:pt x="5865" y="28873"/>
                  </a:cubicBezTo>
                  <a:cubicBezTo>
                    <a:pt x="5915" y="28873"/>
                    <a:pt x="5915" y="28773"/>
                    <a:pt x="5965" y="28773"/>
                  </a:cubicBezTo>
                  <a:lnTo>
                    <a:pt x="6090" y="28773"/>
                  </a:lnTo>
                  <a:cubicBezTo>
                    <a:pt x="6141" y="28823"/>
                    <a:pt x="6141" y="28873"/>
                    <a:pt x="6141" y="28948"/>
                  </a:cubicBezTo>
                  <a:cubicBezTo>
                    <a:pt x="6191" y="28948"/>
                    <a:pt x="6316" y="28998"/>
                    <a:pt x="6366" y="28998"/>
                  </a:cubicBezTo>
                  <a:cubicBezTo>
                    <a:pt x="6416" y="28998"/>
                    <a:pt x="6542" y="28998"/>
                    <a:pt x="6542" y="28948"/>
                  </a:cubicBezTo>
                  <a:cubicBezTo>
                    <a:pt x="6592" y="28948"/>
                    <a:pt x="6592" y="28823"/>
                    <a:pt x="6642" y="28823"/>
                  </a:cubicBezTo>
                  <a:cubicBezTo>
                    <a:pt x="6642" y="28773"/>
                    <a:pt x="6767" y="28773"/>
                    <a:pt x="6767" y="28722"/>
                  </a:cubicBezTo>
                  <a:lnTo>
                    <a:pt x="6917" y="28722"/>
                  </a:lnTo>
                  <a:cubicBezTo>
                    <a:pt x="6993" y="28647"/>
                    <a:pt x="7043" y="28547"/>
                    <a:pt x="7093" y="28497"/>
                  </a:cubicBezTo>
                  <a:cubicBezTo>
                    <a:pt x="7143" y="28372"/>
                    <a:pt x="7268" y="28146"/>
                    <a:pt x="7318" y="28096"/>
                  </a:cubicBezTo>
                  <a:cubicBezTo>
                    <a:pt x="7444" y="28046"/>
                    <a:pt x="7669" y="27971"/>
                    <a:pt x="7719" y="27920"/>
                  </a:cubicBezTo>
                  <a:cubicBezTo>
                    <a:pt x="7770" y="27920"/>
                    <a:pt x="7770" y="27820"/>
                    <a:pt x="7820" y="27745"/>
                  </a:cubicBezTo>
                  <a:cubicBezTo>
                    <a:pt x="7895" y="27745"/>
                    <a:pt x="7945" y="27820"/>
                    <a:pt x="7995" y="27820"/>
                  </a:cubicBezTo>
                  <a:cubicBezTo>
                    <a:pt x="7995" y="27820"/>
                    <a:pt x="8051" y="27842"/>
                    <a:pt x="8088" y="27842"/>
                  </a:cubicBezTo>
                  <a:cubicBezTo>
                    <a:pt x="8107" y="27842"/>
                    <a:pt x="8120" y="27837"/>
                    <a:pt x="8120" y="27820"/>
                  </a:cubicBezTo>
                  <a:cubicBezTo>
                    <a:pt x="8171" y="27745"/>
                    <a:pt x="8120" y="27595"/>
                    <a:pt x="8120" y="27519"/>
                  </a:cubicBezTo>
                  <a:cubicBezTo>
                    <a:pt x="8045" y="27469"/>
                    <a:pt x="7995" y="27369"/>
                    <a:pt x="7995" y="27294"/>
                  </a:cubicBezTo>
                  <a:cubicBezTo>
                    <a:pt x="7995" y="27294"/>
                    <a:pt x="8045" y="27194"/>
                    <a:pt x="8045" y="27143"/>
                  </a:cubicBezTo>
                  <a:cubicBezTo>
                    <a:pt x="8120" y="27068"/>
                    <a:pt x="8346" y="27068"/>
                    <a:pt x="8346" y="27018"/>
                  </a:cubicBezTo>
                  <a:cubicBezTo>
                    <a:pt x="8396" y="26918"/>
                    <a:pt x="8271" y="26742"/>
                    <a:pt x="8221" y="26692"/>
                  </a:cubicBezTo>
                  <a:cubicBezTo>
                    <a:pt x="8221" y="26617"/>
                    <a:pt x="8045" y="26567"/>
                    <a:pt x="7995" y="26517"/>
                  </a:cubicBezTo>
                  <a:cubicBezTo>
                    <a:pt x="7945" y="26467"/>
                    <a:pt x="7895" y="26241"/>
                    <a:pt x="7895" y="26116"/>
                  </a:cubicBezTo>
                  <a:cubicBezTo>
                    <a:pt x="7895" y="26016"/>
                    <a:pt x="7945" y="25840"/>
                    <a:pt x="7995" y="25715"/>
                  </a:cubicBezTo>
                  <a:cubicBezTo>
                    <a:pt x="8045" y="25615"/>
                    <a:pt x="8221" y="25489"/>
                    <a:pt x="8346" y="25439"/>
                  </a:cubicBezTo>
                  <a:cubicBezTo>
                    <a:pt x="8396" y="25389"/>
                    <a:pt x="8446" y="25264"/>
                    <a:pt x="8496" y="25214"/>
                  </a:cubicBezTo>
                  <a:cubicBezTo>
                    <a:pt x="8572" y="25214"/>
                    <a:pt x="8722" y="25163"/>
                    <a:pt x="8797" y="25163"/>
                  </a:cubicBezTo>
                  <a:lnTo>
                    <a:pt x="8998" y="25163"/>
                  </a:lnTo>
                  <a:cubicBezTo>
                    <a:pt x="9073" y="25163"/>
                    <a:pt x="9123" y="25113"/>
                    <a:pt x="9173" y="25113"/>
                  </a:cubicBezTo>
                  <a:cubicBezTo>
                    <a:pt x="9223" y="25113"/>
                    <a:pt x="9349" y="25214"/>
                    <a:pt x="9399" y="25214"/>
                  </a:cubicBezTo>
                  <a:cubicBezTo>
                    <a:pt x="9449" y="25214"/>
                    <a:pt x="9524" y="25163"/>
                    <a:pt x="9574" y="25163"/>
                  </a:cubicBezTo>
                  <a:lnTo>
                    <a:pt x="9574" y="24938"/>
                  </a:lnTo>
                  <a:lnTo>
                    <a:pt x="9800" y="24938"/>
                  </a:lnTo>
                  <a:cubicBezTo>
                    <a:pt x="9900" y="24888"/>
                    <a:pt x="10025" y="24813"/>
                    <a:pt x="10126" y="24813"/>
                  </a:cubicBezTo>
                  <a:lnTo>
                    <a:pt x="10476" y="24813"/>
                  </a:lnTo>
                  <a:cubicBezTo>
                    <a:pt x="10652" y="24888"/>
                    <a:pt x="10877" y="24938"/>
                    <a:pt x="10928" y="25038"/>
                  </a:cubicBezTo>
                  <a:cubicBezTo>
                    <a:pt x="10978" y="25113"/>
                    <a:pt x="10928" y="25214"/>
                    <a:pt x="10978" y="25264"/>
                  </a:cubicBezTo>
                  <a:cubicBezTo>
                    <a:pt x="10978" y="25339"/>
                    <a:pt x="11028" y="25489"/>
                    <a:pt x="11078" y="25564"/>
                  </a:cubicBezTo>
                  <a:cubicBezTo>
                    <a:pt x="11153" y="25564"/>
                    <a:pt x="11303" y="25564"/>
                    <a:pt x="11379" y="25615"/>
                  </a:cubicBezTo>
                  <a:cubicBezTo>
                    <a:pt x="11429" y="25615"/>
                    <a:pt x="11479" y="25665"/>
                    <a:pt x="11529" y="25715"/>
                  </a:cubicBezTo>
                  <a:cubicBezTo>
                    <a:pt x="11529" y="25790"/>
                    <a:pt x="11604" y="25890"/>
                    <a:pt x="11654" y="25940"/>
                  </a:cubicBezTo>
                  <a:cubicBezTo>
                    <a:pt x="11704" y="25940"/>
                    <a:pt x="11880" y="25890"/>
                    <a:pt x="11930" y="25890"/>
                  </a:cubicBezTo>
                  <a:cubicBezTo>
                    <a:pt x="11930" y="25940"/>
                    <a:pt x="11980" y="26016"/>
                    <a:pt x="11980" y="26016"/>
                  </a:cubicBezTo>
                  <a:cubicBezTo>
                    <a:pt x="12105" y="26066"/>
                    <a:pt x="12281" y="26066"/>
                    <a:pt x="12331" y="26066"/>
                  </a:cubicBezTo>
                  <a:cubicBezTo>
                    <a:pt x="12408" y="26066"/>
                    <a:pt x="12500" y="25992"/>
                    <a:pt x="12561" y="25992"/>
                  </a:cubicBezTo>
                  <a:cubicBezTo>
                    <a:pt x="12580" y="25992"/>
                    <a:pt x="12595" y="25998"/>
                    <a:pt x="12607" y="26016"/>
                  </a:cubicBezTo>
                  <a:cubicBezTo>
                    <a:pt x="12657" y="26016"/>
                    <a:pt x="12607" y="26116"/>
                    <a:pt x="12657" y="26166"/>
                  </a:cubicBezTo>
                  <a:cubicBezTo>
                    <a:pt x="12657" y="26241"/>
                    <a:pt x="12732" y="26291"/>
                    <a:pt x="12732" y="26341"/>
                  </a:cubicBezTo>
                  <a:lnTo>
                    <a:pt x="12958" y="26341"/>
                  </a:lnTo>
                  <a:cubicBezTo>
                    <a:pt x="13008" y="26291"/>
                    <a:pt x="12958" y="26166"/>
                    <a:pt x="12958" y="26116"/>
                  </a:cubicBezTo>
                  <a:lnTo>
                    <a:pt x="12958" y="25890"/>
                  </a:lnTo>
                  <a:cubicBezTo>
                    <a:pt x="12968" y="25880"/>
                    <a:pt x="12984" y="25876"/>
                    <a:pt x="13004" y="25876"/>
                  </a:cubicBezTo>
                  <a:cubicBezTo>
                    <a:pt x="13057" y="25876"/>
                    <a:pt x="13134" y="25905"/>
                    <a:pt x="13187" y="25905"/>
                  </a:cubicBezTo>
                  <a:cubicBezTo>
                    <a:pt x="13207" y="25905"/>
                    <a:pt x="13223" y="25901"/>
                    <a:pt x="13233" y="25890"/>
                  </a:cubicBezTo>
                  <a:cubicBezTo>
                    <a:pt x="13283" y="25840"/>
                    <a:pt x="13233" y="25665"/>
                    <a:pt x="13283" y="25615"/>
                  </a:cubicBezTo>
                  <a:cubicBezTo>
                    <a:pt x="13283" y="25564"/>
                    <a:pt x="13334" y="25439"/>
                    <a:pt x="13334" y="25339"/>
                  </a:cubicBezTo>
                  <a:cubicBezTo>
                    <a:pt x="13334" y="25264"/>
                    <a:pt x="13233" y="25113"/>
                    <a:pt x="13233" y="25038"/>
                  </a:cubicBezTo>
                  <a:cubicBezTo>
                    <a:pt x="13233" y="24888"/>
                    <a:pt x="13334" y="24662"/>
                    <a:pt x="13334" y="24537"/>
                  </a:cubicBezTo>
                  <a:cubicBezTo>
                    <a:pt x="13384" y="24487"/>
                    <a:pt x="13384" y="24311"/>
                    <a:pt x="13384" y="24261"/>
                  </a:cubicBezTo>
                  <a:cubicBezTo>
                    <a:pt x="13459" y="24211"/>
                    <a:pt x="13509" y="24086"/>
                    <a:pt x="13559" y="24036"/>
                  </a:cubicBezTo>
                  <a:cubicBezTo>
                    <a:pt x="13593" y="24036"/>
                    <a:pt x="13637" y="24058"/>
                    <a:pt x="13678" y="24058"/>
                  </a:cubicBezTo>
                  <a:cubicBezTo>
                    <a:pt x="13698" y="24058"/>
                    <a:pt x="13718" y="24052"/>
                    <a:pt x="13735" y="24036"/>
                  </a:cubicBezTo>
                  <a:cubicBezTo>
                    <a:pt x="13785" y="24036"/>
                    <a:pt x="13910" y="23986"/>
                    <a:pt x="13910" y="23910"/>
                  </a:cubicBezTo>
                  <a:cubicBezTo>
                    <a:pt x="13910" y="23860"/>
                    <a:pt x="13735" y="23860"/>
                    <a:pt x="13684" y="23810"/>
                  </a:cubicBezTo>
                  <a:cubicBezTo>
                    <a:pt x="13609" y="23760"/>
                    <a:pt x="13609" y="23585"/>
                    <a:pt x="13609" y="23534"/>
                  </a:cubicBezTo>
                  <a:cubicBezTo>
                    <a:pt x="13559" y="23459"/>
                    <a:pt x="13459" y="23459"/>
                    <a:pt x="13384" y="23409"/>
                  </a:cubicBezTo>
                  <a:cubicBezTo>
                    <a:pt x="13384" y="23359"/>
                    <a:pt x="13384" y="23234"/>
                    <a:pt x="13459" y="23184"/>
                  </a:cubicBezTo>
                  <a:lnTo>
                    <a:pt x="13559" y="23184"/>
                  </a:lnTo>
                  <a:cubicBezTo>
                    <a:pt x="13609" y="23133"/>
                    <a:pt x="13609" y="22908"/>
                    <a:pt x="13609" y="22858"/>
                  </a:cubicBezTo>
                  <a:cubicBezTo>
                    <a:pt x="13684" y="22732"/>
                    <a:pt x="13785" y="22507"/>
                    <a:pt x="13835" y="22382"/>
                  </a:cubicBezTo>
                  <a:cubicBezTo>
                    <a:pt x="13910" y="22231"/>
                    <a:pt x="13960" y="21880"/>
                    <a:pt x="13910" y="21705"/>
                  </a:cubicBezTo>
                  <a:cubicBezTo>
                    <a:pt x="13910" y="21605"/>
                    <a:pt x="13785" y="21479"/>
                    <a:pt x="13785" y="21379"/>
                  </a:cubicBezTo>
                  <a:cubicBezTo>
                    <a:pt x="13735" y="21204"/>
                    <a:pt x="13960" y="20978"/>
                    <a:pt x="14010" y="20803"/>
                  </a:cubicBezTo>
                  <a:cubicBezTo>
                    <a:pt x="14010" y="20652"/>
                    <a:pt x="14060" y="20301"/>
                    <a:pt x="14060" y="20076"/>
                  </a:cubicBezTo>
                  <a:cubicBezTo>
                    <a:pt x="14060" y="19975"/>
                    <a:pt x="14010" y="19675"/>
                    <a:pt x="14060" y="19524"/>
                  </a:cubicBezTo>
                  <a:cubicBezTo>
                    <a:pt x="14060" y="19449"/>
                    <a:pt x="14136" y="19399"/>
                    <a:pt x="14136" y="19349"/>
                  </a:cubicBezTo>
                  <a:lnTo>
                    <a:pt x="14136" y="19123"/>
                  </a:lnTo>
                  <a:cubicBezTo>
                    <a:pt x="14186" y="19073"/>
                    <a:pt x="14286" y="18948"/>
                    <a:pt x="14286" y="18848"/>
                  </a:cubicBezTo>
                  <a:cubicBezTo>
                    <a:pt x="14361" y="18772"/>
                    <a:pt x="14361" y="18622"/>
                    <a:pt x="14361" y="18547"/>
                  </a:cubicBezTo>
                  <a:cubicBezTo>
                    <a:pt x="14286" y="18447"/>
                    <a:pt x="14236" y="18221"/>
                    <a:pt x="14186" y="18096"/>
                  </a:cubicBezTo>
                  <a:cubicBezTo>
                    <a:pt x="14186" y="17996"/>
                    <a:pt x="14236" y="17820"/>
                    <a:pt x="14236" y="17770"/>
                  </a:cubicBezTo>
                  <a:cubicBezTo>
                    <a:pt x="14286" y="17645"/>
                    <a:pt x="14411" y="17544"/>
                    <a:pt x="14411" y="17419"/>
                  </a:cubicBezTo>
                  <a:cubicBezTo>
                    <a:pt x="14461" y="17319"/>
                    <a:pt x="14461" y="17043"/>
                    <a:pt x="14461" y="16918"/>
                  </a:cubicBezTo>
                  <a:cubicBezTo>
                    <a:pt x="14461" y="16868"/>
                    <a:pt x="14361" y="16742"/>
                    <a:pt x="14361" y="16692"/>
                  </a:cubicBezTo>
                  <a:cubicBezTo>
                    <a:pt x="14361" y="16642"/>
                    <a:pt x="14286" y="16517"/>
                    <a:pt x="14361" y="16517"/>
                  </a:cubicBezTo>
                  <a:cubicBezTo>
                    <a:pt x="14361" y="16467"/>
                    <a:pt x="14511" y="16417"/>
                    <a:pt x="14587" y="16366"/>
                  </a:cubicBezTo>
                  <a:cubicBezTo>
                    <a:pt x="14587" y="16241"/>
                    <a:pt x="14511" y="16066"/>
                    <a:pt x="14511" y="16016"/>
                  </a:cubicBezTo>
                  <a:cubicBezTo>
                    <a:pt x="14461" y="15965"/>
                    <a:pt x="14361" y="15840"/>
                    <a:pt x="14286" y="15790"/>
                  </a:cubicBezTo>
                  <a:cubicBezTo>
                    <a:pt x="14286" y="15740"/>
                    <a:pt x="14286" y="15564"/>
                    <a:pt x="14361" y="15514"/>
                  </a:cubicBezTo>
                  <a:cubicBezTo>
                    <a:pt x="14361" y="15389"/>
                    <a:pt x="14511" y="15239"/>
                    <a:pt x="14587" y="15113"/>
                  </a:cubicBezTo>
                  <a:cubicBezTo>
                    <a:pt x="14637" y="15063"/>
                    <a:pt x="14637" y="14888"/>
                    <a:pt x="14637" y="14838"/>
                  </a:cubicBezTo>
                  <a:cubicBezTo>
                    <a:pt x="14637" y="14787"/>
                    <a:pt x="14737" y="14712"/>
                    <a:pt x="14737" y="14662"/>
                  </a:cubicBezTo>
                  <a:cubicBezTo>
                    <a:pt x="14812" y="14562"/>
                    <a:pt x="14737" y="14336"/>
                    <a:pt x="14687" y="14211"/>
                  </a:cubicBezTo>
                  <a:cubicBezTo>
                    <a:pt x="14637" y="14036"/>
                    <a:pt x="14236" y="13935"/>
                    <a:pt x="14186" y="13760"/>
                  </a:cubicBezTo>
                  <a:cubicBezTo>
                    <a:pt x="14060" y="13660"/>
                    <a:pt x="14010" y="13309"/>
                    <a:pt x="14010" y="13133"/>
                  </a:cubicBezTo>
                  <a:cubicBezTo>
                    <a:pt x="13960" y="12983"/>
                    <a:pt x="13785" y="12682"/>
                    <a:pt x="13785" y="12507"/>
                  </a:cubicBezTo>
                  <a:cubicBezTo>
                    <a:pt x="13785" y="12356"/>
                    <a:pt x="13835" y="12056"/>
                    <a:pt x="13910" y="11905"/>
                  </a:cubicBezTo>
                  <a:cubicBezTo>
                    <a:pt x="13960" y="11780"/>
                    <a:pt x="14136" y="11605"/>
                    <a:pt x="14186" y="11504"/>
                  </a:cubicBezTo>
                  <a:cubicBezTo>
                    <a:pt x="14236" y="11379"/>
                    <a:pt x="14286" y="11229"/>
                    <a:pt x="14361" y="11153"/>
                  </a:cubicBezTo>
                  <a:cubicBezTo>
                    <a:pt x="14411" y="11053"/>
                    <a:pt x="14687" y="10878"/>
                    <a:pt x="14862" y="10828"/>
                  </a:cubicBezTo>
                  <a:cubicBezTo>
                    <a:pt x="14913" y="10828"/>
                    <a:pt x="14963" y="10828"/>
                    <a:pt x="15038" y="10777"/>
                  </a:cubicBezTo>
                  <a:cubicBezTo>
                    <a:pt x="15088" y="10777"/>
                    <a:pt x="15263" y="10652"/>
                    <a:pt x="15263" y="10552"/>
                  </a:cubicBezTo>
                  <a:cubicBezTo>
                    <a:pt x="15314" y="10427"/>
                    <a:pt x="15188" y="10201"/>
                    <a:pt x="15263" y="10101"/>
                  </a:cubicBezTo>
                  <a:cubicBezTo>
                    <a:pt x="15314" y="10026"/>
                    <a:pt x="15414" y="9975"/>
                    <a:pt x="15464" y="9925"/>
                  </a:cubicBezTo>
                  <a:cubicBezTo>
                    <a:pt x="15539" y="9750"/>
                    <a:pt x="15539" y="9474"/>
                    <a:pt x="15589" y="9299"/>
                  </a:cubicBezTo>
                  <a:cubicBezTo>
                    <a:pt x="15639" y="9249"/>
                    <a:pt x="15765" y="9123"/>
                    <a:pt x="15765" y="9073"/>
                  </a:cubicBezTo>
                  <a:cubicBezTo>
                    <a:pt x="15765" y="9023"/>
                    <a:pt x="15765" y="8898"/>
                    <a:pt x="15689" y="8898"/>
                  </a:cubicBezTo>
                  <a:cubicBezTo>
                    <a:pt x="15639" y="8848"/>
                    <a:pt x="15464" y="8797"/>
                    <a:pt x="15464" y="8747"/>
                  </a:cubicBezTo>
                  <a:cubicBezTo>
                    <a:pt x="15414" y="8672"/>
                    <a:pt x="15464" y="8572"/>
                    <a:pt x="15464" y="8572"/>
                  </a:cubicBezTo>
                  <a:cubicBezTo>
                    <a:pt x="15414" y="8447"/>
                    <a:pt x="15188" y="8346"/>
                    <a:pt x="15138" y="8221"/>
                  </a:cubicBezTo>
                  <a:cubicBezTo>
                    <a:pt x="15088" y="8121"/>
                    <a:pt x="14963" y="7945"/>
                    <a:pt x="14913" y="7845"/>
                  </a:cubicBezTo>
                  <a:cubicBezTo>
                    <a:pt x="14913" y="7770"/>
                    <a:pt x="14913" y="7620"/>
                    <a:pt x="14963" y="7544"/>
                  </a:cubicBezTo>
                  <a:cubicBezTo>
                    <a:pt x="14963" y="7494"/>
                    <a:pt x="15038" y="7444"/>
                    <a:pt x="15038" y="7394"/>
                  </a:cubicBezTo>
                  <a:cubicBezTo>
                    <a:pt x="15038" y="7319"/>
                    <a:pt x="15088" y="7219"/>
                    <a:pt x="15088" y="7168"/>
                  </a:cubicBezTo>
                  <a:cubicBezTo>
                    <a:pt x="15088" y="7093"/>
                    <a:pt x="15088" y="6993"/>
                    <a:pt x="15038" y="6943"/>
                  </a:cubicBezTo>
                  <a:cubicBezTo>
                    <a:pt x="15038" y="6868"/>
                    <a:pt x="14913" y="6868"/>
                    <a:pt x="14862" y="6818"/>
                  </a:cubicBezTo>
                  <a:cubicBezTo>
                    <a:pt x="14812" y="6767"/>
                    <a:pt x="14737" y="6592"/>
                    <a:pt x="14737" y="6542"/>
                  </a:cubicBezTo>
                  <a:cubicBezTo>
                    <a:pt x="14737" y="6417"/>
                    <a:pt x="14812" y="6266"/>
                    <a:pt x="14812" y="6141"/>
                  </a:cubicBezTo>
                  <a:cubicBezTo>
                    <a:pt x="14812" y="6091"/>
                    <a:pt x="14637" y="5865"/>
                    <a:pt x="14587" y="5815"/>
                  </a:cubicBezTo>
                  <a:cubicBezTo>
                    <a:pt x="14511" y="5740"/>
                    <a:pt x="14286" y="5740"/>
                    <a:pt x="14236" y="5690"/>
                  </a:cubicBezTo>
                  <a:cubicBezTo>
                    <a:pt x="14186" y="5640"/>
                    <a:pt x="14186" y="5514"/>
                    <a:pt x="14236" y="5464"/>
                  </a:cubicBezTo>
                  <a:cubicBezTo>
                    <a:pt x="14236" y="5414"/>
                    <a:pt x="14236" y="5364"/>
                    <a:pt x="14286" y="5364"/>
                  </a:cubicBezTo>
                  <a:cubicBezTo>
                    <a:pt x="14361" y="5364"/>
                    <a:pt x="14361" y="5464"/>
                    <a:pt x="14411" y="5464"/>
                  </a:cubicBezTo>
                  <a:lnTo>
                    <a:pt x="14511" y="5464"/>
                  </a:lnTo>
                  <a:cubicBezTo>
                    <a:pt x="14587" y="5464"/>
                    <a:pt x="14587" y="5364"/>
                    <a:pt x="14587" y="5364"/>
                  </a:cubicBezTo>
                  <a:cubicBezTo>
                    <a:pt x="14587" y="5289"/>
                    <a:pt x="14511" y="5239"/>
                    <a:pt x="14511" y="5239"/>
                  </a:cubicBezTo>
                  <a:cubicBezTo>
                    <a:pt x="14511" y="5188"/>
                    <a:pt x="14587" y="5138"/>
                    <a:pt x="14587" y="5138"/>
                  </a:cubicBezTo>
                  <a:cubicBezTo>
                    <a:pt x="14637" y="5138"/>
                    <a:pt x="14737" y="5188"/>
                    <a:pt x="14812" y="5188"/>
                  </a:cubicBezTo>
                  <a:cubicBezTo>
                    <a:pt x="14862" y="5188"/>
                    <a:pt x="14913" y="5138"/>
                    <a:pt x="14913" y="5063"/>
                  </a:cubicBezTo>
                  <a:cubicBezTo>
                    <a:pt x="14913" y="5013"/>
                    <a:pt x="14812" y="4963"/>
                    <a:pt x="14737" y="4913"/>
                  </a:cubicBezTo>
                  <a:lnTo>
                    <a:pt x="14511" y="4913"/>
                  </a:lnTo>
                  <a:cubicBezTo>
                    <a:pt x="14461" y="4838"/>
                    <a:pt x="14411" y="4737"/>
                    <a:pt x="14361" y="4687"/>
                  </a:cubicBezTo>
                  <a:cubicBezTo>
                    <a:pt x="14311" y="4687"/>
                    <a:pt x="14250" y="4709"/>
                    <a:pt x="14200" y="4709"/>
                  </a:cubicBezTo>
                  <a:cubicBezTo>
                    <a:pt x="14175" y="4709"/>
                    <a:pt x="14152" y="4704"/>
                    <a:pt x="14136" y="4687"/>
                  </a:cubicBezTo>
                  <a:cubicBezTo>
                    <a:pt x="14010" y="4612"/>
                    <a:pt x="13960" y="4462"/>
                    <a:pt x="13910" y="4386"/>
                  </a:cubicBezTo>
                  <a:cubicBezTo>
                    <a:pt x="13910" y="4386"/>
                    <a:pt x="13960" y="4336"/>
                    <a:pt x="13960" y="4286"/>
                  </a:cubicBezTo>
                  <a:lnTo>
                    <a:pt x="13960" y="4111"/>
                  </a:lnTo>
                  <a:cubicBezTo>
                    <a:pt x="13950" y="4101"/>
                    <a:pt x="13935" y="4097"/>
                    <a:pt x="13916" y="4097"/>
                  </a:cubicBezTo>
                  <a:cubicBezTo>
                    <a:pt x="13842" y="4097"/>
                    <a:pt x="13709" y="4161"/>
                    <a:pt x="13609" y="4161"/>
                  </a:cubicBezTo>
                  <a:cubicBezTo>
                    <a:pt x="13559" y="4236"/>
                    <a:pt x="13509" y="4286"/>
                    <a:pt x="13384" y="4336"/>
                  </a:cubicBezTo>
                  <a:cubicBezTo>
                    <a:pt x="13334" y="4336"/>
                    <a:pt x="13183" y="4236"/>
                    <a:pt x="13058" y="4161"/>
                  </a:cubicBezTo>
                  <a:cubicBezTo>
                    <a:pt x="13008" y="4161"/>
                    <a:pt x="12832" y="4236"/>
                    <a:pt x="12782" y="4236"/>
                  </a:cubicBezTo>
                  <a:cubicBezTo>
                    <a:pt x="12782" y="4161"/>
                    <a:pt x="12782" y="4010"/>
                    <a:pt x="12832" y="4010"/>
                  </a:cubicBezTo>
                  <a:cubicBezTo>
                    <a:pt x="12860" y="3941"/>
                    <a:pt x="12942" y="3925"/>
                    <a:pt x="13031" y="3925"/>
                  </a:cubicBezTo>
                  <a:cubicBezTo>
                    <a:pt x="13102" y="3925"/>
                    <a:pt x="13178" y="3935"/>
                    <a:pt x="13233" y="3935"/>
                  </a:cubicBezTo>
                  <a:cubicBezTo>
                    <a:pt x="13269" y="3990"/>
                    <a:pt x="13306" y="4031"/>
                    <a:pt x="13342" y="4031"/>
                  </a:cubicBezTo>
                  <a:cubicBezTo>
                    <a:pt x="13356" y="4031"/>
                    <a:pt x="13370" y="4024"/>
                    <a:pt x="13384" y="4010"/>
                  </a:cubicBezTo>
                  <a:cubicBezTo>
                    <a:pt x="13459" y="4010"/>
                    <a:pt x="13384" y="3885"/>
                    <a:pt x="13384" y="3835"/>
                  </a:cubicBezTo>
                  <a:cubicBezTo>
                    <a:pt x="13384" y="3785"/>
                    <a:pt x="13459" y="3710"/>
                    <a:pt x="13459" y="3710"/>
                  </a:cubicBezTo>
                  <a:cubicBezTo>
                    <a:pt x="13509" y="3660"/>
                    <a:pt x="13459" y="3484"/>
                    <a:pt x="13509" y="3434"/>
                  </a:cubicBezTo>
                  <a:cubicBezTo>
                    <a:pt x="13509" y="3384"/>
                    <a:pt x="13609" y="3208"/>
                    <a:pt x="13735" y="3208"/>
                  </a:cubicBezTo>
                  <a:cubicBezTo>
                    <a:pt x="13775" y="3208"/>
                    <a:pt x="13895" y="3273"/>
                    <a:pt x="13967" y="3273"/>
                  </a:cubicBezTo>
                  <a:cubicBezTo>
                    <a:pt x="13985" y="3273"/>
                    <a:pt x="14000" y="3269"/>
                    <a:pt x="14010" y="3259"/>
                  </a:cubicBezTo>
                  <a:cubicBezTo>
                    <a:pt x="14060" y="3259"/>
                    <a:pt x="14060" y="3208"/>
                    <a:pt x="14136" y="3208"/>
                  </a:cubicBezTo>
                  <a:cubicBezTo>
                    <a:pt x="14136" y="3158"/>
                    <a:pt x="14060" y="3033"/>
                    <a:pt x="14060" y="2983"/>
                  </a:cubicBezTo>
                  <a:cubicBezTo>
                    <a:pt x="14010" y="2933"/>
                    <a:pt x="13835" y="2858"/>
                    <a:pt x="13785" y="2858"/>
                  </a:cubicBezTo>
                  <a:lnTo>
                    <a:pt x="13459" y="2858"/>
                  </a:lnTo>
                  <a:cubicBezTo>
                    <a:pt x="13384" y="2933"/>
                    <a:pt x="13384" y="3033"/>
                    <a:pt x="13384" y="3033"/>
                  </a:cubicBezTo>
                  <a:cubicBezTo>
                    <a:pt x="13359" y="3058"/>
                    <a:pt x="13321" y="3071"/>
                    <a:pt x="13290" y="3071"/>
                  </a:cubicBezTo>
                  <a:cubicBezTo>
                    <a:pt x="13258" y="3071"/>
                    <a:pt x="13233" y="3058"/>
                    <a:pt x="13233" y="3033"/>
                  </a:cubicBezTo>
                  <a:cubicBezTo>
                    <a:pt x="13183" y="3033"/>
                    <a:pt x="13233" y="2983"/>
                    <a:pt x="13283" y="2933"/>
                  </a:cubicBezTo>
                  <a:cubicBezTo>
                    <a:pt x="13283" y="2858"/>
                    <a:pt x="13233" y="2757"/>
                    <a:pt x="13183" y="2757"/>
                  </a:cubicBezTo>
                  <a:cubicBezTo>
                    <a:pt x="13173" y="2750"/>
                    <a:pt x="13162" y="2747"/>
                    <a:pt x="13151" y="2747"/>
                  </a:cubicBezTo>
                  <a:cubicBezTo>
                    <a:pt x="13081" y="2747"/>
                    <a:pt x="13001" y="2868"/>
                    <a:pt x="12958" y="2933"/>
                  </a:cubicBezTo>
                  <a:cubicBezTo>
                    <a:pt x="12958" y="2933"/>
                    <a:pt x="12832" y="3033"/>
                    <a:pt x="12782" y="3033"/>
                  </a:cubicBezTo>
                  <a:cubicBezTo>
                    <a:pt x="12732" y="2983"/>
                    <a:pt x="12782" y="2757"/>
                    <a:pt x="12832" y="2707"/>
                  </a:cubicBezTo>
                  <a:cubicBezTo>
                    <a:pt x="12832" y="2632"/>
                    <a:pt x="12882" y="2582"/>
                    <a:pt x="12958" y="2532"/>
                  </a:cubicBezTo>
                  <a:cubicBezTo>
                    <a:pt x="12958" y="2532"/>
                    <a:pt x="13008" y="2406"/>
                    <a:pt x="13008" y="2356"/>
                  </a:cubicBezTo>
                  <a:cubicBezTo>
                    <a:pt x="13058" y="2306"/>
                    <a:pt x="13008" y="2181"/>
                    <a:pt x="13008" y="2131"/>
                  </a:cubicBezTo>
                  <a:cubicBezTo>
                    <a:pt x="13033" y="2106"/>
                    <a:pt x="13089" y="2106"/>
                    <a:pt x="13146" y="2106"/>
                  </a:cubicBezTo>
                  <a:cubicBezTo>
                    <a:pt x="13202" y="2106"/>
                    <a:pt x="13258" y="2106"/>
                    <a:pt x="13283" y="2081"/>
                  </a:cubicBezTo>
                  <a:cubicBezTo>
                    <a:pt x="13334" y="2031"/>
                    <a:pt x="13334" y="1955"/>
                    <a:pt x="13334" y="1905"/>
                  </a:cubicBezTo>
                  <a:cubicBezTo>
                    <a:pt x="13334" y="1805"/>
                    <a:pt x="13283" y="1630"/>
                    <a:pt x="13233" y="1579"/>
                  </a:cubicBezTo>
                  <a:cubicBezTo>
                    <a:pt x="13183" y="1504"/>
                    <a:pt x="13058" y="1354"/>
                    <a:pt x="13008" y="1279"/>
                  </a:cubicBezTo>
                  <a:cubicBezTo>
                    <a:pt x="13008" y="1279"/>
                    <a:pt x="12882" y="1229"/>
                    <a:pt x="12832" y="1229"/>
                  </a:cubicBezTo>
                  <a:cubicBezTo>
                    <a:pt x="12832" y="1279"/>
                    <a:pt x="12782" y="1404"/>
                    <a:pt x="12782" y="1454"/>
                  </a:cubicBezTo>
                  <a:cubicBezTo>
                    <a:pt x="12757" y="1479"/>
                    <a:pt x="12688" y="1479"/>
                    <a:pt x="12616" y="1479"/>
                  </a:cubicBezTo>
                  <a:cubicBezTo>
                    <a:pt x="12544" y="1479"/>
                    <a:pt x="12469" y="1479"/>
                    <a:pt x="12431" y="1504"/>
                  </a:cubicBezTo>
                  <a:cubicBezTo>
                    <a:pt x="12381" y="1579"/>
                    <a:pt x="12381" y="1680"/>
                    <a:pt x="12381" y="1730"/>
                  </a:cubicBezTo>
                  <a:cubicBezTo>
                    <a:pt x="12381" y="1805"/>
                    <a:pt x="12381" y="1905"/>
                    <a:pt x="12331" y="1955"/>
                  </a:cubicBezTo>
                  <a:cubicBezTo>
                    <a:pt x="12281" y="1955"/>
                    <a:pt x="12156" y="1905"/>
                    <a:pt x="12156" y="1855"/>
                  </a:cubicBezTo>
                  <a:cubicBezTo>
                    <a:pt x="12105" y="1805"/>
                    <a:pt x="12105" y="1630"/>
                    <a:pt x="12105" y="1579"/>
                  </a:cubicBezTo>
                  <a:cubicBezTo>
                    <a:pt x="12156" y="1504"/>
                    <a:pt x="12206" y="1454"/>
                    <a:pt x="12206" y="1404"/>
                  </a:cubicBezTo>
                  <a:cubicBezTo>
                    <a:pt x="12156" y="1279"/>
                    <a:pt x="11930" y="1229"/>
                    <a:pt x="11880" y="1178"/>
                  </a:cubicBezTo>
                  <a:lnTo>
                    <a:pt x="11755" y="1053"/>
                  </a:lnTo>
                  <a:cubicBezTo>
                    <a:pt x="11704" y="1003"/>
                    <a:pt x="11654" y="828"/>
                    <a:pt x="11604" y="777"/>
                  </a:cubicBezTo>
                  <a:cubicBezTo>
                    <a:pt x="11604" y="777"/>
                    <a:pt x="11529" y="677"/>
                    <a:pt x="11479" y="677"/>
                  </a:cubicBezTo>
                  <a:cubicBezTo>
                    <a:pt x="11454" y="640"/>
                    <a:pt x="11410" y="621"/>
                    <a:pt x="11366" y="621"/>
                  </a:cubicBezTo>
                  <a:cubicBezTo>
                    <a:pt x="11322" y="621"/>
                    <a:pt x="11278" y="640"/>
                    <a:pt x="11253" y="677"/>
                  </a:cubicBezTo>
                  <a:cubicBezTo>
                    <a:pt x="11253" y="677"/>
                    <a:pt x="11379" y="777"/>
                    <a:pt x="11303" y="828"/>
                  </a:cubicBezTo>
                  <a:cubicBezTo>
                    <a:pt x="11291" y="846"/>
                    <a:pt x="11276" y="852"/>
                    <a:pt x="11260" y="852"/>
                  </a:cubicBezTo>
                  <a:cubicBezTo>
                    <a:pt x="11222" y="852"/>
                    <a:pt x="11179" y="815"/>
                    <a:pt x="11162" y="815"/>
                  </a:cubicBezTo>
                  <a:cubicBezTo>
                    <a:pt x="11156" y="815"/>
                    <a:pt x="11153" y="819"/>
                    <a:pt x="11153" y="828"/>
                  </a:cubicBezTo>
                  <a:cubicBezTo>
                    <a:pt x="11078" y="828"/>
                    <a:pt x="11078" y="953"/>
                    <a:pt x="11028" y="1003"/>
                  </a:cubicBezTo>
                  <a:cubicBezTo>
                    <a:pt x="11028" y="1003"/>
                    <a:pt x="10978" y="903"/>
                    <a:pt x="10928" y="903"/>
                  </a:cubicBezTo>
                  <a:cubicBezTo>
                    <a:pt x="10928" y="828"/>
                    <a:pt x="10978" y="727"/>
                    <a:pt x="10928" y="677"/>
                  </a:cubicBezTo>
                  <a:cubicBezTo>
                    <a:pt x="10928" y="602"/>
                    <a:pt x="10928" y="552"/>
                    <a:pt x="10877" y="552"/>
                  </a:cubicBezTo>
                  <a:lnTo>
                    <a:pt x="10802" y="602"/>
                  </a:lnTo>
                  <a:cubicBezTo>
                    <a:pt x="10752" y="677"/>
                    <a:pt x="10877" y="777"/>
                    <a:pt x="10802" y="828"/>
                  </a:cubicBezTo>
                  <a:lnTo>
                    <a:pt x="10652" y="828"/>
                  </a:lnTo>
                  <a:cubicBezTo>
                    <a:pt x="10577" y="828"/>
                    <a:pt x="10577" y="727"/>
                    <a:pt x="10577" y="677"/>
                  </a:cubicBezTo>
                  <a:lnTo>
                    <a:pt x="10577" y="452"/>
                  </a:lnTo>
                  <a:cubicBezTo>
                    <a:pt x="10577" y="452"/>
                    <a:pt x="10652" y="326"/>
                    <a:pt x="10652" y="276"/>
                  </a:cubicBezTo>
                  <a:cubicBezTo>
                    <a:pt x="10652" y="276"/>
                    <a:pt x="10577" y="151"/>
                    <a:pt x="10527" y="151"/>
                  </a:cubicBezTo>
                  <a:cubicBezTo>
                    <a:pt x="10527" y="101"/>
                    <a:pt x="10426" y="0"/>
                    <a:pt x="10301" y="0"/>
                  </a:cubicBezTo>
                  <a:close/>
                </a:path>
              </a:pathLst>
            </a:custGeom>
            <a:solidFill>
              <a:srgbClr val="CCCCCC"/>
            </a:solidFill>
            <a:ln>
              <a:noFill/>
            </a:ln>
          </p:spPr>
          <p:txBody>
            <a:bodyPr spcFirstLastPara="1" wrap="square" lIns="121900" tIns="121900" rIns="121900" bIns="121900" anchor="ctr" anchorCtr="0">
              <a:noAutofit/>
            </a:bodyPr>
            <a:lstStyle/>
            <a:p>
              <a:endParaRPr sz="2400" dirty="0"/>
            </a:p>
          </p:txBody>
        </p:sp>
        <p:sp>
          <p:nvSpPr>
            <p:cNvPr id="61" name="Google Shape;118;p16">
              <a:extLst>
                <a:ext uri="{FF2B5EF4-FFF2-40B4-BE49-F238E27FC236}">
                  <a16:creationId xmlns:a16="http://schemas.microsoft.com/office/drawing/2014/main" id="{FAD6F2DC-4380-D78B-5552-2F516616CA94}"/>
                </a:ext>
              </a:extLst>
            </p:cNvPr>
            <p:cNvSpPr/>
            <p:nvPr/>
          </p:nvSpPr>
          <p:spPr>
            <a:xfrm>
              <a:off x="1895715" y="3162737"/>
              <a:ext cx="10494" cy="14262"/>
            </a:xfrm>
            <a:custGeom>
              <a:avLst/>
              <a:gdLst/>
              <a:ahLst/>
              <a:cxnLst/>
              <a:rect l="l" t="t" r="r" b="b"/>
              <a:pathLst>
                <a:path w="376" h="511" extrusionOk="0">
                  <a:moveTo>
                    <a:pt x="118" y="1"/>
                  </a:moveTo>
                  <a:cubicBezTo>
                    <a:pt x="97" y="1"/>
                    <a:pt x="75" y="9"/>
                    <a:pt x="50" y="34"/>
                  </a:cubicBezTo>
                  <a:cubicBezTo>
                    <a:pt x="50" y="34"/>
                    <a:pt x="0" y="160"/>
                    <a:pt x="0" y="210"/>
                  </a:cubicBezTo>
                  <a:cubicBezTo>
                    <a:pt x="50" y="260"/>
                    <a:pt x="125" y="335"/>
                    <a:pt x="125" y="335"/>
                  </a:cubicBezTo>
                  <a:lnTo>
                    <a:pt x="125" y="511"/>
                  </a:lnTo>
                  <a:lnTo>
                    <a:pt x="276" y="511"/>
                  </a:lnTo>
                  <a:cubicBezTo>
                    <a:pt x="326" y="435"/>
                    <a:pt x="376" y="385"/>
                    <a:pt x="376" y="335"/>
                  </a:cubicBezTo>
                  <a:cubicBezTo>
                    <a:pt x="376" y="260"/>
                    <a:pt x="326" y="210"/>
                    <a:pt x="326" y="160"/>
                  </a:cubicBezTo>
                  <a:cubicBezTo>
                    <a:pt x="326" y="160"/>
                    <a:pt x="376" y="84"/>
                    <a:pt x="326" y="84"/>
                  </a:cubicBezTo>
                  <a:cubicBezTo>
                    <a:pt x="326" y="34"/>
                    <a:pt x="226" y="34"/>
                    <a:pt x="226" y="34"/>
                  </a:cubicBezTo>
                  <a:cubicBezTo>
                    <a:pt x="192" y="34"/>
                    <a:pt x="159" y="1"/>
                    <a:pt x="118" y="1"/>
                  </a:cubicBezTo>
                  <a:close/>
                </a:path>
              </a:pathLst>
            </a:custGeom>
            <a:solidFill>
              <a:srgbClr val="6FBE8D"/>
            </a:solidFill>
            <a:ln>
              <a:noFill/>
            </a:ln>
          </p:spPr>
          <p:txBody>
            <a:bodyPr spcFirstLastPara="1" wrap="square" lIns="121900" tIns="121900" rIns="121900" bIns="121900" anchor="ctr" anchorCtr="0">
              <a:noAutofit/>
            </a:bodyPr>
            <a:lstStyle/>
            <a:p>
              <a:endParaRPr sz="2400"/>
            </a:p>
          </p:txBody>
        </p:sp>
        <p:sp>
          <p:nvSpPr>
            <p:cNvPr id="62" name="Google Shape;119;p16">
              <a:extLst>
                <a:ext uri="{FF2B5EF4-FFF2-40B4-BE49-F238E27FC236}">
                  <a16:creationId xmlns:a16="http://schemas.microsoft.com/office/drawing/2014/main" id="{8F6BF3B2-CE27-9C69-6345-C6EDFD3FE62E}"/>
                </a:ext>
              </a:extLst>
            </p:cNvPr>
            <p:cNvSpPr/>
            <p:nvPr/>
          </p:nvSpPr>
          <p:spPr>
            <a:xfrm>
              <a:off x="1911093" y="3160198"/>
              <a:ext cx="14709" cy="22412"/>
            </a:xfrm>
            <a:custGeom>
              <a:avLst/>
              <a:gdLst/>
              <a:ahLst/>
              <a:cxnLst/>
              <a:rect l="l" t="t" r="r" b="b"/>
              <a:pathLst>
                <a:path w="527" h="803" extrusionOk="0">
                  <a:moveTo>
                    <a:pt x="426" y="0"/>
                  </a:moveTo>
                  <a:cubicBezTo>
                    <a:pt x="376" y="0"/>
                    <a:pt x="326" y="0"/>
                    <a:pt x="326" y="75"/>
                  </a:cubicBezTo>
                  <a:cubicBezTo>
                    <a:pt x="251" y="75"/>
                    <a:pt x="326" y="201"/>
                    <a:pt x="251" y="201"/>
                  </a:cubicBezTo>
                  <a:cubicBezTo>
                    <a:pt x="251" y="251"/>
                    <a:pt x="201" y="251"/>
                    <a:pt x="201" y="251"/>
                  </a:cubicBezTo>
                  <a:cubicBezTo>
                    <a:pt x="151" y="326"/>
                    <a:pt x="201" y="376"/>
                    <a:pt x="151" y="451"/>
                  </a:cubicBezTo>
                  <a:lnTo>
                    <a:pt x="51" y="501"/>
                  </a:lnTo>
                  <a:cubicBezTo>
                    <a:pt x="0" y="551"/>
                    <a:pt x="0" y="627"/>
                    <a:pt x="0" y="677"/>
                  </a:cubicBezTo>
                  <a:cubicBezTo>
                    <a:pt x="51" y="752"/>
                    <a:pt x="151" y="752"/>
                    <a:pt x="151" y="802"/>
                  </a:cubicBezTo>
                  <a:lnTo>
                    <a:pt x="326" y="802"/>
                  </a:lnTo>
                  <a:cubicBezTo>
                    <a:pt x="376" y="752"/>
                    <a:pt x="376" y="677"/>
                    <a:pt x="376" y="677"/>
                  </a:cubicBezTo>
                  <a:cubicBezTo>
                    <a:pt x="426" y="627"/>
                    <a:pt x="527" y="501"/>
                    <a:pt x="527" y="451"/>
                  </a:cubicBezTo>
                  <a:cubicBezTo>
                    <a:pt x="527" y="451"/>
                    <a:pt x="426" y="376"/>
                    <a:pt x="426" y="326"/>
                  </a:cubicBezTo>
                  <a:lnTo>
                    <a:pt x="477" y="201"/>
                  </a:lnTo>
                  <a:cubicBezTo>
                    <a:pt x="477" y="125"/>
                    <a:pt x="426" y="75"/>
                    <a:pt x="426" y="0"/>
                  </a:cubicBezTo>
                  <a:close/>
                </a:path>
              </a:pathLst>
            </a:custGeom>
            <a:solidFill>
              <a:srgbClr val="6FBE8D"/>
            </a:solidFill>
            <a:ln>
              <a:noFill/>
            </a:ln>
          </p:spPr>
          <p:txBody>
            <a:bodyPr spcFirstLastPara="1" wrap="square" lIns="121900" tIns="121900" rIns="121900" bIns="121900" anchor="ctr" anchorCtr="0">
              <a:noAutofit/>
            </a:bodyPr>
            <a:lstStyle/>
            <a:p>
              <a:endParaRPr sz="2400"/>
            </a:p>
          </p:txBody>
        </p:sp>
        <p:sp>
          <p:nvSpPr>
            <p:cNvPr id="63" name="Google Shape;120;p16">
              <a:extLst>
                <a:ext uri="{FF2B5EF4-FFF2-40B4-BE49-F238E27FC236}">
                  <a16:creationId xmlns:a16="http://schemas.microsoft.com/office/drawing/2014/main" id="{1C4B4C63-7511-A9AE-9A23-36DAA34B47EC}"/>
                </a:ext>
              </a:extLst>
            </p:cNvPr>
            <p:cNvSpPr/>
            <p:nvPr/>
          </p:nvSpPr>
          <p:spPr>
            <a:xfrm>
              <a:off x="1925774" y="3170106"/>
              <a:ext cx="11918" cy="21574"/>
            </a:xfrm>
            <a:custGeom>
              <a:avLst/>
              <a:gdLst/>
              <a:ahLst/>
              <a:cxnLst/>
              <a:rect l="l" t="t" r="r" b="b"/>
              <a:pathLst>
                <a:path w="427" h="773" extrusionOk="0">
                  <a:moveTo>
                    <a:pt x="305" y="0"/>
                  </a:moveTo>
                  <a:cubicBezTo>
                    <a:pt x="245" y="0"/>
                    <a:pt x="179" y="36"/>
                    <a:pt x="126" y="71"/>
                  </a:cubicBezTo>
                  <a:lnTo>
                    <a:pt x="126" y="247"/>
                  </a:lnTo>
                  <a:cubicBezTo>
                    <a:pt x="126" y="297"/>
                    <a:pt x="76" y="347"/>
                    <a:pt x="1" y="347"/>
                  </a:cubicBezTo>
                  <a:lnTo>
                    <a:pt x="1" y="522"/>
                  </a:lnTo>
                  <a:cubicBezTo>
                    <a:pt x="1" y="572"/>
                    <a:pt x="126" y="622"/>
                    <a:pt x="126" y="673"/>
                  </a:cubicBezTo>
                  <a:cubicBezTo>
                    <a:pt x="201" y="673"/>
                    <a:pt x="201" y="773"/>
                    <a:pt x="201" y="773"/>
                  </a:cubicBezTo>
                  <a:cubicBezTo>
                    <a:pt x="251" y="773"/>
                    <a:pt x="301" y="723"/>
                    <a:pt x="301" y="723"/>
                  </a:cubicBezTo>
                  <a:cubicBezTo>
                    <a:pt x="377" y="673"/>
                    <a:pt x="301" y="572"/>
                    <a:pt x="301" y="522"/>
                  </a:cubicBezTo>
                  <a:cubicBezTo>
                    <a:pt x="301" y="447"/>
                    <a:pt x="377" y="397"/>
                    <a:pt x="427" y="347"/>
                  </a:cubicBezTo>
                  <a:lnTo>
                    <a:pt x="427" y="146"/>
                  </a:lnTo>
                  <a:lnTo>
                    <a:pt x="377" y="21"/>
                  </a:lnTo>
                  <a:cubicBezTo>
                    <a:pt x="355" y="6"/>
                    <a:pt x="330" y="0"/>
                    <a:pt x="305" y="0"/>
                  </a:cubicBezTo>
                  <a:close/>
                </a:path>
              </a:pathLst>
            </a:custGeom>
            <a:solidFill>
              <a:srgbClr val="6FBE8D"/>
            </a:solidFill>
            <a:ln>
              <a:noFill/>
            </a:ln>
          </p:spPr>
          <p:txBody>
            <a:bodyPr spcFirstLastPara="1" wrap="square" lIns="121900" tIns="121900" rIns="121900" bIns="121900" anchor="ctr" anchorCtr="0">
              <a:noAutofit/>
            </a:bodyPr>
            <a:lstStyle/>
            <a:p>
              <a:endParaRPr sz="2400"/>
            </a:p>
          </p:txBody>
        </p:sp>
        <p:sp>
          <p:nvSpPr>
            <p:cNvPr id="64" name="Google Shape;121;p16">
              <a:extLst>
                <a:ext uri="{FF2B5EF4-FFF2-40B4-BE49-F238E27FC236}">
                  <a16:creationId xmlns:a16="http://schemas.microsoft.com/office/drawing/2014/main" id="{C9142638-F090-D3F1-CE0A-3329B17EFEDA}"/>
                </a:ext>
              </a:extLst>
            </p:cNvPr>
            <p:cNvSpPr/>
            <p:nvPr/>
          </p:nvSpPr>
          <p:spPr>
            <a:xfrm>
              <a:off x="1993623" y="3279094"/>
              <a:ext cx="11918" cy="8429"/>
            </a:xfrm>
            <a:custGeom>
              <a:avLst/>
              <a:gdLst/>
              <a:ahLst/>
              <a:cxnLst/>
              <a:rect l="l" t="t" r="r" b="b"/>
              <a:pathLst>
                <a:path w="427" h="302" extrusionOk="0">
                  <a:moveTo>
                    <a:pt x="251" y="1"/>
                  </a:moveTo>
                  <a:cubicBezTo>
                    <a:pt x="201" y="26"/>
                    <a:pt x="201" y="76"/>
                    <a:pt x="151" y="76"/>
                  </a:cubicBezTo>
                  <a:cubicBezTo>
                    <a:pt x="151" y="76"/>
                    <a:pt x="51" y="126"/>
                    <a:pt x="51" y="176"/>
                  </a:cubicBezTo>
                  <a:cubicBezTo>
                    <a:pt x="51" y="176"/>
                    <a:pt x="1" y="226"/>
                    <a:pt x="1" y="276"/>
                  </a:cubicBezTo>
                  <a:cubicBezTo>
                    <a:pt x="1" y="301"/>
                    <a:pt x="51" y="301"/>
                    <a:pt x="101" y="301"/>
                  </a:cubicBezTo>
                  <a:cubicBezTo>
                    <a:pt x="101" y="301"/>
                    <a:pt x="151" y="301"/>
                    <a:pt x="201" y="276"/>
                  </a:cubicBezTo>
                  <a:cubicBezTo>
                    <a:pt x="201" y="276"/>
                    <a:pt x="201" y="226"/>
                    <a:pt x="251" y="226"/>
                  </a:cubicBezTo>
                  <a:cubicBezTo>
                    <a:pt x="251" y="176"/>
                    <a:pt x="377" y="176"/>
                    <a:pt x="377" y="176"/>
                  </a:cubicBezTo>
                  <a:cubicBezTo>
                    <a:pt x="377" y="126"/>
                    <a:pt x="427" y="26"/>
                    <a:pt x="377" y="1"/>
                  </a:cubicBezTo>
                  <a:close/>
                </a:path>
              </a:pathLst>
            </a:custGeom>
            <a:solidFill>
              <a:srgbClr val="6FBE8D"/>
            </a:solidFill>
            <a:ln>
              <a:noFill/>
            </a:ln>
          </p:spPr>
          <p:txBody>
            <a:bodyPr spcFirstLastPara="1" wrap="square" lIns="121900" tIns="121900" rIns="121900" bIns="121900" anchor="ctr" anchorCtr="0">
              <a:noAutofit/>
            </a:bodyPr>
            <a:lstStyle/>
            <a:p>
              <a:endParaRPr sz="2400"/>
            </a:p>
          </p:txBody>
        </p:sp>
        <p:sp>
          <p:nvSpPr>
            <p:cNvPr id="65" name="Google Shape;122;p16">
              <a:extLst>
                <a:ext uri="{FF2B5EF4-FFF2-40B4-BE49-F238E27FC236}">
                  <a16:creationId xmlns:a16="http://schemas.microsoft.com/office/drawing/2014/main" id="{0186ECC7-7D01-473A-C409-68E8B2C0C262}"/>
                </a:ext>
              </a:extLst>
            </p:cNvPr>
            <p:cNvSpPr/>
            <p:nvPr/>
          </p:nvSpPr>
          <p:spPr>
            <a:xfrm>
              <a:off x="1997837" y="3293803"/>
              <a:ext cx="9099" cy="7703"/>
            </a:xfrm>
            <a:custGeom>
              <a:avLst/>
              <a:gdLst/>
              <a:ahLst/>
              <a:cxnLst/>
              <a:rect l="l" t="t" r="r" b="b"/>
              <a:pathLst>
                <a:path w="326" h="276" extrusionOk="0">
                  <a:moveTo>
                    <a:pt x="50" y="0"/>
                  </a:moveTo>
                  <a:cubicBezTo>
                    <a:pt x="50" y="0"/>
                    <a:pt x="0" y="100"/>
                    <a:pt x="0" y="150"/>
                  </a:cubicBezTo>
                  <a:cubicBezTo>
                    <a:pt x="0" y="226"/>
                    <a:pt x="50" y="276"/>
                    <a:pt x="100" y="276"/>
                  </a:cubicBezTo>
                  <a:lnTo>
                    <a:pt x="226" y="276"/>
                  </a:lnTo>
                  <a:cubicBezTo>
                    <a:pt x="276" y="276"/>
                    <a:pt x="326" y="226"/>
                    <a:pt x="326" y="226"/>
                  </a:cubicBezTo>
                  <a:lnTo>
                    <a:pt x="326" y="100"/>
                  </a:lnTo>
                  <a:cubicBezTo>
                    <a:pt x="276" y="50"/>
                    <a:pt x="276" y="50"/>
                    <a:pt x="226" y="50"/>
                  </a:cubicBezTo>
                  <a:cubicBezTo>
                    <a:pt x="226" y="0"/>
                    <a:pt x="100" y="0"/>
                    <a:pt x="50" y="0"/>
                  </a:cubicBezTo>
                  <a:close/>
                </a:path>
              </a:pathLst>
            </a:custGeom>
            <a:solidFill>
              <a:srgbClr val="6FBE8D"/>
            </a:solidFill>
            <a:ln>
              <a:noFill/>
            </a:ln>
          </p:spPr>
          <p:txBody>
            <a:bodyPr spcFirstLastPara="1" wrap="square" lIns="121900" tIns="121900" rIns="121900" bIns="121900" anchor="ctr" anchorCtr="0">
              <a:noAutofit/>
            </a:bodyPr>
            <a:lstStyle/>
            <a:p>
              <a:endParaRPr sz="2400"/>
            </a:p>
          </p:txBody>
        </p:sp>
        <p:sp>
          <p:nvSpPr>
            <p:cNvPr id="66" name="Google Shape;123;p16">
              <a:extLst>
                <a:ext uri="{FF2B5EF4-FFF2-40B4-BE49-F238E27FC236}">
                  <a16:creationId xmlns:a16="http://schemas.microsoft.com/office/drawing/2014/main" id="{D24AD987-ACA0-5DEE-F5C6-1A0FABD04260}"/>
                </a:ext>
              </a:extLst>
            </p:cNvPr>
            <p:cNvSpPr/>
            <p:nvPr/>
          </p:nvSpPr>
          <p:spPr>
            <a:xfrm>
              <a:off x="3447901" y="2811909"/>
              <a:ext cx="9127" cy="11136"/>
            </a:xfrm>
            <a:custGeom>
              <a:avLst/>
              <a:gdLst/>
              <a:ahLst/>
              <a:cxnLst/>
              <a:rect l="l" t="t" r="r" b="b"/>
              <a:pathLst>
                <a:path w="327" h="399" extrusionOk="0">
                  <a:moveTo>
                    <a:pt x="187" y="1"/>
                  </a:moveTo>
                  <a:cubicBezTo>
                    <a:pt x="165" y="1"/>
                    <a:pt x="142" y="6"/>
                    <a:pt x="126" y="23"/>
                  </a:cubicBezTo>
                  <a:lnTo>
                    <a:pt x="126" y="73"/>
                  </a:lnTo>
                  <a:cubicBezTo>
                    <a:pt x="126" y="123"/>
                    <a:pt x="0" y="123"/>
                    <a:pt x="0" y="123"/>
                  </a:cubicBezTo>
                  <a:cubicBezTo>
                    <a:pt x="0" y="173"/>
                    <a:pt x="126" y="173"/>
                    <a:pt x="126" y="223"/>
                  </a:cubicBezTo>
                  <a:lnTo>
                    <a:pt x="126" y="349"/>
                  </a:lnTo>
                  <a:cubicBezTo>
                    <a:pt x="126" y="349"/>
                    <a:pt x="126" y="399"/>
                    <a:pt x="176" y="399"/>
                  </a:cubicBezTo>
                  <a:lnTo>
                    <a:pt x="226" y="349"/>
                  </a:lnTo>
                  <a:cubicBezTo>
                    <a:pt x="276" y="349"/>
                    <a:pt x="226" y="298"/>
                    <a:pt x="276" y="298"/>
                  </a:cubicBezTo>
                  <a:lnTo>
                    <a:pt x="276" y="223"/>
                  </a:lnTo>
                  <a:cubicBezTo>
                    <a:pt x="326" y="173"/>
                    <a:pt x="326" y="73"/>
                    <a:pt x="276" y="23"/>
                  </a:cubicBezTo>
                  <a:cubicBezTo>
                    <a:pt x="276" y="23"/>
                    <a:pt x="231" y="1"/>
                    <a:pt x="187" y="1"/>
                  </a:cubicBezTo>
                  <a:close/>
                </a:path>
              </a:pathLst>
            </a:custGeom>
            <a:solidFill>
              <a:srgbClr val="6FBE8D"/>
            </a:solidFill>
            <a:ln>
              <a:noFill/>
            </a:ln>
          </p:spPr>
          <p:txBody>
            <a:bodyPr spcFirstLastPara="1" wrap="square" lIns="121900" tIns="121900" rIns="121900" bIns="121900" anchor="ctr" anchorCtr="0">
              <a:noAutofit/>
            </a:bodyPr>
            <a:lstStyle/>
            <a:p>
              <a:endParaRPr sz="2400"/>
            </a:p>
          </p:txBody>
        </p:sp>
        <p:sp>
          <p:nvSpPr>
            <p:cNvPr id="67" name="Google Shape;124;p16">
              <a:extLst>
                <a:ext uri="{FF2B5EF4-FFF2-40B4-BE49-F238E27FC236}">
                  <a16:creationId xmlns:a16="http://schemas.microsoft.com/office/drawing/2014/main" id="{47DFB158-2221-6865-61F2-48ADCCFD111D}"/>
                </a:ext>
              </a:extLst>
            </p:cNvPr>
            <p:cNvSpPr/>
            <p:nvPr/>
          </p:nvSpPr>
          <p:spPr>
            <a:xfrm>
              <a:off x="3461884" y="2812523"/>
              <a:ext cx="5638" cy="7731"/>
            </a:xfrm>
            <a:custGeom>
              <a:avLst/>
              <a:gdLst/>
              <a:ahLst/>
              <a:cxnLst/>
              <a:rect l="l" t="t" r="r" b="b"/>
              <a:pathLst>
                <a:path w="202" h="277" extrusionOk="0">
                  <a:moveTo>
                    <a:pt x="126" y="1"/>
                  </a:moveTo>
                  <a:cubicBezTo>
                    <a:pt x="76" y="1"/>
                    <a:pt x="26" y="1"/>
                    <a:pt x="26" y="51"/>
                  </a:cubicBezTo>
                  <a:lnTo>
                    <a:pt x="1" y="101"/>
                  </a:lnTo>
                  <a:lnTo>
                    <a:pt x="1" y="276"/>
                  </a:lnTo>
                  <a:lnTo>
                    <a:pt x="126" y="276"/>
                  </a:lnTo>
                  <a:cubicBezTo>
                    <a:pt x="176" y="201"/>
                    <a:pt x="176" y="151"/>
                    <a:pt x="176" y="101"/>
                  </a:cubicBezTo>
                  <a:cubicBezTo>
                    <a:pt x="201" y="101"/>
                    <a:pt x="176" y="51"/>
                    <a:pt x="176" y="51"/>
                  </a:cubicBezTo>
                  <a:cubicBezTo>
                    <a:pt x="176" y="1"/>
                    <a:pt x="126" y="1"/>
                    <a:pt x="126" y="1"/>
                  </a:cubicBezTo>
                  <a:close/>
                </a:path>
              </a:pathLst>
            </a:custGeom>
            <a:solidFill>
              <a:srgbClr val="6FBE8D"/>
            </a:solidFill>
            <a:ln>
              <a:noFill/>
            </a:ln>
          </p:spPr>
          <p:txBody>
            <a:bodyPr spcFirstLastPara="1" wrap="square" lIns="121900" tIns="121900" rIns="121900" bIns="121900" anchor="ctr" anchorCtr="0">
              <a:noAutofit/>
            </a:bodyPr>
            <a:lstStyle/>
            <a:p>
              <a:endParaRPr sz="2400"/>
            </a:p>
          </p:txBody>
        </p:sp>
        <p:sp>
          <p:nvSpPr>
            <p:cNvPr id="68" name="Google Shape;125;p16">
              <a:extLst>
                <a:ext uri="{FF2B5EF4-FFF2-40B4-BE49-F238E27FC236}">
                  <a16:creationId xmlns:a16="http://schemas.microsoft.com/office/drawing/2014/main" id="{D41986D3-853B-7E8E-3576-1FC71B65EE67}"/>
                </a:ext>
              </a:extLst>
            </p:cNvPr>
            <p:cNvSpPr/>
            <p:nvPr/>
          </p:nvSpPr>
          <p:spPr>
            <a:xfrm>
              <a:off x="3458396" y="2800996"/>
              <a:ext cx="10522" cy="10159"/>
            </a:xfrm>
            <a:custGeom>
              <a:avLst/>
              <a:gdLst/>
              <a:ahLst/>
              <a:cxnLst/>
              <a:rect l="l" t="t" r="r" b="b"/>
              <a:pathLst>
                <a:path w="377" h="364" extrusionOk="0">
                  <a:moveTo>
                    <a:pt x="226" y="0"/>
                  </a:moveTo>
                  <a:cubicBezTo>
                    <a:pt x="188" y="0"/>
                    <a:pt x="151" y="13"/>
                    <a:pt x="126" y="38"/>
                  </a:cubicBezTo>
                  <a:cubicBezTo>
                    <a:pt x="75" y="38"/>
                    <a:pt x="0" y="163"/>
                    <a:pt x="0" y="238"/>
                  </a:cubicBezTo>
                  <a:lnTo>
                    <a:pt x="75" y="364"/>
                  </a:lnTo>
                  <a:cubicBezTo>
                    <a:pt x="126" y="364"/>
                    <a:pt x="226" y="288"/>
                    <a:pt x="226" y="238"/>
                  </a:cubicBezTo>
                  <a:cubicBezTo>
                    <a:pt x="276" y="238"/>
                    <a:pt x="326" y="163"/>
                    <a:pt x="376" y="163"/>
                  </a:cubicBezTo>
                  <a:cubicBezTo>
                    <a:pt x="376" y="113"/>
                    <a:pt x="326" y="38"/>
                    <a:pt x="326" y="38"/>
                  </a:cubicBezTo>
                  <a:cubicBezTo>
                    <a:pt x="301" y="13"/>
                    <a:pt x="263" y="0"/>
                    <a:pt x="226" y="0"/>
                  </a:cubicBezTo>
                  <a:close/>
                </a:path>
              </a:pathLst>
            </a:custGeom>
            <a:solidFill>
              <a:srgbClr val="6FBE8D"/>
            </a:solidFill>
            <a:ln>
              <a:noFill/>
            </a:ln>
          </p:spPr>
          <p:txBody>
            <a:bodyPr spcFirstLastPara="1" wrap="square" lIns="121900" tIns="121900" rIns="121900" bIns="121900" anchor="ctr" anchorCtr="0">
              <a:noAutofit/>
            </a:bodyPr>
            <a:lstStyle/>
            <a:p>
              <a:endParaRPr sz="2400"/>
            </a:p>
          </p:txBody>
        </p:sp>
        <p:sp>
          <p:nvSpPr>
            <p:cNvPr id="69" name="Google Shape;126;p16">
              <a:extLst>
                <a:ext uri="{FF2B5EF4-FFF2-40B4-BE49-F238E27FC236}">
                  <a16:creationId xmlns:a16="http://schemas.microsoft.com/office/drawing/2014/main" id="{282FEC65-67AB-0913-ACC5-99CBDEA6EF3A}"/>
                </a:ext>
              </a:extLst>
            </p:cNvPr>
            <p:cNvSpPr/>
            <p:nvPr/>
          </p:nvSpPr>
          <p:spPr>
            <a:xfrm>
              <a:off x="1264753" y="1146324"/>
              <a:ext cx="3023267" cy="3107220"/>
            </a:xfrm>
            <a:custGeom>
              <a:avLst/>
              <a:gdLst/>
              <a:ahLst/>
              <a:cxnLst/>
              <a:rect l="l" t="t" r="r" b="b"/>
              <a:pathLst>
                <a:path w="108322" h="111330" extrusionOk="0">
                  <a:moveTo>
                    <a:pt x="47772" y="5492"/>
                  </a:moveTo>
                  <a:cubicBezTo>
                    <a:pt x="47870" y="5492"/>
                    <a:pt x="47987" y="5514"/>
                    <a:pt x="48071" y="5514"/>
                  </a:cubicBezTo>
                  <a:cubicBezTo>
                    <a:pt x="48050" y="5519"/>
                    <a:pt x="48024" y="5521"/>
                    <a:pt x="47995" y="5521"/>
                  </a:cubicBezTo>
                  <a:cubicBezTo>
                    <a:pt x="47918" y="5521"/>
                    <a:pt x="47819" y="5507"/>
                    <a:pt x="47733" y="5507"/>
                  </a:cubicBezTo>
                  <a:cubicBezTo>
                    <a:pt x="47701" y="5507"/>
                    <a:pt x="47671" y="5509"/>
                    <a:pt x="47645" y="5514"/>
                  </a:cubicBezTo>
                  <a:cubicBezTo>
                    <a:pt x="47678" y="5497"/>
                    <a:pt x="47723" y="5492"/>
                    <a:pt x="47772" y="5492"/>
                  </a:cubicBezTo>
                  <a:close/>
                  <a:moveTo>
                    <a:pt x="46087" y="5268"/>
                  </a:moveTo>
                  <a:cubicBezTo>
                    <a:pt x="46127" y="5268"/>
                    <a:pt x="46163" y="5274"/>
                    <a:pt x="46191" y="5288"/>
                  </a:cubicBezTo>
                  <a:cubicBezTo>
                    <a:pt x="46341" y="5339"/>
                    <a:pt x="46517" y="5614"/>
                    <a:pt x="46692" y="5689"/>
                  </a:cubicBezTo>
                  <a:cubicBezTo>
                    <a:pt x="46793" y="5740"/>
                    <a:pt x="47068" y="5790"/>
                    <a:pt x="47194" y="5790"/>
                  </a:cubicBezTo>
                  <a:cubicBezTo>
                    <a:pt x="47169" y="5790"/>
                    <a:pt x="47169" y="5815"/>
                    <a:pt x="47169" y="5815"/>
                  </a:cubicBezTo>
                  <a:cubicBezTo>
                    <a:pt x="47043" y="5815"/>
                    <a:pt x="46768" y="5740"/>
                    <a:pt x="46667" y="5689"/>
                  </a:cubicBezTo>
                  <a:cubicBezTo>
                    <a:pt x="46492" y="5639"/>
                    <a:pt x="46316" y="5364"/>
                    <a:pt x="46141" y="5288"/>
                  </a:cubicBezTo>
                  <a:cubicBezTo>
                    <a:pt x="46127" y="5284"/>
                    <a:pt x="46110" y="5282"/>
                    <a:pt x="46090" y="5282"/>
                  </a:cubicBezTo>
                  <a:cubicBezTo>
                    <a:pt x="46002" y="5282"/>
                    <a:pt x="45863" y="5323"/>
                    <a:pt x="45740" y="5364"/>
                  </a:cubicBezTo>
                  <a:cubicBezTo>
                    <a:pt x="45848" y="5309"/>
                    <a:pt x="45983" y="5268"/>
                    <a:pt x="46087" y="5268"/>
                  </a:cubicBezTo>
                  <a:close/>
                  <a:moveTo>
                    <a:pt x="44487" y="6642"/>
                  </a:moveTo>
                  <a:cubicBezTo>
                    <a:pt x="44567" y="6642"/>
                    <a:pt x="44743" y="6706"/>
                    <a:pt x="44862" y="6706"/>
                  </a:cubicBezTo>
                  <a:cubicBezTo>
                    <a:pt x="44892" y="6706"/>
                    <a:pt x="44918" y="6702"/>
                    <a:pt x="44938" y="6692"/>
                  </a:cubicBezTo>
                  <a:cubicBezTo>
                    <a:pt x="44977" y="6692"/>
                    <a:pt x="45045" y="6692"/>
                    <a:pt x="45109" y="6680"/>
                  </a:cubicBezTo>
                  <a:lnTo>
                    <a:pt x="45109" y="6680"/>
                  </a:lnTo>
                  <a:cubicBezTo>
                    <a:pt x="45028" y="6700"/>
                    <a:pt x="44954" y="6717"/>
                    <a:pt x="44913" y="6717"/>
                  </a:cubicBezTo>
                  <a:cubicBezTo>
                    <a:pt x="44892" y="6725"/>
                    <a:pt x="44868" y="6729"/>
                    <a:pt x="44843" y="6729"/>
                  </a:cubicBezTo>
                  <a:cubicBezTo>
                    <a:pt x="44719" y="6729"/>
                    <a:pt x="44554" y="6646"/>
                    <a:pt x="44468" y="6642"/>
                  </a:cubicBezTo>
                  <a:lnTo>
                    <a:pt x="44468" y="6642"/>
                  </a:lnTo>
                  <a:cubicBezTo>
                    <a:pt x="44475" y="6642"/>
                    <a:pt x="44481" y="6642"/>
                    <a:pt x="44487" y="6642"/>
                  </a:cubicBezTo>
                  <a:close/>
                  <a:moveTo>
                    <a:pt x="44403" y="6645"/>
                  </a:moveTo>
                  <a:lnTo>
                    <a:pt x="44403" y="6645"/>
                  </a:lnTo>
                  <a:cubicBezTo>
                    <a:pt x="44269" y="6656"/>
                    <a:pt x="44065" y="6699"/>
                    <a:pt x="43935" y="6742"/>
                  </a:cubicBezTo>
                  <a:cubicBezTo>
                    <a:pt x="44058" y="6681"/>
                    <a:pt x="44263" y="6653"/>
                    <a:pt x="44403" y="6645"/>
                  </a:cubicBezTo>
                  <a:close/>
                  <a:moveTo>
                    <a:pt x="33309" y="8872"/>
                  </a:moveTo>
                  <a:cubicBezTo>
                    <a:pt x="33409" y="8872"/>
                    <a:pt x="33509" y="9048"/>
                    <a:pt x="33635" y="9048"/>
                  </a:cubicBezTo>
                  <a:cubicBezTo>
                    <a:pt x="33635" y="9048"/>
                    <a:pt x="33610" y="9048"/>
                    <a:pt x="33610" y="9073"/>
                  </a:cubicBezTo>
                  <a:cubicBezTo>
                    <a:pt x="33509" y="9073"/>
                    <a:pt x="33384" y="8898"/>
                    <a:pt x="33284" y="8898"/>
                  </a:cubicBezTo>
                  <a:cubicBezTo>
                    <a:pt x="33184" y="8898"/>
                    <a:pt x="32933" y="8898"/>
                    <a:pt x="32783" y="8973"/>
                  </a:cubicBezTo>
                  <a:cubicBezTo>
                    <a:pt x="32933" y="8872"/>
                    <a:pt x="33209" y="8872"/>
                    <a:pt x="33309" y="8872"/>
                  </a:cubicBezTo>
                  <a:close/>
                  <a:moveTo>
                    <a:pt x="49149" y="8574"/>
                  </a:moveTo>
                  <a:cubicBezTo>
                    <a:pt x="49149" y="8700"/>
                    <a:pt x="49148" y="8973"/>
                    <a:pt x="49098" y="9098"/>
                  </a:cubicBezTo>
                  <a:cubicBezTo>
                    <a:pt x="49073" y="9123"/>
                    <a:pt x="48986" y="9123"/>
                    <a:pt x="48898" y="9123"/>
                  </a:cubicBezTo>
                  <a:cubicBezTo>
                    <a:pt x="48810" y="9123"/>
                    <a:pt x="48722" y="9123"/>
                    <a:pt x="48697" y="9148"/>
                  </a:cubicBezTo>
                  <a:cubicBezTo>
                    <a:pt x="48597" y="9198"/>
                    <a:pt x="48372" y="9424"/>
                    <a:pt x="48296" y="9599"/>
                  </a:cubicBezTo>
                  <a:cubicBezTo>
                    <a:pt x="48206" y="9758"/>
                    <a:pt x="48197" y="10081"/>
                    <a:pt x="48233" y="10271"/>
                  </a:cubicBezTo>
                  <a:lnTo>
                    <a:pt x="48233" y="10271"/>
                  </a:lnTo>
                  <a:cubicBezTo>
                    <a:pt x="48172" y="10102"/>
                    <a:pt x="48179" y="9739"/>
                    <a:pt x="48296" y="9574"/>
                  </a:cubicBezTo>
                  <a:cubicBezTo>
                    <a:pt x="48347" y="9399"/>
                    <a:pt x="48572" y="9173"/>
                    <a:pt x="48697" y="9123"/>
                  </a:cubicBezTo>
                  <a:cubicBezTo>
                    <a:pt x="48722" y="9098"/>
                    <a:pt x="48804" y="9098"/>
                    <a:pt x="48885" y="9098"/>
                  </a:cubicBezTo>
                  <a:cubicBezTo>
                    <a:pt x="48967" y="9098"/>
                    <a:pt x="49048" y="9098"/>
                    <a:pt x="49073" y="9073"/>
                  </a:cubicBezTo>
                  <a:cubicBezTo>
                    <a:pt x="49148" y="8948"/>
                    <a:pt x="49149" y="8675"/>
                    <a:pt x="49149" y="8574"/>
                  </a:cubicBezTo>
                  <a:close/>
                  <a:moveTo>
                    <a:pt x="43910" y="11980"/>
                  </a:moveTo>
                  <a:cubicBezTo>
                    <a:pt x="43950" y="11980"/>
                    <a:pt x="44023" y="12012"/>
                    <a:pt x="44101" y="12012"/>
                  </a:cubicBezTo>
                  <a:cubicBezTo>
                    <a:pt x="44121" y="12012"/>
                    <a:pt x="44141" y="12010"/>
                    <a:pt x="44161" y="12005"/>
                  </a:cubicBezTo>
                  <a:lnTo>
                    <a:pt x="44161" y="12005"/>
                  </a:lnTo>
                  <a:cubicBezTo>
                    <a:pt x="44128" y="12014"/>
                    <a:pt x="44091" y="12016"/>
                    <a:pt x="44056" y="12016"/>
                  </a:cubicBezTo>
                  <a:cubicBezTo>
                    <a:pt x="43986" y="12016"/>
                    <a:pt x="43919" y="12005"/>
                    <a:pt x="43885" y="12005"/>
                  </a:cubicBezTo>
                  <a:cubicBezTo>
                    <a:pt x="43735" y="12005"/>
                    <a:pt x="43509" y="12005"/>
                    <a:pt x="43334" y="12030"/>
                  </a:cubicBezTo>
                  <a:cubicBezTo>
                    <a:pt x="43509" y="11980"/>
                    <a:pt x="43735" y="11980"/>
                    <a:pt x="43910" y="11980"/>
                  </a:cubicBezTo>
                  <a:close/>
                  <a:moveTo>
                    <a:pt x="41153" y="13233"/>
                  </a:moveTo>
                  <a:cubicBezTo>
                    <a:pt x="41254" y="13284"/>
                    <a:pt x="41429" y="13409"/>
                    <a:pt x="41479" y="13459"/>
                  </a:cubicBezTo>
                  <a:cubicBezTo>
                    <a:pt x="41404" y="13409"/>
                    <a:pt x="41254" y="13284"/>
                    <a:pt x="41128" y="13233"/>
                  </a:cubicBezTo>
                  <a:lnTo>
                    <a:pt x="41128" y="13233"/>
                  </a:lnTo>
                  <a:cubicBezTo>
                    <a:pt x="41137" y="13233"/>
                    <a:pt x="41146" y="13233"/>
                    <a:pt x="41153" y="13233"/>
                  </a:cubicBezTo>
                  <a:close/>
                  <a:moveTo>
                    <a:pt x="49149" y="11404"/>
                  </a:moveTo>
                  <a:lnTo>
                    <a:pt x="49149" y="11404"/>
                  </a:lnTo>
                  <a:cubicBezTo>
                    <a:pt x="49199" y="11504"/>
                    <a:pt x="49324" y="11805"/>
                    <a:pt x="49324" y="11905"/>
                  </a:cubicBezTo>
                  <a:cubicBezTo>
                    <a:pt x="49324" y="12030"/>
                    <a:pt x="49249" y="12256"/>
                    <a:pt x="49199" y="12356"/>
                  </a:cubicBezTo>
                  <a:cubicBezTo>
                    <a:pt x="49149" y="12406"/>
                    <a:pt x="48873" y="12482"/>
                    <a:pt x="48823" y="12532"/>
                  </a:cubicBezTo>
                  <a:cubicBezTo>
                    <a:pt x="48748" y="12632"/>
                    <a:pt x="48647" y="12857"/>
                    <a:pt x="48647" y="13033"/>
                  </a:cubicBezTo>
                  <a:cubicBezTo>
                    <a:pt x="48647" y="13183"/>
                    <a:pt x="48798" y="13459"/>
                    <a:pt x="48848" y="13634"/>
                  </a:cubicBezTo>
                  <a:cubicBezTo>
                    <a:pt x="48798" y="13459"/>
                    <a:pt x="48622" y="13183"/>
                    <a:pt x="48622" y="13008"/>
                  </a:cubicBezTo>
                  <a:cubicBezTo>
                    <a:pt x="48622" y="12832"/>
                    <a:pt x="48748" y="12607"/>
                    <a:pt x="48798" y="12507"/>
                  </a:cubicBezTo>
                  <a:cubicBezTo>
                    <a:pt x="48848" y="12456"/>
                    <a:pt x="49149" y="12381"/>
                    <a:pt x="49199" y="12331"/>
                  </a:cubicBezTo>
                  <a:cubicBezTo>
                    <a:pt x="49249" y="12231"/>
                    <a:pt x="49299" y="12005"/>
                    <a:pt x="49299" y="11880"/>
                  </a:cubicBezTo>
                  <a:cubicBezTo>
                    <a:pt x="49299" y="11780"/>
                    <a:pt x="49199" y="11529"/>
                    <a:pt x="49149" y="11404"/>
                  </a:cubicBezTo>
                  <a:close/>
                  <a:moveTo>
                    <a:pt x="41479" y="13459"/>
                  </a:moveTo>
                  <a:cubicBezTo>
                    <a:pt x="41554" y="13559"/>
                    <a:pt x="41554" y="13785"/>
                    <a:pt x="41605" y="13860"/>
                  </a:cubicBezTo>
                  <a:cubicBezTo>
                    <a:pt x="41655" y="13960"/>
                    <a:pt x="41830" y="14086"/>
                    <a:pt x="41880" y="14136"/>
                  </a:cubicBezTo>
                  <a:lnTo>
                    <a:pt x="41855" y="14136"/>
                  </a:lnTo>
                  <a:cubicBezTo>
                    <a:pt x="41805" y="14086"/>
                    <a:pt x="41630" y="13960"/>
                    <a:pt x="41580" y="13860"/>
                  </a:cubicBezTo>
                  <a:cubicBezTo>
                    <a:pt x="41529" y="13785"/>
                    <a:pt x="41529" y="13559"/>
                    <a:pt x="41479" y="13459"/>
                  </a:cubicBezTo>
                  <a:close/>
                  <a:moveTo>
                    <a:pt x="49847" y="14628"/>
                  </a:moveTo>
                  <a:cubicBezTo>
                    <a:pt x="49849" y="14740"/>
                    <a:pt x="49826" y="14866"/>
                    <a:pt x="49825" y="14935"/>
                  </a:cubicBezTo>
                  <a:lnTo>
                    <a:pt x="49825" y="14935"/>
                  </a:lnTo>
                  <a:cubicBezTo>
                    <a:pt x="49825" y="14927"/>
                    <a:pt x="49825" y="14920"/>
                    <a:pt x="49825" y="14913"/>
                  </a:cubicBezTo>
                  <a:cubicBezTo>
                    <a:pt x="49825" y="14848"/>
                    <a:pt x="49846" y="14730"/>
                    <a:pt x="49847" y="14628"/>
                  </a:cubicBezTo>
                  <a:close/>
                  <a:moveTo>
                    <a:pt x="17242" y="12309"/>
                  </a:moveTo>
                  <a:cubicBezTo>
                    <a:pt x="17193" y="12385"/>
                    <a:pt x="17193" y="12533"/>
                    <a:pt x="17193" y="12607"/>
                  </a:cubicBezTo>
                  <a:cubicBezTo>
                    <a:pt x="17143" y="12757"/>
                    <a:pt x="17319" y="13058"/>
                    <a:pt x="17319" y="13208"/>
                  </a:cubicBezTo>
                  <a:cubicBezTo>
                    <a:pt x="17319" y="13384"/>
                    <a:pt x="17319" y="13785"/>
                    <a:pt x="17244" y="13885"/>
                  </a:cubicBezTo>
                  <a:cubicBezTo>
                    <a:pt x="17193" y="14060"/>
                    <a:pt x="16918" y="14286"/>
                    <a:pt x="16868" y="14461"/>
                  </a:cubicBezTo>
                  <a:cubicBezTo>
                    <a:pt x="16793" y="14560"/>
                    <a:pt x="16695" y="14903"/>
                    <a:pt x="16572" y="15009"/>
                  </a:cubicBezTo>
                  <a:lnTo>
                    <a:pt x="16572" y="15009"/>
                  </a:lnTo>
                  <a:cubicBezTo>
                    <a:pt x="16683" y="14882"/>
                    <a:pt x="16771" y="14579"/>
                    <a:pt x="16818" y="14487"/>
                  </a:cubicBezTo>
                  <a:cubicBezTo>
                    <a:pt x="16893" y="14311"/>
                    <a:pt x="17168" y="14086"/>
                    <a:pt x="17219" y="13910"/>
                  </a:cubicBezTo>
                  <a:cubicBezTo>
                    <a:pt x="17269" y="13810"/>
                    <a:pt x="17269" y="13409"/>
                    <a:pt x="17269" y="13233"/>
                  </a:cubicBezTo>
                  <a:cubicBezTo>
                    <a:pt x="17269" y="13083"/>
                    <a:pt x="17118" y="12782"/>
                    <a:pt x="17168" y="12632"/>
                  </a:cubicBezTo>
                  <a:cubicBezTo>
                    <a:pt x="17168" y="12557"/>
                    <a:pt x="17168" y="12406"/>
                    <a:pt x="17219" y="12331"/>
                  </a:cubicBezTo>
                  <a:cubicBezTo>
                    <a:pt x="17225" y="12325"/>
                    <a:pt x="17233" y="12317"/>
                    <a:pt x="17242" y="12309"/>
                  </a:cubicBezTo>
                  <a:close/>
                  <a:moveTo>
                    <a:pt x="50602" y="15439"/>
                  </a:moveTo>
                  <a:cubicBezTo>
                    <a:pt x="50627" y="15564"/>
                    <a:pt x="50552" y="15740"/>
                    <a:pt x="50552" y="15840"/>
                  </a:cubicBezTo>
                  <a:cubicBezTo>
                    <a:pt x="50552" y="15840"/>
                    <a:pt x="50552" y="15815"/>
                    <a:pt x="50552" y="15815"/>
                  </a:cubicBezTo>
                  <a:cubicBezTo>
                    <a:pt x="50552" y="15740"/>
                    <a:pt x="50602" y="15564"/>
                    <a:pt x="50602" y="15439"/>
                  </a:cubicBezTo>
                  <a:close/>
                  <a:moveTo>
                    <a:pt x="33904" y="16021"/>
                  </a:moveTo>
                  <a:cubicBezTo>
                    <a:pt x="33893" y="16085"/>
                    <a:pt x="33881" y="16149"/>
                    <a:pt x="33860" y="16191"/>
                  </a:cubicBezTo>
                  <a:cubicBezTo>
                    <a:pt x="33852" y="16199"/>
                    <a:pt x="33844" y="16208"/>
                    <a:pt x="33835" y="16216"/>
                  </a:cubicBezTo>
                  <a:lnTo>
                    <a:pt x="33835" y="16216"/>
                  </a:lnTo>
                  <a:cubicBezTo>
                    <a:pt x="33870" y="16169"/>
                    <a:pt x="33889" y="16094"/>
                    <a:pt x="33904" y="16021"/>
                  </a:cubicBezTo>
                  <a:close/>
                  <a:moveTo>
                    <a:pt x="9901" y="16618"/>
                  </a:moveTo>
                  <a:cubicBezTo>
                    <a:pt x="9952" y="16743"/>
                    <a:pt x="10126" y="16918"/>
                    <a:pt x="10251" y="16968"/>
                  </a:cubicBezTo>
                  <a:cubicBezTo>
                    <a:pt x="10301" y="17068"/>
                    <a:pt x="10577" y="17243"/>
                    <a:pt x="10627" y="17369"/>
                  </a:cubicBezTo>
                  <a:cubicBezTo>
                    <a:pt x="10577" y="17243"/>
                    <a:pt x="10276" y="17093"/>
                    <a:pt x="10226" y="16968"/>
                  </a:cubicBezTo>
                  <a:cubicBezTo>
                    <a:pt x="10126" y="16918"/>
                    <a:pt x="9950" y="16742"/>
                    <a:pt x="9900" y="16642"/>
                  </a:cubicBezTo>
                  <a:cubicBezTo>
                    <a:pt x="9900" y="16634"/>
                    <a:pt x="9900" y="16626"/>
                    <a:pt x="9901" y="16618"/>
                  </a:cubicBezTo>
                  <a:close/>
                  <a:moveTo>
                    <a:pt x="10627" y="17369"/>
                  </a:moveTo>
                  <a:cubicBezTo>
                    <a:pt x="10627" y="17419"/>
                    <a:pt x="10702" y="17519"/>
                    <a:pt x="10627" y="17644"/>
                  </a:cubicBezTo>
                  <a:cubicBezTo>
                    <a:pt x="10677" y="17544"/>
                    <a:pt x="10627" y="17419"/>
                    <a:pt x="10627" y="17369"/>
                  </a:cubicBezTo>
                  <a:close/>
                  <a:moveTo>
                    <a:pt x="10452" y="17770"/>
                  </a:moveTo>
                  <a:cubicBezTo>
                    <a:pt x="10452" y="17795"/>
                    <a:pt x="10427" y="17795"/>
                    <a:pt x="10401" y="17820"/>
                  </a:cubicBezTo>
                  <a:cubicBezTo>
                    <a:pt x="10427" y="17795"/>
                    <a:pt x="10427" y="17795"/>
                    <a:pt x="10452" y="17770"/>
                  </a:cubicBezTo>
                  <a:close/>
                  <a:moveTo>
                    <a:pt x="35037" y="17121"/>
                  </a:moveTo>
                  <a:lnTo>
                    <a:pt x="35037" y="17121"/>
                  </a:lnTo>
                  <a:cubicBezTo>
                    <a:pt x="34985" y="17223"/>
                    <a:pt x="34812" y="17445"/>
                    <a:pt x="34762" y="17569"/>
                  </a:cubicBezTo>
                  <a:cubicBezTo>
                    <a:pt x="34662" y="17649"/>
                    <a:pt x="34467" y="17777"/>
                    <a:pt x="34328" y="17915"/>
                  </a:cubicBezTo>
                  <a:lnTo>
                    <a:pt x="34328" y="17915"/>
                  </a:lnTo>
                  <a:cubicBezTo>
                    <a:pt x="34453" y="17785"/>
                    <a:pt x="34659" y="17648"/>
                    <a:pt x="34762" y="17544"/>
                  </a:cubicBezTo>
                  <a:cubicBezTo>
                    <a:pt x="34812" y="17445"/>
                    <a:pt x="34985" y="17223"/>
                    <a:pt x="35037" y="17121"/>
                  </a:cubicBezTo>
                  <a:close/>
                  <a:moveTo>
                    <a:pt x="34236" y="18021"/>
                  </a:moveTo>
                  <a:cubicBezTo>
                    <a:pt x="34161" y="18121"/>
                    <a:pt x="33985" y="18271"/>
                    <a:pt x="33910" y="18421"/>
                  </a:cubicBezTo>
                  <a:cubicBezTo>
                    <a:pt x="33980" y="18283"/>
                    <a:pt x="34134" y="18123"/>
                    <a:pt x="34236" y="18021"/>
                  </a:cubicBezTo>
                  <a:close/>
                  <a:moveTo>
                    <a:pt x="10401" y="17820"/>
                  </a:moveTo>
                  <a:cubicBezTo>
                    <a:pt x="10401" y="17870"/>
                    <a:pt x="10477" y="17920"/>
                    <a:pt x="10477" y="17970"/>
                  </a:cubicBezTo>
                  <a:cubicBezTo>
                    <a:pt x="10527" y="18045"/>
                    <a:pt x="10627" y="18146"/>
                    <a:pt x="10702" y="18196"/>
                  </a:cubicBezTo>
                  <a:cubicBezTo>
                    <a:pt x="10702" y="18271"/>
                    <a:pt x="10752" y="18497"/>
                    <a:pt x="10702" y="18547"/>
                  </a:cubicBezTo>
                  <a:cubicBezTo>
                    <a:pt x="10694" y="18547"/>
                    <a:pt x="10685" y="18549"/>
                    <a:pt x="10676" y="18554"/>
                  </a:cubicBezTo>
                  <a:lnTo>
                    <a:pt x="10676" y="18554"/>
                  </a:lnTo>
                  <a:cubicBezTo>
                    <a:pt x="10677" y="18552"/>
                    <a:pt x="10677" y="18549"/>
                    <a:pt x="10677" y="18547"/>
                  </a:cubicBezTo>
                  <a:cubicBezTo>
                    <a:pt x="10727" y="18497"/>
                    <a:pt x="10677" y="18271"/>
                    <a:pt x="10677" y="18221"/>
                  </a:cubicBezTo>
                  <a:cubicBezTo>
                    <a:pt x="10627" y="18146"/>
                    <a:pt x="10502" y="18045"/>
                    <a:pt x="10452" y="17995"/>
                  </a:cubicBezTo>
                  <a:cubicBezTo>
                    <a:pt x="10452" y="17920"/>
                    <a:pt x="10401" y="17870"/>
                    <a:pt x="10401" y="17820"/>
                  </a:cubicBezTo>
                  <a:close/>
                  <a:moveTo>
                    <a:pt x="7269" y="19073"/>
                  </a:moveTo>
                  <a:cubicBezTo>
                    <a:pt x="7247" y="19073"/>
                    <a:pt x="7225" y="19092"/>
                    <a:pt x="7203" y="19097"/>
                  </a:cubicBezTo>
                  <a:lnTo>
                    <a:pt x="7203" y="19097"/>
                  </a:lnTo>
                  <a:cubicBezTo>
                    <a:pt x="7215" y="19083"/>
                    <a:pt x="7237" y="19073"/>
                    <a:pt x="7269" y="19073"/>
                  </a:cubicBezTo>
                  <a:close/>
                  <a:moveTo>
                    <a:pt x="7115" y="19162"/>
                  </a:moveTo>
                  <a:cubicBezTo>
                    <a:pt x="7068" y="19218"/>
                    <a:pt x="7013" y="19293"/>
                    <a:pt x="6968" y="19324"/>
                  </a:cubicBezTo>
                  <a:cubicBezTo>
                    <a:pt x="7002" y="19290"/>
                    <a:pt x="7058" y="19210"/>
                    <a:pt x="7115" y="19162"/>
                  </a:cubicBezTo>
                  <a:close/>
                  <a:moveTo>
                    <a:pt x="9836" y="18767"/>
                  </a:moveTo>
                  <a:cubicBezTo>
                    <a:pt x="9741" y="18863"/>
                    <a:pt x="9666" y="19057"/>
                    <a:pt x="9624" y="19098"/>
                  </a:cubicBezTo>
                  <a:cubicBezTo>
                    <a:pt x="9574" y="19173"/>
                    <a:pt x="9399" y="19274"/>
                    <a:pt x="9274" y="19324"/>
                  </a:cubicBezTo>
                  <a:cubicBezTo>
                    <a:pt x="9399" y="19274"/>
                    <a:pt x="9549" y="19173"/>
                    <a:pt x="9599" y="19123"/>
                  </a:cubicBezTo>
                  <a:cubicBezTo>
                    <a:pt x="9661" y="19061"/>
                    <a:pt x="9740" y="18863"/>
                    <a:pt x="9836" y="18767"/>
                  </a:cubicBezTo>
                  <a:close/>
                  <a:moveTo>
                    <a:pt x="6968" y="19324"/>
                  </a:moveTo>
                  <a:lnTo>
                    <a:pt x="6968" y="19324"/>
                  </a:lnTo>
                  <a:cubicBezTo>
                    <a:pt x="6918" y="19399"/>
                    <a:pt x="6817" y="19549"/>
                    <a:pt x="6742" y="19624"/>
                  </a:cubicBezTo>
                  <a:cubicBezTo>
                    <a:pt x="6792" y="19549"/>
                    <a:pt x="6893" y="19399"/>
                    <a:pt x="6968" y="19324"/>
                  </a:cubicBezTo>
                  <a:close/>
                  <a:moveTo>
                    <a:pt x="6742" y="19624"/>
                  </a:moveTo>
                  <a:lnTo>
                    <a:pt x="6742" y="19624"/>
                  </a:lnTo>
                  <a:cubicBezTo>
                    <a:pt x="6642" y="19725"/>
                    <a:pt x="6467" y="19850"/>
                    <a:pt x="6366" y="19900"/>
                  </a:cubicBezTo>
                  <a:cubicBezTo>
                    <a:pt x="6316" y="19900"/>
                    <a:pt x="6291" y="19925"/>
                    <a:pt x="6266" y="19925"/>
                  </a:cubicBezTo>
                  <a:cubicBezTo>
                    <a:pt x="6291" y="19925"/>
                    <a:pt x="6316" y="19900"/>
                    <a:pt x="6341" y="19900"/>
                  </a:cubicBezTo>
                  <a:cubicBezTo>
                    <a:pt x="6442" y="19850"/>
                    <a:pt x="6617" y="19725"/>
                    <a:pt x="6742" y="19624"/>
                  </a:cubicBezTo>
                  <a:close/>
                  <a:moveTo>
                    <a:pt x="5965" y="19900"/>
                  </a:moveTo>
                  <a:cubicBezTo>
                    <a:pt x="5840" y="19950"/>
                    <a:pt x="5614" y="20126"/>
                    <a:pt x="5514" y="20226"/>
                  </a:cubicBezTo>
                  <a:cubicBezTo>
                    <a:pt x="5464" y="20226"/>
                    <a:pt x="5389" y="20351"/>
                    <a:pt x="5389" y="20401"/>
                  </a:cubicBezTo>
                  <a:cubicBezTo>
                    <a:pt x="5389" y="20351"/>
                    <a:pt x="5439" y="20226"/>
                    <a:pt x="5489" y="20226"/>
                  </a:cubicBezTo>
                  <a:cubicBezTo>
                    <a:pt x="5614" y="20126"/>
                    <a:pt x="5840" y="19950"/>
                    <a:pt x="5940" y="19900"/>
                  </a:cubicBezTo>
                  <a:close/>
                  <a:moveTo>
                    <a:pt x="5389" y="20401"/>
                  </a:moveTo>
                  <a:lnTo>
                    <a:pt x="5389" y="20401"/>
                  </a:lnTo>
                  <a:cubicBezTo>
                    <a:pt x="5339" y="20451"/>
                    <a:pt x="5163" y="20577"/>
                    <a:pt x="5113" y="20577"/>
                  </a:cubicBezTo>
                  <a:cubicBezTo>
                    <a:pt x="5163" y="20552"/>
                    <a:pt x="5314" y="20451"/>
                    <a:pt x="5389" y="20401"/>
                  </a:cubicBezTo>
                  <a:close/>
                  <a:moveTo>
                    <a:pt x="16566" y="15015"/>
                  </a:moveTo>
                  <a:lnTo>
                    <a:pt x="16566" y="15015"/>
                  </a:lnTo>
                  <a:cubicBezTo>
                    <a:pt x="16514" y="15141"/>
                    <a:pt x="16341" y="15364"/>
                    <a:pt x="16291" y="15464"/>
                  </a:cubicBezTo>
                  <a:cubicBezTo>
                    <a:pt x="16191" y="15639"/>
                    <a:pt x="16191" y="16091"/>
                    <a:pt x="16116" y="16316"/>
                  </a:cubicBezTo>
                  <a:cubicBezTo>
                    <a:pt x="16066" y="16492"/>
                    <a:pt x="15915" y="16867"/>
                    <a:pt x="15915" y="17043"/>
                  </a:cubicBezTo>
                  <a:cubicBezTo>
                    <a:pt x="15915" y="17093"/>
                    <a:pt x="15965" y="17268"/>
                    <a:pt x="16016" y="17319"/>
                  </a:cubicBezTo>
                  <a:cubicBezTo>
                    <a:pt x="16066" y="17444"/>
                    <a:pt x="16341" y="17544"/>
                    <a:pt x="16417" y="17619"/>
                  </a:cubicBezTo>
                  <a:cubicBezTo>
                    <a:pt x="16517" y="17669"/>
                    <a:pt x="16642" y="17845"/>
                    <a:pt x="16692" y="17895"/>
                  </a:cubicBezTo>
                  <a:cubicBezTo>
                    <a:pt x="16742" y="17995"/>
                    <a:pt x="16742" y="18221"/>
                    <a:pt x="16792" y="18346"/>
                  </a:cubicBezTo>
                  <a:cubicBezTo>
                    <a:pt x="16868" y="18446"/>
                    <a:pt x="17093" y="18572"/>
                    <a:pt x="17143" y="18672"/>
                  </a:cubicBezTo>
                  <a:cubicBezTo>
                    <a:pt x="17244" y="18797"/>
                    <a:pt x="17319" y="19073"/>
                    <a:pt x="17369" y="19198"/>
                  </a:cubicBezTo>
                  <a:cubicBezTo>
                    <a:pt x="17419" y="19424"/>
                    <a:pt x="17469" y="19750"/>
                    <a:pt x="17544" y="19925"/>
                  </a:cubicBezTo>
                  <a:cubicBezTo>
                    <a:pt x="17594" y="20101"/>
                    <a:pt x="17770" y="20376"/>
                    <a:pt x="17870" y="20477"/>
                  </a:cubicBezTo>
                  <a:cubicBezTo>
                    <a:pt x="17920" y="20602"/>
                    <a:pt x="18146" y="20752"/>
                    <a:pt x="18271" y="20878"/>
                  </a:cubicBezTo>
                  <a:cubicBezTo>
                    <a:pt x="18321" y="20978"/>
                    <a:pt x="18497" y="21329"/>
                    <a:pt x="18497" y="21504"/>
                  </a:cubicBezTo>
                  <a:cubicBezTo>
                    <a:pt x="18497" y="21594"/>
                    <a:pt x="18457" y="21744"/>
                    <a:pt x="18394" y="21846"/>
                  </a:cubicBezTo>
                  <a:lnTo>
                    <a:pt x="18394" y="21846"/>
                  </a:lnTo>
                  <a:cubicBezTo>
                    <a:pt x="18436" y="21735"/>
                    <a:pt x="18472" y="21614"/>
                    <a:pt x="18472" y="21529"/>
                  </a:cubicBezTo>
                  <a:cubicBezTo>
                    <a:pt x="18472" y="21354"/>
                    <a:pt x="18296" y="21028"/>
                    <a:pt x="18246" y="20903"/>
                  </a:cubicBezTo>
                  <a:cubicBezTo>
                    <a:pt x="18121" y="20802"/>
                    <a:pt x="17895" y="20627"/>
                    <a:pt x="17845" y="20527"/>
                  </a:cubicBezTo>
                  <a:cubicBezTo>
                    <a:pt x="17720" y="20401"/>
                    <a:pt x="17569" y="20126"/>
                    <a:pt x="17494" y="19950"/>
                  </a:cubicBezTo>
                  <a:cubicBezTo>
                    <a:pt x="17444" y="19775"/>
                    <a:pt x="17394" y="19449"/>
                    <a:pt x="17344" y="19223"/>
                  </a:cubicBezTo>
                  <a:cubicBezTo>
                    <a:pt x="17269" y="19098"/>
                    <a:pt x="17219" y="18822"/>
                    <a:pt x="17118" y="18722"/>
                  </a:cubicBezTo>
                  <a:cubicBezTo>
                    <a:pt x="17043" y="18597"/>
                    <a:pt x="16818" y="18497"/>
                    <a:pt x="16767" y="18371"/>
                  </a:cubicBezTo>
                  <a:cubicBezTo>
                    <a:pt x="16717" y="18271"/>
                    <a:pt x="16717" y="18045"/>
                    <a:pt x="16667" y="17920"/>
                  </a:cubicBezTo>
                  <a:cubicBezTo>
                    <a:pt x="16617" y="17870"/>
                    <a:pt x="16492" y="17695"/>
                    <a:pt x="16391" y="17644"/>
                  </a:cubicBezTo>
                  <a:cubicBezTo>
                    <a:pt x="16316" y="17594"/>
                    <a:pt x="16041" y="17469"/>
                    <a:pt x="15990" y="17369"/>
                  </a:cubicBezTo>
                  <a:cubicBezTo>
                    <a:pt x="15940" y="17294"/>
                    <a:pt x="15865" y="17143"/>
                    <a:pt x="15865" y="17068"/>
                  </a:cubicBezTo>
                  <a:cubicBezTo>
                    <a:pt x="15865" y="16918"/>
                    <a:pt x="16041" y="16517"/>
                    <a:pt x="16091" y="16341"/>
                  </a:cubicBezTo>
                  <a:cubicBezTo>
                    <a:pt x="16166" y="16116"/>
                    <a:pt x="16166" y="15664"/>
                    <a:pt x="16266" y="15489"/>
                  </a:cubicBezTo>
                  <a:cubicBezTo>
                    <a:pt x="16316" y="15389"/>
                    <a:pt x="16492" y="15163"/>
                    <a:pt x="16542" y="15038"/>
                  </a:cubicBezTo>
                  <a:cubicBezTo>
                    <a:pt x="16550" y="15031"/>
                    <a:pt x="16558" y="15024"/>
                    <a:pt x="16566" y="15015"/>
                  </a:cubicBezTo>
                  <a:close/>
                  <a:moveTo>
                    <a:pt x="17740" y="22154"/>
                  </a:moveTo>
                  <a:cubicBezTo>
                    <a:pt x="17729" y="22234"/>
                    <a:pt x="17770" y="22366"/>
                    <a:pt x="17770" y="22456"/>
                  </a:cubicBezTo>
                  <a:lnTo>
                    <a:pt x="17770" y="22732"/>
                  </a:lnTo>
                  <a:cubicBezTo>
                    <a:pt x="17753" y="22741"/>
                    <a:pt x="17736" y="22757"/>
                    <a:pt x="17720" y="22779"/>
                  </a:cubicBezTo>
                  <a:lnTo>
                    <a:pt x="17720" y="22779"/>
                  </a:lnTo>
                  <a:lnTo>
                    <a:pt x="17720" y="22482"/>
                  </a:lnTo>
                  <a:cubicBezTo>
                    <a:pt x="17720" y="22381"/>
                    <a:pt x="17670" y="22206"/>
                    <a:pt x="17720" y="22156"/>
                  </a:cubicBezTo>
                  <a:cubicBezTo>
                    <a:pt x="17730" y="22156"/>
                    <a:pt x="17736" y="22156"/>
                    <a:pt x="17740" y="22154"/>
                  </a:cubicBezTo>
                  <a:close/>
                  <a:moveTo>
                    <a:pt x="28394" y="24904"/>
                  </a:moveTo>
                  <a:cubicBezTo>
                    <a:pt x="28449" y="24904"/>
                    <a:pt x="28497" y="24913"/>
                    <a:pt x="28522" y="24938"/>
                  </a:cubicBezTo>
                  <a:cubicBezTo>
                    <a:pt x="28497" y="24921"/>
                    <a:pt x="28449" y="24915"/>
                    <a:pt x="28394" y="24915"/>
                  </a:cubicBezTo>
                  <a:cubicBezTo>
                    <a:pt x="28282" y="24915"/>
                    <a:pt x="28138" y="24938"/>
                    <a:pt x="28071" y="24938"/>
                  </a:cubicBezTo>
                  <a:cubicBezTo>
                    <a:pt x="28138" y="24938"/>
                    <a:pt x="28282" y="24904"/>
                    <a:pt x="28394" y="24904"/>
                  </a:cubicBezTo>
                  <a:close/>
                  <a:moveTo>
                    <a:pt x="27618" y="24851"/>
                  </a:moveTo>
                  <a:cubicBezTo>
                    <a:pt x="27757" y="24851"/>
                    <a:pt x="27966" y="24938"/>
                    <a:pt x="28070" y="24938"/>
                  </a:cubicBezTo>
                  <a:lnTo>
                    <a:pt x="28070" y="24938"/>
                  </a:lnTo>
                  <a:cubicBezTo>
                    <a:pt x="27974" y="24938"/>
                    <a:pt x="27789" y="24864"/>
                    <a:pt x="27651" y="24864"/>
                  </a:cubicBezTo>
                  <a:cubicBezTo>
                    <a:pt x="27610" y="24864"/>
                    <a:pt x="27573" y="24870"/>
                    <a:pt x="27544" y="24888"/>
                  </a:cubicBezTo>
                  <a:cubicBezTo>
                    <a:pt x="27395" y="24938"/>
                    <a:pt x="27170" y="25162"/>
                    <a:pt x="27045" y="25213"/>
                  </a:cubicBezTo>
                  <a:lnTo>
                    <a:pt x="27045" y="25213"/>
                  </a:lnTo>
                  <a:cubicBezTo>
                    <a:pt x="27170" y="25162"/>
                    <a:pt x="27395" y="24937"/>
                    <a:pt x="27544" y="24863"/>
                  </a:cubicBezTo>
                  <a:cubicBezTo>
                    <a:pt x="27565" y="24854"/>
                    <a:pt x="27590" y="24851"/>
                    <a:pt x="27618" y="24851"/>
                  </a:cubicBezTo>
                  <a:close/>
                  <a:moveTo>
                    <a:pt x="28524" y="24938"/>
                  </a:moveTo>
                  <a:cubicBezTo>
                    <a:pt x="28675" y="24990"/>
                    <a:pt x="28973" y="25164"/>
                    <a:pt x="29023" y="25314"/>
                  </a:cubicBezTo>
                  <a:cubicBezTo>
                    <a:pt x="29023" y="25314"/>
                    <a:pt x="29023" y="25339"/>
                    <a:pt x="29023" y="25339"/>
                  </a:cubicBezTo>
                  <a:cubicBezTo>
                    <a:pt x="28973" y="25164"/>
                    <a:pt x="28675" y="24990"/>
                    <a:pt x="28524" y="24938"/>
                  </a:cubicBezTo>
                  <a:close/>
                  <a:moveTo>
                    <a:pt x="23651" y="25390"/>
                  </a:moveTo>
                  <a:lnTo>
                    <a:pt x="23651" y="25390"/>
                  </a:lnTo>
                  <a:cubicBezTo>
                    <a:pt x="23634" y="25395"/>
                    <a:pt x="23631" y="25414"/>
                    <a:pt x="23610" y="25414"/>
                  </a:cubicBezTo>
                  <a:cubicBezTo>
                    <a:pt x="23625" y="25398"/>
                    <a:pt x="23641" y="25392"/>
                    <a:pt x="23651" y="25390"/>
                  </a:cubicBezTo>
                  <a:close/>
                  <a:moveTo>
                    <a:pt x="23719" y="25373"/>
                  </a:moveTo>
                  <a:cubicBezTo>
                    <a:pt x="23848" y="25373"/>
                    <a:pt x="24036" y="25539"/>
                    <a:pt x="24186" y="25539"/>
                  </a:cubicBezTo>
                  <a:cubicBezTo>
                    <a:pt x="24186" y="25539"/>
                    <a:pt x="24210" y="25539"/>
                    <a:pt x="24235" y="25516"/>
                  </a:cubicBezTo>
                  <a:lnTo>
                    <a:pt x="24235" y="25516"/>
                  </a:lnTo>
                  <a:cubicBezTo>
                    <a:pt x="24210" y="25539"/>
                    <a:pt x="24185" y="25540"/>
                    <a:pt x="24161" y="25564"/>
                  </a:cubicBezTo>
                  <a:cubicBezTo>
                    <a:pt x="24026" y="25564"/>
                    <a:pt x="23829" y="25382"/>
                    <a:pt x="23700" y="25382"/>
                  </a:cubicBezTo>
                  <a:cubicBezTo>
                    <a:pt x="23686" y="25382"/>
                    <a:pt x="23672" y="25384"/>
                    <a:pt x="23660" y="25389"/>
                  </a:cubicBezTo>
                  <a:cubicBezTo>
                    <a:pt x="23678" y="25378"/>
                    <a:pt x="23698" y="25373"/>
                    <a:pt x="23719" y="25373"/>
                  </a:cubicBezTo>
                  <a:close/>
                  <a:moveTo>
                    <a:pt x="24947" y="25005"/>
                  </a:moveTo>
                  <a:cubicBezTo>
                    <a:pt x="25061" y="25005"/>
                    <a:pt x="25180" y="25029"/>
                    <a:pt x="25239" y="25088"/>
                  </a:cubicBezTo>
                  <a:cubicBezTo>
                    <a:pt x="25364" y="25163"/>
                    <a:pt x="25414" y="25489"/>
                    <a:pt x="25539" y="25614"/>
                  </a:cubicBezTo>
                  <a:cubicBezTo>
                    <a:pt x="25709" y="25690"/>
                    <a:pt x="26036" y="25808"/>
                    <a:pt x="26305" y="25808"/>
                  </a:cubicBezTo>
                  <a:cubicBezTo>
                    <a:pt x="26392" y="25808"/>
                    <a:pt x="26474" y="25796"/>
                    <a:pt x="26542" y="25765"/>
                  </a:cubicBezTo>
                  <a:cubicBezTo>
                    <a:pt x="26716" y="25715"/>
                    <a:pt x="26865" y="25394"/>
                    <a:pt x="27039" y="25217"/>
                  </a:cubicBezTo>
                  <a:lnTo>
                    <a:pt x="27039" y="25217"/>
                  </a:lnTo>
                  <a:cubicBezTo>
                    <a:pt x="26865" y="25394"/>
                    <a:pt x="26716" y="25715"/>
                    <a:pt x="26542" y="25790"/>
                  </a:cubicBezTo>
                  <a:cubicBezTo>
                    <a:pt x="26484" y="25811"/>
                    <a:pt x="26415" y="25820"/>
                    <a:pt x="26340" y="25820"/>
                  </a:cubicBezTo>
                  <a:cubicBezTo>
                    <a:pt x="26059" y="25820"/>
                    <a:pt x="25693" y="25694"/>
                    <a:pt x="25514" y="25614"/>
                  </a:cubicBezTo>
                  <a:cubicBezTo>
                    <a:pt x="25414" y="25489"/>
                    <a:pt x="25364" y="25163"/>
                    <a:pt x="25239" y="25113"/>
                  </a:cubicBezTo>
                  <a:cubicBezTo>
                    <a:pt x="25177" y="25036"/>
                    <a:pt x="25050" y="25007"/>
                    <a:pt x="24932" y="25007"/>
                  </a:cubicBezTo>
                  <a:cubicBezTo>
                    <a:pt x="24857" y="25007"/>
                    <a:pt x="24786" y="25019"/>
                    <a:pt x="24737" y="25038"/>
                  </a:cubicBezTo>
                  <a:cubicBezTo>
                    <a:pt x="24789" y="25017"/>
                    <a:pt x="24867" y="25005"/>
                    <a:pt x="24947" y="25005"/>
                  </a:cubicBezTo>
                  <a:close/>
                  <a:moveTo>
                    <a:pt x="30083" y="25927"/>
                  </a:moveTo>
                  <a:cubicBezTo>
                    <a:pt x="30224" y="25927"/>
                    <a:pt x="30388" y="25983"/>
                    <a:pt x="30484" y="26038"/>
                  </a:cubicBezTo>
                  <a:lnTo>
                    <a:pt x="30484" y="26038"/>
                  </a:lnTo>
                  <a:cubicBezTo>
                    <a:pt x="30370" y="25992"/>
                    <a:pt x="30205" y="25929"/>
                    <a:pt x="30067" y="25929"/>
                  </a:cubicBezTo>
                  <a:cubicBezTo>
                    <a:pt x="30035" y="25929"/>
                    <a:pt x="30004" y="25932"/>
                    <a:pt x="29975" y="25940"/>
                  </a:cubicBezTo>
                  <a:cubicBezTo>
                    <a:pt x="30008" y="25931"/>
                    <a:pt x="30045" y="25927"/>
                    <a:pt x="30083" y="25927"/>
                  </a:cubicBezTo>
                  <a:close/>
                  <a:moveTo>
                    <a:pt x="40176" y="26241"/>
                  </a:moveTo>
                  <a:cubicBezTo>
                    <a:pt x="40101" y="26241"/>
                    <a:pt x="39900" y="26266"/>
                    <a:pt x="39750" y="26266"/>
                  </a:cubicBezTo>
                  <a:cubicBezTo>
                    <a:pt x="39900" y="26266"/>
                    <a:pt x="40076" y="26241"/>
                    <a:pt x="40176" y="26241"/>
                  </a:cubicBezTo>
                  <a:close/>
                  <a:moveTo>
                    <a:pt x="15890" y="22757"/>
                  </a:moveTo>
                  <a:lnTo>
                    <a:pt x="15890" y="22757"/>
                  </a:lnTo>
                  <a:cubicBezTo>
                    <a:pt x="15840" y="22883"/>
                    <a:pt x="15790" y="23033"/>
                    <a:pt x="15790" y="23133"/>
                  </a:cubicBezTo>
                  <a:lnTo>
                    <a:pt x="16066" y="23409"/>
                  </a:lnTo>
                  <a:cubicBezTo>
                    <a:pt x="16116" y="23534"/>
                    <a:pt x="16191" y="23760"/>
                    <a:pt x="16191" y="23860"/>
                  </a:cubicBezTo>
                  <a:cubicBezTo>
                    <a:pt x="16191" y="23985"/>
                    <a:pt x="16066" y="24136"/>
                    <a:pt x="16066" y="24261"/>
                  </a:cubicBezTo>
                  <a:cubicBezTo>
                    <a:pt x="16066" y="24436"/>
                    <a:pt x="16016" y="24712"/>
                    <a:pt x="16066" y="24863"/>
                  </a:cubicBezTo>
                  <a:cubicBezTo>
                    <a:pt x="16116" y="24938"/>
                    <a:pt x="16241" y="24988"/>
                    <a:pt x="16291" y="25038"/>
                  </a:cubicBezTo>
                  <a:cubicBezTo>
                    <a:pt x="16341" y="25088"/>
                    <a:pt x="16417" y="25264"/>
                    <a:pt x="16467" y="25314"/>
                  </a:cubicBezTo>
                  <a:cubicBezTo>
                    <a:pt x="16517" y="25389"/>
                    <a:pt x="16567" y="25614"/>
                    <a:pt x="16642" y="25715"/>
                  </a:cubicBezTo>
                  <a:cubicBezTo>
                    <a:pt x="16742" y="25840"/>
                    <a:pt x="16968" y="25990"/>
                    <a:pt x="17093" y="26066"/>
                  </a:cubicBezTo>
                  <a:cubicBezTo>
                    <a:pt x="17193" y="26166"/>
                    <a:pt x="17469" y="26291"/>
                    <a:pt x="17645" y="26291"/>
                  </a:cubicBezTo>
                  <a:cubicBezTo>
                    <a:pt x="17684" y="26291"/>
                    <a:pt x="17725" y="26274"/>
                    <a:pt x="17766" y="26249"/>
                  </a:cubicBezTo>
                  <a:lnTo>
                    <a:pt x="17766" y="26249"/>
                  </a:lnTo>
                  <a:cubicBezTo>
                    <a:pt x="17714" y="26287"/>
                    <a:pt x="17660" y="26316"/>
                    <a:pt x="17620" y="26316"/>
                  </a:cubicBezTo>
                  <a:cubicBezTo>
                    <a:pt x="17444" y="26316"/>
                    <a:pt x="17168" y="26216"/>
                    <a:pt x="17043" y="26091"/>
                  </a:cubicBezTo>
                  <a:cubicBezTo>
                    <a:pt x="16943" y="26040"/>
                    <a:pt x="16717" y="25865"/>
                    <a:pt x="16617" y="25765"/>
                  </a:cubicBezTo>
                  <a:cubicBezTo>
                    <a:pt x="16542" y="25639"/>
                    <a:pt x="16492" y="25414"/>
                    <a:pt x="16442" y="25364"/>
                  </a:cubicBezTo>
                  <a:cubicBezTo>
                    <a:pt x="16391" y="25314"/>
                    <a:pt x="16316" y="25138"/>
                    <a:pt x="16266" y="25088"/>
                  </a:cubicBezTo>
                  <a:cubicBezTo>
                    <a:pt x="16216" y="25038"/>
                    <a:pt x="16091" y="24963"/>
                    <a:pt x="16041" y="24913"/>
                  </a:cubicBezTo>
                  <a:cubicBezTo>
                    <a:pt x="15990" y="24737"/>
                    <a:pt x="16041" y="24462"/>
                    <a:pt x="16041" y="24286"/>
                  </a:cubicBezTo>
                  <a:cubicBezTo>
                    <a:pt x="16041" y="24186"/>
                    <a:pt x="16166" y="24010"/>
                    <a:pt x="16166" y="23910"/>
                  </a:cubicBezTo>
                  <a:cubicBezTo>
                    <a:pt x="16166" y="23785"/>
                    <a:pt x="16091" y="23559"/>
                    <a:pt x="16041" y="23459"/>
                  </a:cubicBezTo>
                  <a:cubicBezTo>
                    <a:pt x="15990" y="23384"/>
                    <a:pt x="15815" y="23233"/>
                    <a:pt x="15765" y="23158"/>
                  </a:cubicBezTo>
                  <a:cubicBezTo>
                    <a:pt x="15765" y="23058"/>
                    <a:pt x="15815" y="22883"/>
                    <a:pt x="15865" y="22782"/>
                  </a:cubicBezTo>
                  <a:cubicBezTo>
                    <a:pt x="15865" y="22757"/>
                    <a:pt x="15890" y="22757"/>
                    <a:pt x="15890" y="22757"/>
                  </a:cubicBezTo>
                  <a:close/>
                  <a:moveTo>
                    <a:pt x="31880" y="26441"/>
                  </a:moveTo>
                  <a:cubicBezTo>
                    <a:pt x="32056" y="26517"/>
                    <a:pt x="32407" y="26667"/>
                    <a:pt x="32507" y="26742"/>
                  </a:cubicBezTo>
                  <a:cubicBezTo>
                    <a:pt x="32407" y="26692"/>
                    <a:pt x="32056" y="26517"/>
                    <a:pt x="31905" y="26467"/>
                  </a:cubicBezTo>
                  <a:cubicBezTo>
                    <a:pt x="31755" y="26467"/>
                    <a:pt x="31402" y="26577"/>
                    <a:pt x="31162" y="26577"/>
                  </a:cubicBezTo>
                  <a:cubicBezTo>
                    <a:pt x="31122" y="26577"/>
                    <a:pt x="31085" y="26574"/>
                    <a:pt x="31053" y="26567"/>
                  </a:cubicBezTo>
                  <a:lnTo>
                    <a:pt x="31053" y="26567"/>
                  </a:lnTo>
                  <a:cubicBezTo>
                    <a:pt x="31081" y="26573"/>
                    <a:pt x="31113" y="26576"/>
                    <a:pt x="31147" y="26576"/>
                  </a:cubicBezTo>
                  <a:cubicBezTo>
                    <a:pt x="31387" y="26576"/>
                    <a:pt x="31749" y="26441"/>
                    <a:pt x="31880" y="26441"/>
                  </a:cubicBezTo>
                  <a:close/>
                  <a:moveTo>
                    <a:pt x="34968" y="26710"/>
                  </a:moveTo>
                  <a:cubicBezTo>
                    <a:pt x="35089" y="26710"/>
                    <a:pt x="35230" y="26731"/>
                    <a:pt x="35357" y="26755"/>
                  </a:cubicBezTo>
                  <a:lnTo>
                    <a:pt x="35357" y="26755"/>
                  </a:lnTo>
                  <a:cubicBezTo>
                    <a:pt x="35228" y="26735"/>
                    <a:pt x="35086" y="26721"/>
                    <a:pt x="34965" y="26721"/>
                  </a:cubicBezTo>
                  <a:cubicBezTo>
                    <a:pt x="34885" y="26721"/>
                    <a:pt x="34814" y="26728"/>
                    <a:pt x="34762" y="26742"/>
                  </a:cubicBezTo>
                  <a:cubicBezTo>
                    <a:pt x="34816" y="26719"/>
                    <a:pt x="34888" y="26710"/>
                    <a:pt x="34968" y="26710"/>
                  </a:cubicBezTo>
                  <a:close/>
                  <a:moveTo>
                    <a:pt x="39474" y="26216"/>
                  </a:moveTo>
                  <a:cubicBezTo>
                    <a:pt x="39499" y="26216"/>
                    <a:pt x="39499" y="26241"/>
                    <a:pt x="39499" y="26241"/>
                  </a:cubicBezTo>
                  <a:cubicBezTo>
                    <a:pt x="39324" y="26341"/>
                    <a:pt x="39098" y="26467"/>
                    <a:pt x="38998" y="26517"/>
                  </a:cubicBezTo>
                  <a:cubicBezTo>
                    <a:pt x="38773" y="26567"/>
                    <a:pt x="38321" y="26567"/>
                    <a:pt x="38096" y="26617"/>
                  </a:cubicBezTo>
                  <a:cubicBezTo>
                    <a:pt x="37870" y="26617"/>
                    <a:pt x="37369" y="26742"/>
                    <a:pt x="37068" y="26792"/>
                  </a:cubicBezTo>
                  <a:cubicBezTo>
                    <a:pt x="37344" y="26742"/>
                    <a:pt x="37845" y="26617"/>
                    <a:pt x="38071" y="26617"/>
                  </a:cubicBezTo>
                  <a:cubicBezTo>
                    <a:pt x="38296" y="26567"/>
                    <a:pt x="38747" y="26567"/>
                    <a:pt x="38973" y="26517"/>
                  </a:cubicBezTo>
                  <a:cubicBezTo>
                    <a:pt x="39098" y="26441"/>
                    <a:pt x="39324" y="26341"/>
                    <a:pt x="39474" y="26216"/>
                  </a:cubicBezTo>
                  <a:close/>
                  <a:moveTo>
                    <a:pt x="37068" y="26792"/>
                  </a:moveTo>
                  <a:cubicBezTo>
                    <a:pt x="36918" y="26842"/>
                    <a:pt x="36567" y="27143"/>
                    <a:pt x="36392" y="27143"/>
                  </a:cubicBezTo>
                  <a:cubicBezTo>
                    <a:pt x="36252" y="27143"/>
                    <a:pt x="36055" y="27028"/>
                    <a:pt x="35872" y="26929"/>
                  </a:cubicBezTo>
                  <a:lnTo>
                    <a:pt x="35872" y="26929"/>
                  </a:lnTo>
                  <a:cubicBezTo>
                    <a:pt x="36058" y="27019"/>
                    <a:pt x="36256" y="27118"/>
                    <a:pt x="36392" y="27118"/>
                  </a:cubicBezTo>
                  <a:cubicBezTo>
                    <a:pt x="36567" y="27118"/>
                    <a:pt x="36893" y="26842"/>
                    <a:pt x="37068" y="26792"/>
                  </a:cubicBezTo>
                  <a:close/>
                  <a:moveTo>
                    <a:pt x="43284" y="26843"/>
                  </a:moveTo>
                  <a:lnTo>
                    <a:pt x="43284" y="26843"/>
                  </a:lnTo>
                  <a:cubicBezTo>
                    <a:pt x="43158" y="26968"/>
                    <a:pt x="42983" y="27143"/>
                    <a:pt x="42883" y="27193"/>
                  </a:cubicBezTo>
                  <a:cubicBezTo>
                    <a:pt x="42983" y="27118"/>
                    <a:pt x="43158" y="26968"/>
                    <a:pt x="43284" y="26843"/>
                  </a:cubicBezTo>
                  <a:close/>
                  <a:moveTo>
                    <a:pt x="34762" y="26742"/>
                  </a:moveTo>
                  <a:cubicBezTo>
                    <a:pt x="34537" y="26792"/>
                    <a:pt x="34211" y="27143"/>
                    <a:pt x="33986" y="27193"/>
                  </a:cubicBezTo>
                  <a:cubicBezTo>
                    <a:pt x="33892" y="27214"/>
                    <a:pt x="33738" y="27226"/>
                    <a:pt x="33571" y="27226"/>
                  </a:cubicBezTo>
                  <a:cubicBezTo>
                    <a:pt x="33334" y="27226"/>
                    <a:pt x="33069" y="27202"/>
                    <a:pt x="32908" y="27143"/>
                  </a:cubicBezTo>
                  <a:cubicBezTo>
                    <a:pt x="32783" y="27069"/>
                    <a:pt x="32634" y="26846"/>
                    <a:pt x="32509" y="26744"/>
                  </a:cubicBezTo>
                  <a:lnTo>
                    <a:pt x="32509" y="26744"/>
                  </a:lnTo>
                  <a:cubicBezTo>
                    <a:pt x="32634" y="26846"/>
                    <a:pt x="32783" y="27068"/>
                    <a:pt x="32908" y="27118"/>
                  </a:cubicBezTo>
                  <a:cubicBezTo>
                    <a:pt x="33077" y="27195"/>
                    <a:pt x="33349" y="27225"/>
                    <a:pt x="33587" y="27225"/>
                  </a:cubicBezTo>
                  <a:cubicBezTo>
                    <a:pt x="33737" y="27225"/>
                    <a:pt x="33873" y="27213"/>
                    <a:pt x="33960" y="27193"/>
                  </a:cubicBezTo>
                  <a:cubicBezTo>
                    <a:pt x="34186" y="27118"/>
                    <a:pt x="34537" y="26792"/>
                    <a:pt x="34762" y="26742"/>
                  </a:cubicBezTo>
                  <a:close/>
                  <a:moveTo>
                    <a:pt x="42031" y="27068"/>
                  </a:moveTo>
                  <a:cubicBezTo>
                    <a:pt x="42156" y="27118"/>
                    <a:pt x="42432" y="27243"/>
                    <a:pt x="42607" y="27243"/>
                  </a:cubicBezTo>
                  <a:cubicBezTo>
                    <a:pt x="42432" y="27243"/>
                    <a:pt x="42156" y="27143"/>
                    <a:pt x="42031" y="27068"/>
                  </a:cubicBezTo>
                  <a:close/>
                  <a:moveTo>
                    <a:pt x="23259" y="28776"/>
                  </a:moveTo>
                  <a:lnTo>
                    <a:pt x="23259" y="28776"/>
                  </a:lnTo>
                  <a:cubicBezTo>
                    <a:pt x="23257" y="28824"/>
                    <a:pt x="23233" y="28849"/>
                    <a:pt x="23209" y="28898"/>
                  </a:cubicBezTo>
                  <a:cubicBezTo>
                    <a:pt x="23158" y="28973"/>
                    <a:pt x="22983" y="28998"/>
                    <a:pt x="22958" y="29073"/>
                  </a:cubicBezTo>
                  <a:cubicBezTo>
                    <a:pt x="22983" y="28973"/>
                    <a:pt x="23158" y="28973"/>
                    <a:pt x="23209" y="28873"/>
                  </a:cubicBezTo>
                  <a:cubicBezTo>
                    <a:pt x="23233" y="28848"/>
                    <a:pt x="23257" y="28824"/>
                    <a:pt x="23259" y="28776"/>
                  </a:cubicBezTo>
                  <a:close/>
                  <a:moveTo>
                    <a:pt x="22933" y="29499"/>
                  </a:moveTo>
                  <a:lnTo>
                    <a:pt x="22933" y="29499"/>
                  </a:lnTo>
                  <a:cubicBezTo>
                    <a:pt x="22883" y="29624"/>
                    <a:pt x="22707" y="29675"/>
                    <a:pt x="22657" y="29800"/>
                  </a:cubicBezTo>
                  <a:cubicBezTo>
                    <a:pt x="22657" y="29800"/>
                    <a:pt x="22632" y="29825"/>
                    <a:pt x="22632" y="29825"/>
                  </a:cubicBezTo>
                  <a:cubicBezTo>
                    <a:pt x="22632" y="29800"/>
                    <a:pt x="22657" y="29800"/>
                    <a:pt x="22657" y="29775"/>
                  </a:cubicBezTo>
                  <a:cubicBezTo>
                    <a:pt x="22707" y="29675"/>
                    <a:pt x="22883" y="29599"/>
                    <a:pt x="22933" y="29499"/>
                  </a:cubicBezTo>
                  <a:close/>
                  <a:moveTo>
                    <a:pt x="20051" y="30727"/>
                  </a:moveTo>
                  <a:cubicBezTo>
                    <a:pt x="20058" y="30727"/>
                    <a:pt x="20066" y="30727"/>
                    <a:pt x="20076" y="30727"/>
                  </a:cubicBezTo>
                  <a:lnTo>
                    <a:pt x="20076" y="30727"/>
                  </a:lnTo>
                  <a:cubicBezTo>
                    <a:pt x="19950" y="30777"/>
                    <a:pt x="19675" y="30777"/>
                    <a:pt x="19625" y="30903"/>
                  </a:cubicBezTo>
                  <a:cubicBezTo>
                    <a:pt x="19499" y="30953"/>
                    <a:pt x="19499" y="31228"/>
                    <a:pt x="19449" y="31354"/>
                  </a:cubicBezTo>
                  <a:cubicBezTo>
                    <a:pt x="19399" y="31579"/>
                    <a:pt x="19224" y="31980"/>
                    <a:pt x="19048" y="32081"/>
                  </a:cubicBezTo>
                  <a:cubicBezTo>
                    <a:pt x="18948" y="32206"/>
                    <a:pt x="18597" y="32206"/>
                    <a:pt x="18422" y="32206"/>
                  </a:cubicBezTo>
                  <a:cubicBezTo>
                    <a:pt x="18386" y="32241"/>
                    <a:pt x="18288" y="32277"/>
                    <a:pt x="18198" y="32277"/>
                  </a:cubicBezTo>
                  <a:cubicBezTo>
                    <a:pt x="18161" y="32277"/>
                    <a:pt x="18125" y="32271"/>
                    <a:pt x="18096" y="32256"/>
                  </a:cubicBezTo>
                  <a:lnTo>
                    <a:pt x="18096" y="32256"/>
                  </a:lnTo>
                  <a:cubicBezTo>
                    <a:pt x="18114" y="32261"/>
                    <a:pt x="18134" y="32263"/>
                    <a:pt x="18155" y="32263"/>
                  </a:cubicBezTo>
                  <a:cubicBezTo>
                    <a:pt x="18248" y="32263"/>
                    <a:pt x="18356" y="32222"/>
                    <a:pt x="18396" y="32181"/>
                  </a:cubicBezTo>
                  <a:cubicBezTo>
                    <a:pt x="18572" y="32181"/>
                    <a:pt x="18923" y="32181"/>
                    <a:pt x="19023" y="32081"/>
                  </a:cubicBezTo>
                  <a:cubicBezTo>
                    <a:pt x="19198" y="31955"/>
                    <a:pt x="19374" y="31554"/>
                    <a:pt x="19424" y="31329"/>
                  </a:cubicBezTo>
                  <a:cubicBezTo>
                    <a:pt x="19474" y="31228"/>
                    <a:pt x="19474" y="30953"/>
                    <a:pt x="19599" y="30878"/>
                  </a:cubicBezTo>
                  <a:cubicBezTo>
                    <a:pt x="19650" y="30777"/>
                    <a:pt x="19925" y="30777"/>
                    <a:pt x="20051" y="30727"/>
                  </a:cubicBezTo>
                  <a:close/>
                  <a:moveTo>
                    <a:pt x="18317" y="25807"/>
                  </a:moveTo>
                  <a:cubicBezTo>
                    <a:pt x="18402" y="25807"/>
                    <a:pt x="18513" y="25840"/>
                    <a:pt x="18547" y="25840"/>
                  </a:cubicBezTo>
                  <a:cubicBezTo>
                    <a:pt x="18597" y="25890"/>
                    <a:pt x="18722" y="25940"/>
                    <a:pt x="18722" y="25990"/>
                  </a:cubicBezTo>
                  <a:cubicBezTo>
                    <a:pt x="18772" y="26066"/>
                    <a:pt x="18823" y="26291"/>
                    <a:pt x="18823" y="26341"/>
                  </a:cubicBezTo>
                  <a:cubicBezTo>
                    <a:pt x="18898" y="26441"/>
                    <a:pt x="18948" y="26617"/>
                    <a:pt x="18948" y="26667"/>
                  </a:cubicBezTo>
                  <a:lnTo>
                    <a:pt x="19173" y="26893"/>
                  </a:lnTo>
                  <a:cubicBezTo>
                    <a:pt x="19224" y="26893"/>
                    <a:pt x="19399" y="26792"/>
                    <a:pt x="19449" y="26792"/>
                  </a:cubicBezTo>
                  <a:cubicBezTo>
                    <a:pt x="19499" y="26792"/>
                    <a:pt x="19675" y="26842"/>
                    <a:pt x="19675" y="26893"/>
                  </a:cubicBezTo>
                  <a:cubicBezTo>
                    <a:pt x="19775" y="26893"/>
                    <a:pt x="19775" y="27118"/>
                    <a:pt x="19850" y="27193"/>
                  </a:cubicBezTo>
                  <a:cubicBezTo>
                    <a:pt x="19900" y="27243"/>
                    <a:pt x="20126" y="27344"/>
                    <a:pt x="20176" y="27419"/>
                  </a:cubicBezTo>
                  <a:cubicBezTo>
                    <a:pt x="20226" y="27469"/>
                    <a:pt x="20351" y="27644"/>
                    <a:pt x="20351" y="27745"/>
                  </a:cubicBezTo>
                  <a:cubicBezTo>
                    <a:pt x="20351" y="27795"/>
                    <a:pt x="20301" y="27970"/>
                    <a:pt x="20301" y="28020"/>
                  </a:cubicBezTo>
                  <a:cubicBezTo>
                    <a:pt x="20301" y="28196"/>
                    <a:pt x="20351" y="28472"/>
                    <a:pt x="20401" y="28597"/>
                  </a:cubicBezTo>
                  <a:cubicBezTo>
                    <a:pt x="20452" y="28697"/>
                    <a:pt x="20627" y="28873"/>
                    <a:pt x="20752" y="28873"/>
                  </a:cubicBezTo>
                  <a:cubicBezTo>
                    <a:pt x="20774" y="28883"/>
                    <a:pt x="20803" y="28887"/>
                    <a:pt x="20836" y="28887"/>
                  </a:cubicBezTo>
                  <a:cubicBezTo>
                    <a:pt x="20929" y="28887"/>
                    <a:pt x="21056" y="28858"/>
                    <a:pt x="21157" y="28858"/>
                  </a:cubicBezTo>
                  <a:cubicBezTo>
                    <a:pt x="21194" y="28858"/>
                    <a:pt x="21227" y="28862"/>
                    <a:pt x="21254" y="28873"/>
                  </a:cubicBezTo>
                  <a:cubicBezTo>
                    <a:pt x="21304" y="28873"/>
                    <a:pt x="21479" y="28923"/>
                    <a:pt x="21479" y="28923"/>
                  </a:cubicBezTo>
                  <a:cubicBezTo>
                    <a:pt x="21579" y="29048"/>
                    <a:pt x="21529" y="29274"/>
                    <a:pt x="21579" y="29374"/>
                  </a:cubicBezTo>
                  <a:cubicBezTo>
                    <a:pt x="21655" y="29499"/>
                    <a:pt x="21805" y="29725"/>
                    <a:pt x="21880" y="29825"/>
                  </a:cubicBezTo>
                  <a:cubicBezTo>
                    <a:pt x="21880" y="29950"/>
                    <a:pt x="21805" y="30226"/>
                    <a:pt x="21930" y="30276"/>
                  </a:cubicBezTo>
                  <a:cubicBezTo>
                    <a:pt x="21930" y="30401"/>
                    <a:pt x="22156" y="30401"/>
                    <a:pt x="22206" y="30502"/>
                  </a:cubicBezTo>
                  <a:cubicBezTo>
                    <a:pt x="22254" y="30502"/>
                    <a:pt x="22256" y="30619"/>
                    <a:pt x="22324" y="30717"/>
                  </a:cubicBezTo>
                  <a:lnTo>
                    <a:pt x="22324" y="30717"/>
                  </a:lnTo>
                  <a:cubicBezTo>
                    <a:pt x="22318" y="30729"/>
                    <a:pt x="22312" y="30741"/>
                    <a:pt x="22306" y="30752"/>
                  </a:cubicBezTo>
                  <a:cubicBezTo>
                    <a:pt x="22256" y="30853"/>
                    <a:pt x="22206" y="30978"/>
                    <a:pt x="22156" y="31028"/>
                  </a:cubicBezTo>
                  <a:cubicBezTo>
                    <a:pt x="22081" y="31153"/>
                    <a:pt x="21930" y="31304"/>
                    <a:pt x="21855" y="31479"/>
                  </a:cubicBezTo>
                  <a:cubicBezTo>
                    <a:pt x="21930" y="31479"/>
                    <a:pt x="22031" y="31429"/>
                    <a:pt x="22081" y="31429"/>
                  </a:cubicBezTo>
                  <a:lnTo>
                    <a:pt x="22482" y="31429"/>
                  </a:lnTo>
                  <a:cubicBezTo>
                    <a:pt x="22607" y="31479"/>
                    <a:pt x="22757" y="31604"/>
                    <a:pt x="22833" y="31604"/>
                  </a:cubicBezTo>
                  <a:cubicBezTo>
                    <a:pt x="22883" y="31655"/>
                    <a:pt x="23058" y="31755"/>
                    <a:pt x="23158" y="31755"/>
                  </a:cubicBezTo>
                  <a:cubicBezTo>
                    <a:pt x="23284" y="31705"/>
                    <a:pt x="23434" y="31604"/>
                    <a:pt x="23484" y="31604"/>
                  </a:cubicBezTo>
                  <a:cubicBezTo>
                    <a:pt x="23610" y="31529"/>
                    <a:pt x="23785" y="31529"/>
                    <a:pt x="23885" y="31529"/>
                  </a:cubicBezTo>
                  <a:cubicBezTo>
                    <a:pt x="23935" y="31604"/>
                    <a:pt x="24061" y="31705"/>
                    <a:pt x="24111" y="31755"/>
                  </a:cubicBezTo>
                  <a:cubicBezTo>
                    <a:pt x="24236" y="31930"/>
                    <a:pt x="24462" y="32156"/>
                    <a:pt x="24512" y="32331"/>
                  </a:cubicBezTo>
                  <a:cubicBezTo>
                    <a:pt x="24437" y="32181"/>
                    <a:pt x="24236" y="31955"/>
                    <a:pt x="24136" y="31805"/>
                  </a:cubicBezTo>
                  <a:cubicBezTo>
                    <a:pt x="24086" y="31755"/>
                    <a:pt x="23960" y="31629"/>
                    <a:pt x="23910" y="31579"/>
                  </a:cubicBezTo>
                  <a:cubicBezTo>
                    <a:pt x="23785" y="31579"/>
                    <a:pt x="23635" y="31579"/>
                    <a:pt x="23509" y="31629"/>
                  </a:cubicBezTo>
                  <a:cubicBezTo>
                    <a:pt x="23459" y="31629"/>
                    <a:pt x="23284" y="31755"/>
                    <a:pt x="23183" y="31805"/>
                  </a:cubicBezTo>
                  <a:cubicBezTo>
                    <a:pt x="23058" y="31805"/>
                    <a:pt x="22883" y="31680"/>
                    <a:pt x="22833" y="31629"/>
                  </a:cubicBezTo>
                  <a:cubicBezTo>
                    <a:pt x="22782" y="31629"/>
                    <a:pt x="22607" y="31529"/>
                    <a:pt x="22507" y="31454"/>
                  </a:cubicBezTo>
                  <a:lnTo>
                    <a:pt x="22106" y="31454"/>
                  </a:lnTo>
                  <a:cubicBezTo>
                    <a:pt x="22056" y="31454"/>
                    <a:pt x="21930" y="31529"/>
                    <a:pt x="21880" y="31529"/>
                  </a:cubicBezTo>
                  <a:lnTo>
                    <a:pt x="21655" y="31529"/>
                  </a:lnTo>
                  <a:cubicBezTo>
                    <a:pt x="21554" y="31529"/>
                    <a:pt x="21354" y="31479"/>
                    <a:pt x="21254" y="31429"/>
                  </a:cubicBezTo>
                  <a:lnTo>
                    <a:pt x="21254" y="31429"/>
                  </a:lnTo>
                  <a:cubicBezTo>
                    <a:pt x="21379" y="31479"/>
                    <a:pt x="21529" y="31504"/>
                    <a:pt x="21605" y="31504"/>
                  </a:cubicBezTo>
                  <a:lnTo>
                    <a:pt x="21830" y="31504"/>
                  </a:lnTo>
                  <a:cubicBezTo>
                    <a:pt x="21905" y="31329"/>
                    <a:pt x="22056" y="31178"/>
                    <a:pt x="22131" y="31053"/>
                  </a:cubicBezTo>
                  <a:cubicBezTo>
                    <a:pt x="22181" y="31003"/>
                    <a:pt x="22231" y="30878"/>
                    <a:pt x="22281" y="30777"/>
                  </a:cubicBezTo>
                  <a:cubicBezTo>
                    <a:pt x="22231" y="30652"/>
                    <a:pt x="22231" y="30552"/>
                    <a:pt x="22181" y="30552"/>
                  </a:cubicBezTo>
                  <a:cubicBezTo>
                    <a:pt x="22131" y="30426"/>
                    <a:pt x="21905" y="30426"/>
                    <a:pt x="21905" y="30326"/>
                  </a:cubicBezTo>
                  <a:cubicBezTo>
                    <a:pt x="21780" y="30276"/>
                    <a:pt x="21830" y="29975"/>
                    <a:pt x="21830" y="29875"/>
                  </a:cubicBezTo>
                  <a:cubicBezTo>
                    <a:pt x="21780" y="29750"/>
                    <a:pt x="21605" y="29524"/>
                    <a:pt x="21554" y="29424"/>
                  </a:cubicBezTo>
                  <a:cubicBezTo>
                    <a:pt x="21504" y="29299"/>
                    <a:pt x="21554" y="29073"/>
                    <a:pt x="21454" y="28973"/>
                  </a:cubicBezTo>
                  <a:cubicBezTo>
                    <a:pt x="21454" y="28973"/>
                    <a:pt x="21279" y="28923"/>
                    <a:pt x="21229" y="28923"/>
                  </a:cubicBezTo>
                  <a:cubicBezTo>
                    <a:pt x="21198" y="28904"/>
                    <a:pt x="21159" y="28898"/>
                    <a:pt x="21115" y="28898"/>
                  </a:cubicBezTo>
                  <a:cubicBezTo>
                    <a:pt x="21011" y="28898"/>
                    <a:pt x="20883" y="28935"/>
                    <a:pt x="20795" y="28935"/>
                  </a:cubicBezTo>
                  <a:cubicBezTo>
                    <a:pt x="20768" y="28935"/>
                    <a:pt x="20745" y="28932"/>
                    <a:pt x="20727" y="28923"/>
                  </a:cubicBezTo>
                  <a:cubicBezTo>
                    <a:pt x="20602" y="28923"/>
                    <a:pt x="20427" y="28747"/>
                    <a:pt x="20376" y="28622"/>
                  </a:cubicBezTo>
                  <a:cubicBezTo>
                    <a:pt x="20326" y="28522"/>
                    <a:pt x="20276" y="28246"/>
                    <a:pt x="20276" y="28071"/>
                  </a:cubicBezTo>
                  <a:cubicBezTo>
                    <a:pt x="20276" y="28020"/>
                    <a:pt x="20326" y="27845"/>
                    <a:pt x="20326" y="27795"/>
                  </a:cubicBezTo>
                  <a:cubicBezTo>
                    <a:pt x="20326" y="27670"/>
                    <a:pt x="20201" y="27494"/>
                    <a:pt x="20151" y="27444"/>
                  </a:cubicBezTo>
                  <a:cubicBezTo>
                    <a:pt x="20101" y="27394"/>
                    <a:pt x="19875" y="27269"/>
                    <a:pt x="19825" y="27218"/>
                  </a:cubicBezTo>
                  <a:cubicBezTo>
                    <a:pt x="19750" y="27168"/>
                    <a:pt x="19750" y="26943"/>
                    <a:pt x="19650" y="26943"/>
                  </a:cubicBezTo>
                  <a:cubicBezTo>
                    <a:pt x="19650" y="26893"/>
                    <a:pt x="19474" y="26817"/>
                    <a:pt x="19424" y="26817"/>
                  </a:cubicBezTo>
                  <a:cubicBezTo>
                    <a:pt x="19374" y="26817"/>
                    <a:pt x="19198" y="26943"/>
                    <a:pt x="19148" y="26943"/>
                  </a:cubicBezTo>
                  <a:lnTo>
                    <a:pt x="18923" y="26717"/>
                  </a:lnTo>
                  <a:cubicBezTo>
                    <a:pt x="18923" y="26667"/>
                    <a:pt x="18848" y="26492"/>
                    <a:pt x="18797" y="26366"/>
                  </a:cubicBezTo>
                  <a:cubicBezTo>
                    <a:pt x="18797" y="26316"/>
                    <a:pt x="18747" y="26091"/>
                    <a:pt x="18697" y="26040"/>
                  </a:cubicBezTo>
                  <a:cubicBezTo>
                    <a:pt x="18697" y="25990"/>
                    <a:pt x="18572" y="25915"/>
                    <a:pt x="18522" y="25865"/>
                  </a:cubicBezTo>
                  <a:cubicBezTo>
                    <a:pt x="18488" y="25865"/>
                    <a:pt x="18377" y="25843"/>
                    <a:pt x="18284" y="25843"/>
                  </a:cubicBezTo>
                  <a:cubicBezTo>
                    <a:pt x="18238" y="25843"/>
                    <a:pt x="18196" y="25848"/>
                    <a:pt x="18171" y="25865"/>
                  </a:cubicBezTo>
                  <a:cubicBezTo>
                    <a:pt x="18121" y="25865"/>
                    <a:pt x="18096" y="25915"/>
                    <a:pt x="18071" y="25940"/>
                  </a:cubicBezTo>
                  <a:cubicBezTo>
                    <a:pt x="18096" y="25890"/>
                    <a:pt x="18146" y="25840"/>
                    <a:pt x="18221" y="25840"/>
                  </a:cubicBezTo>
                  <a:cubicBezTo>
                    <a:pt x="18238" y="25815"/>
                    <a:pt x="18274" y="25807"/>
                    <a:pt x="18317" y="25807"/>
                  </a:cubicBezTo>
                  <a:close/>
                  <a:moveTo>
                    <a:pt x="13674" y="32589"/>
                  </a:moveTo>
                  <a:lnTo>
                    <a:pt x="13674" y="32589"/>
                  </a:lnTo>
                  <a:cubicBezTo>
                    <a:pt x="13730" y="32600"/>
                    <a:pt x="13801" y="32623"/>
                    <a:pt x="13835" y="32657"/>
                  </a:cubicBezTo>
                  <a:cubicBezTo>
                    <a:pt x="13777" y="32638"/>
                    <a:pt x="13720" y="32604"/>
                    <a:pt x="13674" y="32589"/>
                  </a:cubicBezTo>
                  <a:close/>
                  <a:moveTo>
                    <a:pt x="17695" y="31680"/>
                  </a:moveTo>
                  <a:cubicBezTo>
                    <a:pt x="17519" y="31680"/>
                    <a:pt x="17244" y="31755"/>
                    <a:pt x="17068" y="31805"/>
                  </a:cubicBezTo>
                  <a:cubicBezTo>
                    <a:pt x="17018" y="31805"/>
                    <a:pt x="16843" y="31905"/>
                    <a:pt x="16792" y="31980"/>
                  </a:cubicBezTo>
                  <a:cubicBezTo>
                    <a:pt x="16692" y="32030"/>
                    <a:pt x="16617" y="32256"/>
                    <a:pt x="16517" y="32306"/>
                  </a:cubicBezTo>
                  <a:cubicBezTo>
                    <a:pt x="16341" y="32431"/>
                    <a:pt x="15940" y="32431"/>
                    <a:pt x="15715" y="32482"/>
                  </a:cubicBezTo>
                  <a:cubicBezTo>
                    <a:pt x="15638" y="32482"/>
                    <a:pt x="15486" y="32407"/>
                    <a:pt x="15364" y="32407"/>
                  </a:cubicBezTo>
                  <a:cubicBezTo>
                    <a:pt x="15327" y="32407"/>
                    <a:pt x="15293" y="32414"/>
                    <a:pt x="15264" y="32431"/>
                  </a:cubicBezTo>
                  <a:cubicBezTo>
                    <a:pt x="15163" y="32482"/>
                    <a:pt x="15038" y="32657"/>
                    <a:pt x="14988" y="32757"/>
                  </a:cubicBezTo>
                  <a:cubicBezTo>
                    <a:pt x="14938" y="32807"/>
                    <a:pt x="14888" y="33033"/>
                    <a:pt x="14812" y="33108"/>
                  </a:cubicBezTo>
                  <a:cubicBezTo>
                    <a:pt x="14762" y="33158"/>
                    <a:pt x="14712" y="33334"/>
                    <a:pt x="14587" y="33384"/>
                  </a:cubicBezTo>
                  <a:cubicBezTo>
                    <a:pt x="14487" y="33384"/>
                    <a:pt x="14261" y="33334"/>
                    <a:pt x="14136" y="33208"/>
                  </a:cubicBezTo>
                  <a:lnTo>
                    <a:pt x="14136" y="33208"/>
                  </a:lnTo>
                  <a:cubicBezTo>
                    <a:pt x="14236" y="33309"/>
                    <a:pt x="14462" y="33359"/>
                    <a:pt x="14587" y="33359"/>
                  </a:cubicBezTo>
                  <a:cubicBezTo>
                    <a:pt x="14687" y="33309"/>
                    <a:pt x="14737" y="33133"/>
                    <a:pt x="14812" y="33083"/>
                  </a:cubicBezTo>
                  <a:cubicBezTo>
                    <a:pt x="14863" y="33033"/>
                    <a:pt x="14913" y="32807"/>
                    <a:pt x="14963" y="32757"/>
                  </a:cubicBezTo>
                  <a:cubicBezTo>
                    <a:pt x="15038" y="32632"/>
                    <a:pt x="15138" y="32457"/>
                    <a:pt x="15264" y="32406"/>
                  </a:cubicBezTo>
                  <a:cubicBezTo>
                    <a:pt x="15284" y="32396"/>
                    <a:pt x="15309" y="32392"/>
                    <a:pt x="15337" y="32392"/>
                  </a:cubicBezTo>
                  <a:cubicBezTo>
                    <a:pt x="15450" y="32392"/>
                    <a:pt x="15615" y="32457"/>
                    <a:pt x="15715" y="32457"/>
                  </a:cubicBezTo>
                  <a:cubicBezTo>
                    <a:pt x="15940" y="32406"/>
                    <a:pt x="16316" y="32406"/>
                    <a:pt x="16492" y="32306"/>
                  </a:cubicBezTo>
                  <a:cubicBezTo>
                    <a:pt x="16617" y="32231"/>
                    <a:pt x="16667" y="32005"/>
                    <a:pt x="16767" y="31955"/>
                  </a:cubicBezTo>
                  <a:cubicBezTo>
                    <a:pt x="16818" y="31905"/>
                    <a:pt x="16993" y="31780"/>
                    <a:pt x="17043" y="31780"/>
                  </a:cubicBezTo>
                  <a:cubicBezTo>
                    <a:pt x="17219" y="31730"/>
                    <a:pt x="17494" y="31680"/>
                    <a:pt x="17670" y="31680"/>
                  </a:cubicBezTo>
                  <a:close/>
                  <a:moveTo>
                    <a:pt x="25414" y="33509"/>
                  </a:moveTo>
                  <a:cubicBezTo>
                    <a:pt x="25514" y="33509"/>
                    <a:pt x="25690" y="33509"/>
                    <a:pt x="25740" y="33584"/>
                  </a:cubicBezTo>
                  <a:cubicBezTo>
                    <a:pt x="25767" y="33593"/>
                    <a:pt x="25794" y="33615"/>
                    <a:pt x="25820" y="33644"/>
                  </a:cubicBezTo>
                  <a:lnTo>
                    <a:pt x="25820" y="33644"/>
                  </a:lnTo>
                  <a:cubicBezTo>
                    <a:pt x="25803" y="33628"/>
                    <a:pt x="25785" y="33616"/>
                    <a:pt x="25765" y="33609"/>
                  </a:cubicBezTo>
                  <a:cubicBezTo>
                    <a:pt x="25715" y="33559"/>
                    <a:pt x="25539" y="33559"/>
                    <a:pt x="25439" y="33559"/>
                  </a:cubicBezTo>
                  <a:lnTo>
                    <a:pt x="25088" y="33559"/>
                  </a:lnTo>
                  <a:cubicBezTo>
                    <a:pt x="24988" y="33609"/>
                    <a:pt x="24813" y="33785"/>
                    <a:pt x="24687" y="33785"/>
                  </a:cubicBezTo>
                  <a:cubicBezTo>
                    <a:pt x="24637" y="33835"/>
                    <a:pt x="24462" y="33885"/>
                    <a:pt x="24412" y="33885"/>
                  </a:cubicBezTo>
                  <a:cubicBezTo>
                    <a:pt x="24412" y="33885"/>
                    <a:pt x="24401" y="33874"/>
                    <a:pt x="24393" y="33860"/>
                  </a:cubicBezTo>
                  <a:lnTo>
                    <a:pt x="24393" y="33860"/>
                  </a:lnTo>
                  <a:cubicBezTo>
                    <a:pt x="24471" y="33857"/>
                    <a:pt x="24614" y="33808"/>
                    <a:pt x="24687" y="33735"/>
                  </a:cubicBezTo>
                  <a:cubicBezTo>
                    <a:pt x="24787" y="33735"/>
                    <a:pt x="24963" y="33584"/>
                    <a:pt x="25063" y="33509"/>
                  </a:cubicBezTo>
                  <a:close/>
                  <a:moveTo>
                    <a:pt x="27616" y="33077"/>
                  </a:moveTo>
                  <a:cubicBezTo>
                    <a:pt x="27695" y="33077"/>
                    <a:pt x="27782" y="33096"/>
                    <a:pt x="27845" y="33133"/>
                  </a:cubicBezTo>
                  <a:cubicBezTo>
                    <a:pt x="27895" y="33133"/>
                    <a:pt x="27996" y="33233"/>
                    <a:pt x="28071" y="33284"/>
                  </a:cubicBezTo>
                  <a:cubicBezTo>
                    <a:pt x="28121" y="33359"/>
                    <a:pt x="28346" y="33359"/>
                    <a:pt x="28447" y="33409"/>
                  </a:cubicBezTo>
                  <a:cubicBezTo>
                    <a:pt x="28522" y="33409"/>
                    <a:pt x="28672" y="33359"/>
                    <a:pt x="28798" y="33359"/>
                  </a:cubicBezTo>
                  <a:cubicBezTo>
                    <a:pt x="28848" y="33384"/>
                    <a:pt x="28923" y="33484"/>
                    <a:pt x="28948" y="33534"/>
                  </a:cubicBezTo>
                  <a:cubicBezTo>
                    <a:pt x="28923" y="33484"/>
                    <a:pt x="28848" y="33409"/>
                    <a:pt x="28798" y="33384"/>
                  </a:cubicBezTo>
                  <a:cubicBezTo>
                    <a:pt x="28697" y="33384"/>
                    <a:pt x="28522" y="33434"/>
                    <a:pt x="28472" y="33434"/>
                  </a:cubicBezTo>
                  <a:cubicBezTo>
                    <a:pt x="28346" y="33384"/>
                    <a:pt x="28121" y="33384"/>
                    <a:pt x="28071" y="33309"/>
                  </a:cubicBezTo>
                  <a:cubicBezTo>
                    <a:pt x="28021" y="33259"/>
                    <a:pt x="27895" y="33158"/>
                    <a:pt x="27845" y="33158"/>
                  </a:cubicBezTo>
                  <a:cubicBezTo>
                    <a:pt x="27795" y="33121"/>
                    <a:pt x="27714" y="33102"/>
                    <a:pt x="27635" y="33102"/>
                  </a:cubicBezTo>
                  <a:cubicBezTo>
                    <a:pt x="27557" y="33102"/>
                    <a:pt x="27482" y="33121"/>
                    <a:pt x="27444" y="33158"/>
                  </a:cubicBezTo>
                  <a:cubicBezTo>
                    <a:pt x="27344" y="33208"/>
                    <a:pt x="27168" y="33384"/>
                    <a:pt x="27118" y="33434"/>
                  </a:cubicBezTo>
                  <a:cubicBezTo>
                    <a:pt x="27068" y="33534"/>
                    <a:pt x="27068" y="33710"/>
                    <a:pt x="26993" y="33835"/>
                  </a:cubicBezTo>
                  <a:cubicBezTo>
                    <a:pt x="26993" y="33885"/>
                    <a:pt x="26893" y="33935"/>
                    <a:pt x="26893" y="33985"/>
                  </a:cubicBezTo>
                  <a:cubicBezTo>
                    <a:pt x="26843" y="34061"/>
                    <a:pt x="26667" y="34161"/>
                    <a:pt x="26617" y="34161"/>
                  </a:cubicBezTo>
                  <a:cubicBezTo>
                    <a:pt x="26492" y="34211"/>
                    <a:pt x="26316" y="34211"/>
                    <a:pt x="26216" y="34211"/>
                  </a:cubicBezTo>
                  <a:cubicBezTo>
                    <a:pt x="26216" y="34211"/>
                    <a:pt x="26216" y="34211"/>
                    <a:pt x="26216" y="34236"/>
                  </a:cubicBezTo>
                  <a:cubicBezTo>
                    <a:pt x="26166" y="34186"/>
                    <a:pt x="26141" y="34136"/>
                    <a:pt x="26116" y="34111"/>
                  </a:cubicBezTo>
                  <a:lnTo>
                    <a:pt x="26116" y="34111"/>
                  </a:lnTo>
                  <a:cubicBezTo>
                    <a:pt x="26141" y="34136"/>
                    <a:pt x="26166" y="34161"/>
                    <a:pt x="26191" y="34186"/>
                  </a:cubicBezTo>
                  <a:cubicBezTo>
                    <a:pt x="26316" y="34186"/>
                    <a:pt x="26492" y="34186"/>
                    <a:pt x="26592" y="34136"/>
                  </a:cubicBezTo>
                  <a:cubicBezTo>
                    <a:pt x="26642" y="34136"/>
                    <a:pt x="26818" y="34036"/>
                    <a:pt x="26868" y="33960"/>
                  </a:cubicBezTo>
                  <a:cubicBezTo>
                    <a:pt x="26868" y="33910"/>
                    <a:pt x="26993" y="33860"/>
                    <a:pt x="26993" y="33810"/>
                  </a:cubicBezTo>
                  <a:cubicBezTo>
                    <a:pt x="27043" y="33685"/>
                    <a:pt x="27043" y="33509"/>
                    <a:pt x="27093" y="33409"/>
                  </a:cubicBezTo>
                  <a:cubicBezTo>
                    <a:pt x="27168" y="33359"/>
                    <a:pt x="27319" y="33183"/>
                    <a:pt x="27444" y="33133"/>
                  </a:cubicBezTo>
                  <a:cubicBezTo>
                    <a:pt x="27469" y="33096"/>
                    <a:pt x="27538" y="33077"/>
                    <a:pt x="27616" y="33077"/>
                  </a:cubicBezTo>
                  <a:close/>
                  <a:moveTo>
                    <a:pt x="13609" y="32582"/>
                  </a:moveTo>
                  <a:cubicBezTo>
                    <a:pt x="13614" y="32582"/>
                    <a:pt x="13619" y="32582"/>
                    <a:pt x="13624" y="32582"/>
                  </a:cubicBezTo>
                  <a:lnTo>
                    <a:pt x="13624" y="32582"/>
                  </a:lnTo>
                  <a:cubicBezTo>
                    <a:pt x="13526" y="32594"/>
                    <a:pt x="13407" y="32759"/>
                    <a:pt x="13359" y="32807"/>
                  </a:cubicBezTo>
                  <a:cubicBezTo>
                    <a:pt x="13234" y="32983"/>
                    <a:pt x="13183" y="33434"/>
                    <a:pt x="13133" y="33609"/>
                  </a:cubicBezTo>
                  <a:cubicBezTo>
                    <a:pt x="13083" y="33835"/>
                    <a:pt x="12908" y="34236"/>
                    <a:pt x="12782" y="34386"/>
                  </a:cubicBezTo>
                  <a:cubicBezTo>
                    <a:pt x="12883" y="34211"/>
                    <a:pt x="13058" y="33810"/>
                    <a:pt x="13108" y="33584"/>
                  </a:cubicBezTo>
                  <a:cubicBezTo>
                    <a:pt x="13158" y="33434"/>
                    <a:pt x="13234" y="32983"/>
                    <a:pt x="13334" y="32807"/>
                  </a:cubicBezTo>
                  <a:cubicBezTo>
                    <a:pt x="13384" y="32757"/>
                    <a:pt x="13509" y="32582"/>
                    <a:pt x="13609" y="32582"/>
                  </a:cubicBezTo>
                  <a:close/>
                  <a:moveTo>
                    <a:pt x="26574" y="34665"/>
                  </a:moveTo>
                  <a:lnTo>
                    <a:pt x="26574" y="34665"/>
                  </a:lnTo>
                  <a:cubicBezTo>
                    <a:pt x="26604" y="34693"/>
                    <a:pt x="26635" y="34718"/>
                    <a:pt x="26667" y="34737"/>
                  </a:cubicBezTo>
                  <a:cubicBezTo>
                    <a:pt x="26638" y="34723"/>
                    <a:pt x="26606" y="34697"/>
                    <a:pt x="26574" y="34665"/>
                  </a:cubicBezTo>
                  <a:close/>
                  <a:moveTo>
                    <a:pt x="26668" y="34738"/>
                  </a:moveTo>
                  <a:cubicBezTo>
                    <a:pt x="26721" y="34788"/>
                    <a:pt x="26944" y="34838"/>
                    <a:pt x="27068" y="34888"/>
                  </a:cubicBezTo>
                  <a:cubicBezTo>
                    <a:pt x="27068" y="34888"/>
                    <a:pt x="27068" y="34913"/>
                    <a:pt x="27068" y="34913"/>
                  </a:cubicBezTo>
                  <a:cubicBezTo>
                    <a:pt x="26944" y="34838"/>
                    <a:pt x="26721" y="34788"/>
                    <a:pt x="26668" y="34738"/>
                  </a:cubicBezTo>
                  <a:close/>
                  <a:moveTo>
                    <a:pt x="29131" y="34317"/>
                  </a:moveTo>
                  <a:cubicBezTo>
                    <a:pt x="29260" y="34416"/>
                    <a:pt x="29528" y="34537"/>
                    <a:pt x="29700" y="34537"/>
                  </a:cubicBezTo>
                  <a:cubicBezTo>
                    <a:pt x="29788" y="34562"/>
                    <a:pt x="29900" y="34562"/>
                    <a:pt x="30013" y="34562"/>
                  </a:cubicBezTo>
                  <a:cubicBezTo>
                    <a:pt x="30126" y="34562"/>
                    <a:pt x="30239" y="34562"/>
                    <a:pt x="30326" y="34587"/>
                  </a:cubicBezTo>
                  <a:cubicBezTo>
                    <a:pt x="30427" y="34637"/>
                    <a:pt x="30652" y="34762"/>
                    <a:pt x="30777" y="34812"/>
                  </a:cubicBezTo>
                  <a:cubicBezTo>
                    <a:pt x="30806" y="34854"/>
                    <a:pt x="30849" y="34912"/>
                    <a:pt x="30895" y="34972"/>
                  </a:cubicBezTo>
                  <a:lnTo>
                    <a:pt x="30895" y="34972"/>
                  </a:lnTo>
                  <a:cubicBezTo>
                    <a:pt x="30856" y="34923"/>
                    <a:pt x="30817" y="34877"/>
                    <a:pt x="30777" y="34838"/>
                  </a:cubicBezTo>
                  <a:cubicBezTo>
                    <a:pt x="30677" y="34787"/>
                    <a:pt x="30452" y="34662"/>
                    <a:pt x="30326" y="34612"/>
                  </a:cubicBezTo>
                  <a:cubicBezTo>
                    <a:pt x="30239" y="34587"/>
                    <a:pt x="30126" y="34587"/>
                    <a:pt x="30013" y="34587"/>
                  </a:cubicBezTo>
                  <a:cubicBezTo>
                    <a:pt x="29900" y="34587"/>
                    <a:pt x="29788" y="34587"/>
                    <a:pt x="29700" y="34562"/>
                  </a:cubicBezTo>
                  <a:cubicBezTo>
                    <a:pt x="29549" y="34562"/>
                    <a:pt x="29249" y="34437"/>
                    <a:pt x="29148" y="34336"/>
                  </a:cubicBezTo>
                  <a:cubicBezTo>
                    <a:pt x="29143" y="34331"/>
                    <a:pt x="29137" y="34324"/>
                    <a:pt x="29131" y="34317"/>
                  </a:cubicBezTo>
                  <a:close/>
                  <a:moveTo>
                    <a:pt x="12782" y="34386"/>
                  </a:moveTo>
                  <a:lnTo>
                    <a:pt x="12782" y="34386"/>
                  </a:lnTo>
                  <a:cubicBezTo>
                    <a:pt x="12682" y="34512"/>
                    <a:pt x="12331" y="34737"/>
                    <a:pt x="12231" y="34838"/>
                  </a:cubicBezTo>
                  <a:cubicBezTo>
                    <a:pt x="12159" y="34910"/>
                    <a:pt x="12110" y="35004"/>
                    <a:pt x="12106" y="35122"/>
                  </a:cubicBezTo>
                  <a:lnTo>
                    <a:pt x="12106" y="35122"/>
                  </a:lnTo>
                  <a:cubicBezTo>
                    <a:pt x="12106" y="35119"/>
                    <a:pt x="12106" y="35116"/>
                    <a:pt x="12106" y="35113"/>
                  </a:cubicBezTo>
                  <a:cubicBezTo>
                    <a:pt x="12106" y="35013"/>
                    <a:pt x="12156" y="34888"/>
                    <a:pt x="12206" y="34838"/>
                  </a:cubicBezTo>
                  <a:cubicBezTo>
                    <a:pt x="12331" y="34712"/>
                    <a:pt x="12657" y="34487"/>
                    <a:pt x="12782" y="34386"/>
                  </a:cubicBezTo>
                  <a:close/>
                  <a:moveTo>
                    <a:pt x="31730" y="35088"/>
                  </a:moveTo>
                  <a:cubicBezTo>
                    <a:pt x="31780" y="35088"/>
                    <a:pt x="31805" y="35138"/>
                    <a:pt x="31830" y="35188"/>
                  </a:cubicBezTo>
                  <a:cubicBezTo>
                    <a:pt x="31805" y="35138"/>
                    <a:pt x="31780" y="35113"/>
                    <a:pt x="31730" y="35113"/>
                  </a:cubicBezTo>
                  <a:cubicBezTo>
                    <a:pt x="31730" y="35113"/>
                    <a:pt x="31687" y="35220"/>
                    <a:pt x="31681" y="35276"/>
                  </a:cubicBezTo>
                  <a:lnTo>
                    <a:pt x="31681" y="35276"/>
                  </a:lnTo>
                  <a:cubicBezTo>
                    <a:pt x="31680" y="35272"/>
                    <a:pt x="31680" y="35267"/>
                    <a:pt x="31680" y="35264"/>
                  </a:cubicBezTo>
                  <a:cubicBezTo>
                    <a:pt x="31680" y="35213"/>
                    <a:pt x="31730" y="35088"/>
                    <a:pt x="31730" y="35088"/>
                  </a:cubicBezTo>
                  <a:close/>
                  <a:moveTo>
                    <a:pt x="31930" y="35364"/>
                  </a:moveTo>
                  <a:cubicBezTo>
                    <a:pt x="31930" y="35364"/>
                    <a:pt x="31955" y="35364"/>
                    <a:pt x="31955" y="35389"/>
                  </a:cubicBezTo>
                  <a:cubicBezTo>
                    <a:pt x="31955" y="35389"/>
                    <a:pt x="31930" y="35364"/>
                    <a:pt x="31930" y="35364"/>
                  </a:cubicBezTo>
                  <a:close/>
                  <a:moveTo>
                    <a:pt x="41510" y="35696"/>
                  </a:moveTo>
                  <a:cubicBezTo>
                    <a:pt x="41561" y="35696"/>
                    <a:pt x="41604" y="35702"/>
                    <a:pt x="41630" y="35715"/>
                  </a:cubicBezTo>
                  <a:cubicBezTo>
                    <a:pt x="41671" y="35715"/>
                    <a:pt x="41763" y="35765"/>
                    <a:pt x="41822" y="35825"/>
                  </a:cubicBezTo>
                  <a:lnTo>
                    <a:pt x="41822" y="35825"/>
                  </a:lnTo>
                  <a:cubicBezTo>
                    <a:pt x="41769" y="35773"/>
                    <a:pt x="41695" y="35740"/>
                    <a:pt x="41655" y="35740"/>
                  </a:cubicBezTo>
                  <a:cubicBezTo>
                    <a:pt x="41621" y="35726"/>
                    <a:pt x="41573" y="35720"/>
                    <a:pt x="41519" y="35720"/>
                  </a:cubicBezTo>
                  <a:cubicBezTo>
                    <a:pt x="41369" y="35720"/>
                    <a:pt x="41170" y="35767"/>
                    <a:pt x="41078" y="35840"/>
                  </a:cubicBezTo>
                  <a:cubicBezTo>
                    <a:pt x="41153" y="35747"/>
                    <a:pt x="41365" y="35696"/>
                    <a:pt x="41510" y="35696"/>
                  </a:cubicBezTo>
                  <a:close/>
                  <a:moveTo>
                    <a:pt x="31729" y="35462"/>
                  </a:moveTo>
                  <a:lnTo>
                    <a:pt x="31729" y="35462"/>
                  </a:lnTo>
                  <a:cubicBezTo>
                    <a:pt x="31730" y="35463"/>
                    <a:pt x="31730" y="35464"/>
                    <a:pt x="31730" y="35464"/>
                  </a:cubicBezTo>
                  <a:cubicBezTo>
                    <a:pt x="31730" y="35564"/>
                    <a:pt x="31680" y="35840"/>
                    <a:pt x="31579" y="35840"/>
                  </a:cubicBezTo>
                  <a:cubicBezTo>
                    <a:pt x="31563" y="35856"/>
                    <a:pt x="31544" y="35863"/>
                    <a:pt x="31523" y="35863"/>
                  </a:cubicBezTo>
                  <a:cubicBezTo>
                    <a:pt x="31444" y="35863"/>
                    <a:pt x="31338" y="35769"/>
                    <a:pt x="31279" y="35690"/>
                  </a:cubicBezTo>
                  <a:cubicBezTo>
                    <a:pt x="31254" y="35665"/>
                    <a:pt x="31229" y="35640"/>
                    <a:pt x="31229" y="35615"/>
                  </a:cubicBezTo>
                  <a:lnTo>
                    <a:pt x="31229" y="35615"/>
                  </a:lnTo>
                  <a:cubicBezTo>
                    <a:pt x="31229" y="35640"/>
                    <a:pt x="31254" y="35640"/>
                    <a:pt x="31279" y="35665"/>
                  </a:cubicBezTo>
                  <a:cubicBezTo>
                    <a:pt x="31321" y="35749"/>
                    <a:pt x="31452" y="35851"/>
                    <a:pt x="31523" y="35851"/>
                  </a:cubicBezTo>
                  <a:cubicBezTo>
                    <a:pt x="31536" y="35851"/>
                    <a:pt x="31547" y="35848"/>
                    <a:pt x="31554" y="35840"/>
                  </a:cubicBezTo>
                  <a:cubicBezTo>
                    <a:pt x="31671" y="35840"/>
                    <a:pt x="31723" y="35579"/>
                    <a:pt x="31729" y="35462"/>
                  </a:cubicBezTo>
                  <a:close/>
                  <a:moveTo>
                    <a:pt x="12206" y="35339"/>
                  </a:moveTo>
                  <a:cubicBezTo>
                    <a:pt x="12206" y="35339"/>
                    <a:pt x="12231" y="35364"/>
                    <a:pt x="12231" y="35364"/>
                  </a:cubicBezTo>
                  <a:cubicBezTo>
                    <a:pt x="12231" y="35414"/>
                    <a:pt x="12281" y="35589"/>
                    <a:pt x="12281" y="35640"/>
                  </a:cubicBezTo>
                  <a:cubicBezTo>
                    <a:pt x="12281" y="35740"/>
                    <a:pt x="12106" y="35915"/>
                    <a:pt x="12106" y="36041"/>
                  </a:cubicBezTo>
                  <a:lnTo>
                    <a:pt x="12106" y="36015"/>
                  </a:lnTo>
                  <a:cubicBezTo>
                    <a:pt x="12106" y="35915"/>
                    <a:pt x="12256" y="35740"/>
                    <a:pt x="12256" y="35614"/>
                  </a:cubicBezTo>
                  <a:cubicBezTo>
                    <a:pt x="12256" y="35564"/>
                    <a:pt x="12206" y="35389"/>
                    <a:pt x="12206" y="35339"/>
                  </a:cubicBezTo>
                  <a:close/>
                  <a:moveTo>
                    <a:pt x="32056" y="35665"/>
                  </a:moveTo>
                  <a:cubicBezTo>
                    <a:pt x="32081" y="35690"/>
                    <a:pt x="32106" y="35715"/>
                    <a:pt x="32131" y="35715"/>
                  </a:cubicBezTo>
                  <a:cubicBezTo>
                    <a:pt x="32181" y="35765"/>
                    <a:pt x="32457" y="35840"/>
                    <a:pt x="32557" y="35890"/>
                  </a:cubicBezTo>
                  <a:cubicBezTo>
                    <a:pt x="32732" y="35940"/>
                    <a:pt x="33008" y="36116"/>
                    <a:pt x="33133" y="36216"/>
                  </a:cubicBezTo>
                  <a:cubicBezTo>
                    <a:pt x="33133" y="36241"/>
                    <a:pt x="33133" y="36241"/>
                    <a:pt x="33133" y="36241"/>
                  </a:cubicBezTo>
                  <a:cubicBezTo>
                    <a:pt x="33033" y="36141"/>
                    <a:pt x="32757" y="35965"/>
                    <a:pt x="32582" y="35915"/>
                  </a:cubicBezTo>
                  <a:cubicBezTo>
                    <a:pt x="32482" y="35840"/>
                    <a:pt x="32181" y="35790"/>
                    <a:pt x="32131" y="35740"/>
                  </a:cubicBezTo>
                  <a:cubicBezTo>
                    <a:pt x="32106" y="35715"/>
                    <a:pt x="32081" y="35690"/>
                    <a:pt x="32056" y="35665"/>
                  </a:cubicBezTo>
                  <a:close/>
                  <a:moveTo>
                    <a:pt x="27469" y="35915"/>
                  </a:moveTo>
                  <a:cubicBezTo>
                    <a:pt x="27494" y="35940"/>
                    <a:pt x="27494" y="35940"/>
                    <a:pt x="27519" y="35965"/>
                  </a:cubicBezTo>
                  <a:cubicBezTo>
                    <a:pt x="27569" y="36066"/>
                    <a:pt x="27745" y="36141"/>
                    <a:pt x="27795" y="36191"/>
                  </a:cubicBezTo>
                  <a:cubicBezTo>
                    <a:pt x="27819" y="36207"/>
                    <a:pt x="27845" y="36227"/>
                    <a:pt x="27871" y="36251"/>
                  </a:cubicBezTo>
                  <a:lnTo>
                    <a:pt x="27871" y="36251"/>
                  </a:lnTo>
                  <a:cubicBezTo>
                    <a:pt x="27847" y="36235"/>
                    <a:pt x="27822" y="36223"/>
                    <a:pt x="27795" y="36216"/>
                  </a:cubicBezTo>
                  <a:cubicBezTo>
                    <a:pt x="27745" y="36141"/>
                    <a:pt x="27569" y="36091"/>
                    <a:pt x="27519" y="35990"/>
                  </a:cubicBezTo>
                  <a:cubicBezTo>
                    <a:pt x="27494" y="35965"/>
                    <a:pt x="27494" y="35940"/>
                    <a:pt x="27469" y="35915"/>
                  </a:cubicBezTo>
                  <a:close/>
                  <a:moveTo>
                    <a:pt x="41078" y="35840"/>
                  </a:moveTo>
                  <a:lnTo>
                    <a:pt x="41078" y="35840"/>
                  </a:lnTo>
                  <a:cubicBezTo>
                    <a:pt x="41028" y="35915"/>
                    <a:pt x="40978" y="36066"/>
                    <a:pt x="40928" y="36141"/>
                  </a:cubicBezTo>
                  <a:cubicBezTo>
                    <a:pt x="40890" y="36166"/>
                    <a:pt x="40803" y="36166"/>
                    <a:pt x="40718" y="36166"/>
                  </a:cubicBezTo>
                  <a:cubicBezTo>
                    <a:pt x="40633" y="36166"/>
                    <a:pt x="40552" y="36166"/>
                    <a:pt x="40527" y="36191"/>
                  </a:cubicBezTo>
                  <a:cubicBezTo>
                    <a:pt x="40427" y="36191"/>
                    <a:pt x="40251" y="36241"/>
                    <a:pt x="40126" y="36291"/>
                  </a:cubicBezTo>
                  <a:cubicBezTo>
                    <a:pt x="40226" y="36216"/>
                    <a:pt x="40402" y="36166"/>
                    <a:pt x="40527" y="36166"/>
                  </a:cubicBezTo>
                  <a:cubicBezTo>
                    <a:pt x="40552" y="36141"/>
                    <a:pt x="40633" y="36141"/>
                    <a:pt x="40715" y="36141"/>
                  </a:cubicBezTo>
                  <a:cubicBezTo>
                    <a:pt x="40796" y="36141"/>
                    <a:pt x="40878" y="36141"/>
                    <a:pt x="40903" y="36116"/>
                  </a:cubicBezTo>
                  <a:cubicBezTo>
                    <a:pt x="40978" y="36066"/>
                    <a:pt x="41028" y="35890"/>
                    <a:pt x="41078" y="35840"/>
                  </a:cubicBezTo>
                  <a:close/>
                  <a:moveTo>
                    <a:pt x="41831" y="36242"/>
                  </a:moveTo>
                  <a:lnTo>
                    <a:pt x="41831" y="36242"/>
                  </a:lnTo>
                  <a:cubicBezTo>
                    <a:pt x="41882" y="36292"/>
                    <a:pt x="42031" y="36391"/>
                    <a:pt x="42156" y="36391"/>
                  </a:cubicBezTo>
                  <a:cubicBezTo>
                    <a:pt x="42206" y="36442"/>
                    <a:pt x="42382" y="36442"/>
                    <a:pt x="42482" y="36442"/>
                  </a:cubicBezTo>
                  <a:cubicBezTo>
                    <a:pt x="42607" y="36442"/>
                    <a:pt x="42758" y="36442"/>
                    <a:pt x="42883" y="36517"/>
                  </a:cubicBezTo>
                  <a:cubicBezTo>
                    <a:pt x="42783" y="36467"/>
                    <a:pt x="42607" y="36467"/>
                    <a:pt x="42507" y="36467"/>
                  </a:cubicBezTo>
                  <a:cubicBezTo>
                    <a:pt x="42382" y="36467"/>
                    <a:pt x="42206" y="36467"/>
                    <a:pt x="42156" y="36416"/>
                  </a:cubicBezTo>
                  <a:cubicBezTo>
                    <a:pt x="42056" y="36416"/>
                    <a:pt x="41882" y="36292"/>
                    <a:pt x="41831" y="36242"/>
                  </a:cubicBezTo>
                  <a:close/>
                  <a:moveTo>
                    <a:pt x="40126" y="36292"/>
                  </a:moveTo>
                  <a:cubicBezTo>
                    <a:pt x="40126" y="36368"/>
                    <a:pt x="40126" y="36517"/>
                    <a:pt x="40076" y="36592"/>
                  </a:cubicBezTo>
                  <a:cubicBezTo>
                    <a:pt x="40076" y="36642"/>
                    <a:pt x="39900" y="36692"/>
                    <a:pt x="39850" y="36692"/>
                  </a:cubicBezTo>
                  <a:cubicBezTo>
                    <a:pt x="39900" y="36692"/>
                    <a:pt x="40076" y="36617"/>
                    <a:pt x="40076" y="36567"/>
                  </a:cubicBezTo>
                  <a:cubicBezTo>
                    <a:pt x="40126" y="36517"/>
                    <a:pt x="40126" y="36344"/>
                    <a:pt x="40126" y="36292"/>
                  </a:cubicBezTo>
                  <a:close/>
                  <a:moveTo>
                    <a:pt x="33384" y="36642"/>
                  </a:moveTo>
                  <a:cubicBezTo>
                    <a:pt x="33400" y="36658"/>
                    <a:pt x="33417" y="36686"/>
                    <a:pt x="33433" y="36710"/>
                  </a:cubicBezTo>
                  <a:lnTo>
                    <a:pt x="33433" y="36710"/>
                  </a:lnTo>
                  <a:cubicBezTo>
                    <a:pt x="33414" y="36692"/>
                    <a:pt x="33399" y="36672"/>
                    <a:pt x="33384" y="36642"/>
                  </a:cubicBezTo>
                  <a:close/>
                  <a:moveTo>
                    <a:pt x="42883" y="36517"/>
                  </a:moveTo>
                  <a:lnTo>
                    <a:pt x="42883" y="36517"/>
                  </a:lnTo>
                  <a:cubicBezTo>
                    <a:pt x="42933" y="36542"/>
                    <a:pt x="43008" y="36642"/>
                    <a:pt x="43083" y="36742"/>
                  </a:cubicBezTo>
                  <a:cubicBezTo>
                    <a:pt x="43008" y="36642"/>
                    <a:pt x="42933" y="36567"/>
                    <a:pt x="42883" y="36517"/>
                  </a:cubicBezTo>
                  <a:close/>
                  <a:moveTo>
                    <a:pt x="28071" y="36517"/>
                  </a:moveTo>
                  <a:lnTo>
                    <a:pt x="28071" y="36517"/>
                  </a:lnTo>
                  <a:cubicBezTo>
                    <a:pt x="28176" y="36580"/>
                    <a:pt x="28353" y="36697"/>
                    <a:pt x="28466" y="36777"/>
                  </a:cubicBezTo>
                  <a:lnTo>
                    <a:pt x="28466" y="36777"/>
                  </a:lnTo>
                  <a:cubicBezTo>
                    <a:pt x="28340" y="36705"/>
                    <a:pt x="28177" y="36582"/>
                    <a:pt x="28096" y="36542"/>
                  </a:cubicBezTo>
                  <a:cubicBezTo>
                    <a:pt x="28071" y="36542"/>
                    <a:pt x="28071" y="36542"/>
                    <a:pt x="28071" y="36517"/>
                  </a:cubicBezTo>
                  <a:close/>
                  <a:moveTo>
                    <a:pt x="35625" y="36750"/>
                  </a:moveTo>
                  <a:cubicBezTo>
                    <a:pt x="35718" y="36791"/>
                    <a:pt x="35821" y="36841"/>
                    <a:pt x="35894" y="36886"/>
                  </a:cubicBezTo>
                  <a:lnTo>
                    <a:pt x="35894" y="36886"/>
                  </a:lnTo>
                  <a:cubicBezTo>
                    <a:pt x="35811" y="36847"/>
                    <a:pt x="35709" y="36794"/>
                    <a:pt x="35625" y="36750"/>
                  </a:cubicBezTo>
                  <a:close/>
                  <a:moveTo>
                    <a:pt x="33504" y="36762"/>
                  </a:moveTo>
                  <a:cubicBezTo>
                    <a:pt x="33601" y="36794"/>
                    <a:pt x="33775" y="36800"/>
                    <a:pt x="33860" y="36843"/>
                  </a:cubicBezTo>
                  <a:cubicBezTo>
                    <a:pt x="33913" y="36874"/>
                    <a:pt x="33983" y="36932"/>
                    <a:pt x="34057" y="36988"/>
                  </a:cubicBezTo>
                  <a:lnTo>
                    <a:pt x="34057" y="36988"/>
                  </a:lnTo>
                  <a:cubicBezTo>
                    <a:pt x="33987" y="36937"/>
                    <a:pt x="33926" y="36888"/>
                    <a:pt x="33885" y="36868"/>
                  </a:cubicBezTo>
                  <a:cubicBezTo>
                    <a:pt x="33772" y="36822"/>
                    <a:pt x="33577" y="36818"/>
                    <a:pt x="33504" y="36762"/>
                  </a:cubicBezTo>
                  <a:close/>
                  <a:moveTo>
                    <a:pt x="28578" y="36838"/>
                  </a:moveTo>
                  <a:lnTo>
                    <a:pt x="28578" y="36838"/>
                  </a:lnTo>
                  <a:cubicBezTo>
                    <a:pt x="28706" y="36881"/>
                    <a:pt x="28880" y="36925"/>
                    <a:pt x="28923" y="36968"/>
                  </a:cubicBezTo>
                  <a:cubicBezTo>
                    <a:pt x="28956" y="36993"/>
                    <a:pt x="29004" y="37026"/>
                    <a:pt x="29055" y="37065"/>
                  </a:cubicBezTo>
                  <a:lnTo>
                    <a:pt x="29055" y="37065"/>
                  </a:lnTo>
                  <a:cubicBezTo>
                    <a:pt x="29008" y="37034"/>
                    <a:pt x="28962" y="37008"/>
                    <a:pt x="28923" y="36993"/>
                  </a:cubicBezTo>
                  <a:cubicBezTo>
                    <a:pt x="28877" y="36948"/>
                    <a:pt x="28688" y="36902"/>
                    <a:pt x="28578" y="36838"/>
                  </a:cubicBezTo>
                  <a:close/>
                  <a:moveTo>
                    <a:pt x="37698" y="36967"/>
                  </a:moveTo>
                  <a:cubicBezTo>
                    <a:pt x="37769" y="37001"/>
                    <a:pt x="37837" y="37034"/>
                    <a:pt x="37870" y="37068"/>
                  </a:cubicBezTo>
                  <a:cubicBezTo>
                    <a:pt x="37882" y="37080"/>
                    <a:pt x="37893" y="37091"/>
                    <a:pt x="37908" y="37103"/>
                  </a:cubicBezTo>
                  <a:lnTo>
                    <a:pt x="37908" y="37103"/>
                  </a:lnTo>
                  <a:cubicBezTo>
                    <a:pt x="37893" y="37097"/>
                    <a:pt x="37880" y="37093"/>
                    <a:pt x="37870" y="37093"/>
                  </a:cubicBezTo>
                  <a:cubicBezTo>
                    <a:pt x="37835" y="37058"/>
                    <a:pt x="37774" y="37010"/>
                    <a:pt x="37698" y="36967"/>
                  </a:cubicBezTo>
                  <a:close/>
                  <a:moveTo>
                    <a:pt x="39850" y="36692"/>
                  </a:moveTo>
                  <a:lnTo>
                    <a:pt x="39850" y="36692"/>
                  </a:lnTo>
                  <a:cubicBezTo>
                    <a:pt x="39800" y="36742"/>
                    <a:pt x="39750" y="36918"/>
                    <a:pt x="39750" y="37043"/>
                  </a:cubicBezTo>
                  <a:cubicBezTo>
                    <a:pt x="39750" y="37059"/>
                    <a:pt x="39766" y="37089"/>
                    <a:pt x="39787" y="37123"/>
                  </a:cubicBezTo>
                  <a:lnTo>
                    <a:pt x="39787" y="37123"/>
                  </a:lnTo>
                  <a:cubicBezTo>
                    <a:pt x="39753" y="37079"/>
                    <a:pt x="39725" y="37038"/>
                    <a:pt x="39725" y="37018"/>
                  </a:cubicBezTo>
                  <a:cubicBezTo>
                    <a:pt x="39725" y="36918"/>
                    <a:pt x="39775" y="36742"/>
                    <a:pt x="39850" y="36692"/>
                  </a:cubicBezTo>
                  <a:close/>
                  <a:moveTo>
                    <a:pt x="35489" y="36692"/>
                  </a:moveTo>
                  <a:cubicBezTo>
                    <a:pt x="35490" y="36692"/>
                    <a:pt x="35490" y="36693"/>
                    <a:pt x="35491" y="36693"/>
                  </a:cubicBezTo>
                  <a:lnTo>
                    <a:pt x="35491" y="36693"/>
                  </a:lnTo>
                  <a:cubicBezTo>
                    <a:pt x="35362" y="36698"/>
                    <a:pt x="35157" y="36742"/>
                    <a:pt x="35063" y="36742"/>
                  </a:cubicBezTo>
                  <a:cubicBezTo>
                    <a:pt x="35013" y="36817"/>
                    <a:pt x="34888" y="36968"/>
                    <a:pt x="34838" y="37043"/>
                  </a:cubicBezTo>
                  <a:cubicBezTo>
                    <a:pt x="34712" y="37093"/>
                    <a:pt x="34487" y="37143"/>
                    <a:pt x="34387" y="37143"/>
                  </a:cubicBezTo>
                  <a:cubicBezTo>
                    <a:pt x="34383" y="37143"/>
                    <a:pt x="34379" y="37143"/>
                    <a:pt x="34375" y="37143"/>
                  </a:cubicBezTo>
                  <a:lnTo>
                    <a:pt x="34375" y="37143"/>
                  </a:lnTo>
                  <a:cubicBezTo>
                    <a:pt x="34503" y="37138"/>
                    <a:pt x="34716" y="37066"/>
                    <a:pt x="34813" y="37018"/>
                  </a:cubicBezTo>
                  <a:cubicBezTo>
                    <a:pt x="34888" y="36968"/>
                    <a:pt x="34988" y="36792"/>
                    <a:pt x="35038" y="36742"/>
                  </a:cubicBezTo>
                  <a:cubicBezTo>
                    <a:pt x="35163" y="36742"/>
                    <a:pt x="35389" y="36692"/>
                    <a:pt x="35489" y="36692"/>
                  </a:cubicBezTo>
                  <a:close/>
                  <a:moveTo>
                    <a:pt x="43961" y="37018"/>
                  </a:moveTo>
                  <a:cubicBezTo>
                    <a:pt x="44011" y="37018"/>
                    <a:pt x="44111" y="37068"/>
                    <a:pt x="44186" y="37068"/>
                  </a:cubicBezTo>
                  <a:cubicBezTo>
                    <a:pt x="44186" y="37077"/>
                    <a:pt x="44189" y="37085"/>
                    <a:pt x="44194" y="37094"/>
                  </a:cubicBezTo>
                  <a:lnTo>
                    <a:pt x="44194" y="37094"/>
                  </a:lnTo>
                  <a:cubicBezTo>
                    <a:pt x="44192" y="37094"/>
                    <a:pt x="44189" y="37093"/>
                    <a:pt x="44186" y="37093"/>
                  </a:cubicBezTo>
                  <a:cubicBezTo>
                    <a:pt x="44136" y="37093"/>
                    <a:pt x="44011" y="37043"/>
                    <a:pt x="43961" y="37043"/>
                  </a:cubicBezTo>
                  <a:cubicBezTo>
                    <a:pt x="43910" y="37043"/>
                    <a:pt x="43785" y="37093"/>
                    <a:pt x="43735" y="37093"/>
                  </a:cubicBezTo>
                  <a:cubicBezTo>
                    <a:pt x="43685" y="37143"/>
                    <a:pt x="43685" y="37319"/>
                    <a:pt x="43635" y="37319"/>
                  </a:cubicBezTo>
                  <a:cubicBezTo>
                    <a:pt x="43613" y="37333"/>
                    <a:pt x="43584" y="37339"/>
                    <a:pt x="43552" y="37339"/>
                  </a:cubicBezTo>
                  <a:cubicBezTo>
                    <a:pt x="43474" y="37339"/>
                    <a:pt x="43372" y="37304"/>
                    <a:pt x="43284" y="37269"/>
                  </a:cubicBezTo>
                  <a:cubicBezTo>
                    <a:pt x="43284" y="37244"/>
                    <a:pt x="43284" y="37244"/>
                    <a:pt x="43284" y="37244"/>
                  </a:cubicBezTo>
                  <a:cubicBezTo>
                    <a:pt x="43372" y="37279"/>
                    <a:pt x="43474" y="37314"/>
                    <a:pt x="43543" y="37314"/>
                  </a:cubicBezTo>
                  <a:cubicBezTo>
                    <a:pt x="43572" y="37314"/>
                    <a:pt x="43595" y="37308"/>
                    <a:pt x="43610" y="37294"/>
                  </a:cubicBezTo>
                  <a:cubicBezTo>
                    <a:pt x="43660" y="37294"/>
                    <a:pt x="43660" y="37143"/>
                    <a:pt x="43735" y="37068"/>
                  </a:cubicBezTo>
                  <a:cubicBezTo>
                    <a:pt x="43785" y="37068"/>
                    <a:pt x="43885" y="37018"/>
                    <a:pt x="43961" y="37018"/>
                  </a:cubicBezTo>
                  <a:close/>
                  <a:moveTo>
                    <a:pt x="37595" y="36918"/>
                  </a:moveTo>
                  <a:cubicBezTo>
                    <a:pt x="37544" y="36918"/>
                    <a:pt x="37369" y="36968"/>
                    <a:pt x="37319" y="37043"/>
                  </a:cubicBezTo>
                  <a:cubicBezTo>
                    <a:pt x="37269" y="37093"/>
                    <a:pt x="37269" y="37319"/>
                    <a:pt x="37143" y="37369"/>
                  </a:cubicBezTo>
                  <a:cubicBezTo>
                    <a:pt x="37244" y="37294"/>
                    <a:pt x="37244" y="37068"/>
                    <a:pt x="37294" y="37018"/>
                  </a:cubicBezTo>
                  <a:cubicBezTo>
                    <a:pt x="37369" y="36968"/>
                    <a:pt x="37519" y="36918"/>
                    <a:pt x="37595" y="36918"/>
                  </a:cubicBezTo>
                  <a:close/>
                  <a:moveTo>
                    <a:pt x="36316" y="37319"/>
                  </a:moveTo>
                  <a:lnTo>
                    <a:pt x="36316" y="37319"/>
                  </a:lnTo>
                  <a:cubicBezTo>
                    <a:pt x="36367" y="37369"/>
                    <a:pt x="36417" y="37394"/>
                    <a:pt x="36467" y="37419"/>
                  </a:cubicBezTo>
                  <a:cubicBezTo>
                    <a:pt x="36417" y="37419"/>
                    <a:pt x="36367" y="37369"/>
                    <a:pt x="36316" y="37319"/>
                  </a:cubicBezTo>
                  <a:close/>
                  <a:moveTo>
                    <a:pt x="37143" y="37369"/>
                  </a:moveTo>
                  <a:lnTo>
                    <a:pt x="37143" y="37369"/>
                  </a:lnTo>
                  <a:cubicBezTo>
                    <a:pt x="37093" y="37419"/>
                    <a:pt x="36968" y="37544"/>
                    <a:pt x="36868" y="37544"/>
                  </a:cubicBezTo>
                  <a:cubicBezTo>
                    <a:pt x="36818" y="37544"/>
                    <a:pt x="36592" y="37494"/>
                    <a:pt x="36467" y="37419"/>
                  </a:cubicBezTo>
                  <a:lnTo>
                    <a:pt x="36467" y="37419"/>
                  </a:lnTo>
                  <a:cubicBezTo>
                    <a:pt x="36567" y="37469"/>
                    <a:pt x="36793" y="37519"/>
                    <a:pt x="36843" y="37519"/>
                  </a:cubicBezTo>
                  <a:cubicBezTo>
                    <a:pt x="36968" y="37519"/>
                    <a:pt x="37068" y="37419"/>
                    <a:pt x="37143" y="37369"/>
                  </a:cubicBezTo>
                  <a:close/>
                  <a:moveTo>
                    <a:pt x="39899" y="37309"/>
                  </a:moveTo>
                  <a:cubicBezTo>
                    <a:pt x="39900" y="37312"/>
                    <a:pt x="39900" y="37316"/>
                    <a:pt x="39900" y="37319"/>
                  </a:cubicBezTo>
                  <a:cubicBezTo>
                    <a:pt x="39900" y="37369"/>
                    <a:pt x="39800" y="37544"/>
                    <a:pt x="39750" y="37544"/>
                  </a:cubicBezTo>
                  <a:cubicBezTo>
                    <a:pt x="39725" y="37554"/>
                    <a:pt x="39698" y="37558"/>
                    <a:pt x="39670" y="37558"/>
                  </a:cubicBezTo>
                  <a:cubicBezTo>
                    <a:pt x="39557" y="37558"/>
                    <a:pt x="39429" y="37494"/>
                    <a:pt x="39349" y="37494"/>
                  </a:cubicBezTo>
                  <a:lnTo>
                    <a:pt x="38898" y="37494"/>
                  </a:lnTo>
                  <a:cubicBezTo>
                    <a:pt x="38773" y="37494"/>
                    <a:pt x="38622" y="37544"/>
                    <a:pt x="38497" y="37544"/>
                  </a:cubicBezTo>
                  <a:cubicBezTo>
                    <a:pt x="38432" y="37544"/>
                    <a:pt x="38337" y="37492"/>
                    <a:pt x="38263" y="37442"/>
                  </a:cubicBezTo>
                  <a:lnTo>
                    <a:pt x="38263" y="37442"/>
                  </a:lnTo>
                  <a:cubicBezTo>
                    <a:pt x="38335" y="37482"/>
                    <a:pt x="38421" y="37519"/>
                    <a:pt x="38497" y="37519"/>
                  </a:cubicBezTo>
                  <a:cubicBezTo>
                    <a:pt x="38597" y="37519"/>
                    <a:pt x="38773" y="37469"/>
                    <a:pt x="38873" y="37469"/>
                  </a:cubicBezTo>
                  <a:lnTo>
                    <a:pt x="39324" y="37469"/>
                  </a:lnTo>
                  <a:cubicBezTo>
                    <a:pt x="39420" y="37469"/>
                    <a:pt x="39546" y="37543"/>
                    <a:pt x="39645" y="37543"/>
                  </a:cubicBezTo>
                  <a:cubicBezTo>
                    <a:pt x="39675" y="37543"/>
                    <a:pt x="39702" y="37537"/>
                    <a:pt x="39725" y="37519"/>
                  </a:cubicBezTo>
                  <a:cubicBezTo>
                    <a:pt x="39772" y="37519"/>
                    <a:pt x="39885" y="37387"/>
                    <a:pt x="39899" y="37309"/>
                  </a:cubicBezTo>
                  <a:close/>
                  <a:moveTo>
                    <a:pt x="12143" y="36539"/>
                  </a:moveTo>
                  <a:cubicBezTo>
                    <a:pt x="12145" y="36628"/>
                    <a:pt x="12132" y="36715"/>
                    <a:pt x="12106" y="36767"/>
                  </a:cubicBezTo>
                  <a:cubicBezTo>
                    <a:pt x="12056" y="36893"/>
                    <a:pt x="11830" y="36893"/>
                    <a:pt x="11780" y="36943"/>
                  </a:cubicBezTo>
                  <a:cubicBezTo>
                    <a:pt x="11655" y="37043"/>
                    <a:pt x="11429" y="37168"/>
                    <a:pt x="11329" y="37269"/>
                  </a:cubicBezTo>
                  <a:cubicBezTo>
                    <a:pt x="11254" y="37344"/>
                    <a:pt x="11254" y="37494"/>
                    <a:pt x="11203" y="37569"/>
                  </a:cubicBezTo>
                  <a:cubicBezTo>
                    <a:pt x="11103" y="37619"/>
                    <a:pt x="10878" y="37619"/>
                    <a:pt x="10752" y="37619"/>
                  </a:cubicBezTo>
                  <a:cubicBezTo>
                    <a:pt x="10667" y="37619"/>
                    <a:pt x="10491" y="37529"/>
                    <a:pt x="10332" y="37502"/>
                  </a:cubicBezTo>
                  <a:lnTo>
                    <a:pt x="10332" y="37502"/>
                  </a:lnTo>
                  <a:cubicBezTo>
                    <a:pt x="10474" y="37525"/>
                    <a:pt x="10648" y="37594"/>
                    <a:pt x="10752" y="37594"/>
                  </a:cubicBezTo>
                  <a:cubicBezTo>
                    <a:pt x="10853" y="37594"/>
                    <a:pt x="11078" y="37594"/>
                    <a:pt x="11203" y="37544"/>
                  </a:cubicBezTo>
                  <a:cubicBezTo>
                    <a:pt x="11254" y="37494"/>
                    <a:pt x="11254" y="37319"/>
                    <a:pt x="11304" y="37269"/>
                  </a:cubicBezTo>
                  <a:cubicBezTo>
                    <a:pt x="11429" y="37143"/>
                    <a:pt x="11655" y="37043"/>
                    <a:pt x="11755" y="36918"/>
                  </a:cubicBezTo>
                  <a:cubicBezTo>
                    <a:pt x="11830" y="36868"/>
                    <a:pt x="12056" y="36868"/>
                    <a:pt x="12106" y="36742"/>
                  </a:cubicBezTo>
                  <a:cubicBezTo>
                    <a:pt x="12130" y="36695"/>
                    <a:pt x="12142" y="36619"/>
                    <a:pt x="12143" y="36539"/>
                  </a:cubicBezTo>
                  <a:close/>
                  <a:moveTo>
                    <a:pt x="9624" y="37193"/>
                  </a:moveTo>
                  <a:cubicBezTo>
                    <a:pt x="9701" y="37193"/>
                    <a:pt x="9791" y="37323"/>
                    <a:pt x="9874" y="37419"/>
                  </a:cubicBezTo>
                  <a:lnTo>
                    <a:pt x="9874" y="37419"/>
                  </a:lnTo>
                  <a:cubicBezTo>
                    <a:pt x="9791" y="37335"/>
                    <a:pt x="9714" y="37218"/>
                    <a:pt x="9624" y="37218"/>
                  </a:cubicBezTo>
                  <a:cubicBezTo>
                    <a:pt x="9524" y="37218"/>
                    <a:pt x="9349" y="37394"/>
                    <a:pt x="9299" y="37444"/>
                  </a:cubicBezTo>
                  <a:cubicBezTo>
                    <a:pt x="9223" y="37569"/>
                    <a:pt x="9223" y="37720"/>
                    <a:pt x="9173" y="37795"/>
                  </a:cubicBezTo>
                  <a:cubicBezTo>
                    <a:pt x="9102" y="37830"/>
                    <a:pt x="8994" y="37866"/>
                    <a:pt x="8919" y="37866"/>
                  </a:cubicBezTo>
                  <a:cubicBezTo>
                    <a:pt x="8888" y="37866"/>
                    <a:pt x="8862" y="37860"/>
                    <a:pt x="8848" y="37845"/>
                  </a:cubicBezTo>
                  <a:cubicBezTo>
                    <a:pt x="8772" y="37845"/>
                    <a:pt x="8722" y="37795"/>
                    <a:pt x="8672" y="37720"/>
                  </a:cubicBezTo>
                  <a:lnTo>
                    <a:pt x="8672" y="37720"/>
                  </a:lnTo>
                  <a:cubicBezTo>
                    <a:pt x="8722" y="37770"/>
                    <a:pt x="8772" y="37820"/>
                    <a:pt x="8822" y="37820"/>
                  </a:cubicBezTo>
                  <a:cubicBezTo>
                    <a:pt x="8845" y="37835"/>
                    <a:pt x="8873" y="37841"/>
                    <a:pt x="8905" y="37841"/>
                  </a:cubicBezTo>
                  <a:cubicBezTo>
                    <a:pt x="8984" y="37841"/>
                    <a:pt x="9085" y="37805"/>
                    <a:pt x="9173" y="37770"/>
                  </a:cubicBezTo>
                  <a:cubicBezTo>
                    <a:pt x="9223" y="37720"/>
                    <a:pt x="9223" y="37544"/>
                    <a:pt x="9274" y="37419"/>
                  </a:cubicBezTo>
                  <a:cubicBezTo>
                    <a:pt x="9349" y="37369"/>
                    <a:pt x="9499" y="37193"/>
                    <a:pt x="9624" y="37193"/>
                  </a:cubicBezTo>
                  <a:close/>
                  <a:moveTo>
                    <a:pt x="50711" y="38377"/>
                  </a:moveTo>
                  <a:cubicBezTo>
                    <a:pt x="50766" y="38377"/>
                    <a:pt x="50811" y="38388"/>
                    <a:pt x="50828" y="38421"/>
                  </a:cubicBezTo>
                  <a:cubicBezTo>
                    <a:pt x="50878" y="38547"/>
                    <a:pt x="50702" y="38722"/>
                    <a:pt x="50702" y="38822"/>
                  </a:cubicBezTo>
                  <a:cubicBezTo>
                    <a:pt x="50702" y="38873"/>
                    <a:pt x="50778" y="38948"/>
                    <a:pt x="50828" y="38998"/>
                  </a:cubicBezTo>
                  <a:cubicBezTo>
                    <a:pt x="50828" y="38998"/>
                    <a:pt x="50878" y="38998"/>
                    <a:pt x="50878" y="39048"/>
                  </a:cubicBezTo>
                  <a:cubicBezTo>
                    <a:pt x="50878" y="39023"/>
                    <a:pt x="50853" y="39023"/>
                    <a:pt x="50853" y="39023"/>
                  </a:cubicBezTo>
                  <a:lnTo>
                    <a:pt x="50853" y="39148"/>
                  </a:lnTo>
                  <a:cubicBezTo>
                    <a:pt x="50803" y="39198"/>
                    <a:pt x="50677" y="39249"/>
                    <a:pt x="50677" y="39324"/>
                  </a:cubicBezTo>
                  <a:cubicBezTo>
                    <a:pt x="50677" y="39374"/>
                    <a:pt x="50677" y="39474"/>
                    <a:pt x="50627" y="39474"/>
                  </a:cubicBezTo>
                  <a:cubicBezTo>
                    <a:pt x="50611" y="39499"/>
                    <a:pt x="50580" y="39508"/>
                    <a:pt x="50545" y="39508"/>
                  </a:cubicBezTo>
                  <a:cubicBezTo>
                    <a:pt x="50474" y="39508"/>
                    <a:pt x="50385" y="39474"/>
                    <a:pt x="50352" y="39474"/>
                  </a:cubicBezTo>
                  <a:cubicBezTo>
                    <a:pt x="50226" y="39474"/>
                    <a:pt x="50126" y="39374"/>
                    <a:pt x="50076" y="39324"/>
                  </a:cubicBezTo>
                  <a:cubicBezTo>
                    <a:pt x="50001" y="39324"/>
                    <a:pt x="49900" y="39324"/>
                    <a:pt x="49850" y="39249"/>
                  </a:cubicBezTo>
                  <a:cubicBezTo>
                    <a:pt x="49775" y="39249"/>
                    <a:pt x="49725" y="39198"/>
                    <a:pt x="49725" y="39148"/>
                  </a:cubicBezTo>
                  <a:cubicBezTo>
                    <a:pt x="49675" y="39098"/>
                    <a:pt x="49775" y="39023"/>
                    <a:pt x="49775" y="38973"/>
                  </a:cubicBezTo>
                  <a:lnTo>
                    <a:pt x="49775" y="38873"/>
                  </a:lnTo>
                  <a:cubicBezTo>
                    <a:pt x="49675" y="38923"/>
                    <a:pt x="49399" y="38973"/>
                    <a:pt x="49274" y="38973"/>
                  </a:cubicBezTo>
                  <a:cubicBezTo>
                    <a:pt x="49191" y="38973"/>
                    <a:pt x="49092" y="38854"/>
                    <a:pt x="49031" y="38854"/>
                  </a:cubicBezTo>
                  <a:cubicBezTo>
                    <a:pt x="49018" y="38854"/>
                    <a:pt x="49007" y="38859"/>
                    <a:pt x="48998" y="38873"/>
                  </a:cubicBezTo>
                  <a:cubicBezTo>
                    <a:pt x="48948" y="38923"/>
                    <a:pt x="48998" y="39098"/>
                    <a:pt x="48948" y="39148"/>
                  </a:cubicBezTo>
                  <a:cubicBezTo>
                    <a:pt x="48948" y="39198"/>
                    <a:pt x="48898" y="39374"/>
                    <a:pt x="48823" y="39424"/>
                  </a:cubicBezTo>
                  <a:cubicBezTo>
                    <a:pt x="48798" y="39449"/>
                    <a:pt x="48729" y="39462"/>
                    <a:pt x="48660" y="39462"/>
                  </a:cubicBezTo>
                  <a:cubicBezTo>
                    <a:pt x="48591" y="39462"/>
                    <a:pt x="48522" y="39449"/>
                    <a:pt x="48497" y="39424"/>
                  </a:cubicBezTo>
                  <a:cubicBezTo>
                    <a:pt x="48497" y="39424"/>
                    <a:pt x="48497" y="39417"/>
                    <a:pt x="48493" y="39411"/>
                  </a:cubicBezTo>
                  <a:lnTo>
                    <a:pt x="48493" y="39411"/>
                  </a:lnTo>
                  <a:cubicBezTo>
                    <a:pt x="48532" y="39428"/>
                    <a:pt x="48589" y="39437"/>
                    <a:pt x="48644" y="39437"/>
                  </a:cubicBezTo>
                  <a:cubicBezTo>
                    <a:pt x="48710" y="39437"/>
                    <a:pt x="48773" y="39424"/>
                    <a:pt x="48798" y="39399"/>
                  </a:cubicBezTo>
                  <a:cubicBezTo>
                    <a:pt x="48848" y="39324"/>
                    <a:pt x="48923" y="39173"/>
                    <a:pt x="48923" y="39098"/>
                  </a:cubicBezTo>
                  <a:cubicBezTo>
                    <a:pt x="48973" y="39048"/>
                    <a:pt x="48923" y="38873"/>
                    <a:pt x="48973" y="38822"/>
                  </a:cubicBezTo>
                  <a:cubicBezTo>
                    <a:pt x="48979" y="38816"/>
                    <a:pt x="48987" y="38813"/>
                    <a:pt x="48995" y="38813"/>
                  </a:cubicBezTo>
                  <a:cubicBezTo>
                    <a:pt x="49054" y="38813"/>
                    <a:pt x="49161" y="38948"/>
                    <a:pt x="49249" y="38948"/>
                  </a:cubicBezTo>
                  <a:cubicBezTo>
                    <a:pt x="49374" y="38948"/>
                    <a:pt x="49650" y="38873"/>
                    <a:pt x="49750" y="38822"/>
                  </a:cubicBezTo>
                  <a:lnTo>
                    <a:pt x="49800" y="38822"/>
                  </a:lnTo>
                  <a:cubicBezTo>
                    <a:pt x="49875" y="38772"/>
                    <a:pt x="49976" y="38597"/>
                    <a:pt x="50026" y="38547"/>
                  </a:cubicBezTo>
                  <a:cubicBezTo>
                    <a:pt x="50101" y="38497"/>
                    <a:pt x="50251" y="38421"/>
                    <a:pt x="50377" y="38421"/>
                  </a:cubicBezTo>
                  <a:cubicBezTo>
                    <a:pt x="50443" y="38421"/>
                    <a:pt x="50599" y="38377"/>
                    <a:pt x="50711" y="38377"/>
                  </a:cubicBezTo>
                  <a:close/>
                  <a:moveTo>
                    <a:pt x="51003" y="39349"/>
                  </a:moveTo>
                  <a:cubicBezTo>
                    <a:pt x="51128" y="39449"/>
                    <a:pt x="51404" y="39399"/>
                    <a:pt x="51454" y="39499"/>
                  </a:cubicBezTo>
                  <a:cubicBezTo>
                    <a:pt x="51454" y="39499"/>
                    <a:pt x="51454" y="39524"/>
                    <a:pt x="51454" y="39524"/>
                  </a:cubicBezTo>
                  <a:cubicBezTo>
                    <a:pt x="51404" y="39424"/>
                    <a:pt x="51128" y="39474"/>
                    <a:pt x="51028" y="39374"/>
                  </a:cubicBezTo>
                  <a:cubicBezTo>
                    <a:pt x="51003" y="39374"/>
                    <a:pt x="51003" y="39349"/>
                    <a:pt x="51003" y="39349"/>
                  </a:cubicBezTo>
                  <a:close/>
                  <a:moveTo>
                    <a:pt x="53075" y="38951"/>
                  </a:moveTo>
                  <a:cubicBezTo>
                    <a:pt x="53106" y="39066"/>
                    <a:pt x="53138" y="39189"/>
                    <a:pt x="53108" y="39249"/>
                  </a:cubicBezTo>
                  <a:cubicBezTo>
                    <a:pt x="53108" y="39374"/>
                    <a:pt x="53033" y="39599"/>
                    <a:pt x="52983" y="39650"/>
                  </a:cubicBezTo>
                  <a:cubicBezTo>
                    <a:pt x="52883" y="39775"/>
                    <a:pt x="52657" y="39825"/>
                    <a:pt x="52532" y="39875"/>
                  </a:cubicBezTo>
                  <a:cubicBezTo>
                    <a:pt x="52482" y="39925"/>
                    <a:pt x="52432" y="40151"/>
                    <a:pt x="52382" y="40201"/>
                  </a:cubicBezTo>
                  <a:cubicBezTo>
                    <a:pt x="52256" y="40276"/>
                    <a:pt x="52081" y="40502"/>
                    <a:pt x="51930" y="40502"/>
                  </a:cubicBezTo>
                  <a:cubicBezTo>
                    <a:pt x="51830" y="40502"/>
                    <a:pt x="51655" y="40351"/>
                    <a:pt x="51580" y="40226"/>
                  </a:cubicBezTo>
                  <a:lnTo>
                    <a:pt x="51580" y="40226"/>
                  </a:lnTo>
                  <a:cubicBezTo>
                    <a:pt x="51680" y="40351"/>
                    <a:pt x="51805" y="40452"/>
                    <a:pt x="51905" y="40452"/>
                  </a:cubicBezTo>
                  <a:cubicBezTo>
                    <a:pt x="52056" y="40452"/>
                    <a:pt x="52231" y="40226"/>
                    <a:pt x="52357" y="40176"/>
                  </a:cubicBezTo>
                  <a:cubicBezTo>
                    <a:pt x="52407" y="40126"/>
                    <a:pt x="52457" y="39900"/>
                    <a:pt x="52507" y="39850"/>
                  </a:cubicBezTo>
                  <a:cubicBezTo>
                    <a:pt x="52632" y="39775"/>
                    <a:pt x="52858" y="39725"/>
                    <a:pt x="52958" y="39625"/>
                  </a:cubicBezTo>
                  <a:cubicBezTo>
                    <a:pt x="53033" y="39549"/>
                    <a:pt x="53083" y="39324"/>
                    <a:pt x="53083" y="39224"/>
                  </a:cubicBezTo>
                  <a:cubicBezTo>
                    <a:pt x="53110" y="39158"/>
                    <a:pt x="53095" y="39052"/>
                    <a:pt x="53075" y="38951"/>
                  </a:cubicBezTo>
                  <a:close/>
                  <a:moveTo>
                    <a:pt x="48171" y="38873"/>
                  </a:moveTo>
                  <a:cubicBezTo>
                    <a:pt x="48221" y="38873"/>
                    <a:pt x="48260" y="38906"/>
                    <a:pt x="48295" y="38942"/>
                  </a:cubicBezTo>
                  <a:lnTo>
                    <a:pt x="48295" y="38942"/>
                  </a:lnTo>
                  <a:cubicBezTo>
                    <a:pt x="48272" y="38929"/>
                    <a:pt x="48247" y="38923"/>
                    <a:pt x="48221" y="38923"/>
                  </a:cubicBezTo>
                  <a:cubicBezTo>
                    <a:pt x="48146" y="38923"/>
                    <a:pt x="48046" y="39098"/>
                    <a:pt x="47996" y="39148"/>
                  </a:cubicBezTo>
                  <a:cubicBezTo>
                    <a:pt x="47920" y="39324"/>
                    <a:pt x="47870" y="39549"/>
                    <a:pt x="47870" y="39650"/>
                  </a:cubicBezTo>
                  <a:cubicBezTo>
                    <a:pt x="47870" y="39775"/>
                    <a:pt x="47996" y="39975"/>
                    <a:pt x="47996" y="40101"/>
                  </a:cubicBezTo>
                  <a:cubicBezTo>
                    <a:pt x="48046" y="40201"/>
                    <a:pt x="47996" y="40376"/>
                    <a:pt x="47996" y="40502"/>
                  </a:cubicBezTo>
                  <a:cubicBezTo>
                    <a:pt x="47920" y="40602"/>
                    <a:pt x="47820" y="40777"/>
                    <a:pt x="47820" y="40878"/>
                  </a:cubicBezTo>
                  <a:cubicBezTo>
                    <a:pt x="47770" y="40953"/>
                    <a:pt x="47770" y="41103"/>
                    <a:pt x="47770" y="41203"/>
                  </a:cubicBezTo>
                  <a:lnTo>
                    <a:pt x="47745" y="41203"/>
                  </a:lnTo>
                  <a:cubicBezTo>
                    <a:pt x="47745" y="41178"/>
                    <a:pt x="47720" y="41178"/>
                    <a:pt x="47720" y="41178"/>
                  </a:cubicBezTo>
                  <a:cubicBezTo>
                    <a:pt x="47720" y="41078"/>
                    <a:pt x="47720" y="40903"/>
                    <a:pt x="47795" y="40853"/>
                  </a:cubicBezTo>
                  <a:cubicBezTo>
                    <a:pt x="47795" y="40752"/>
                    <a:pt x="47895" y="40577"/>
                    <a:pt x="47946" y="40452"/>
                  </a:cubicBezTo>
                  <a:cubicBezTo>
                    <a:pt x="47946" y="40351"/>
                    <a:pt x="48021" y="40176"/>
                    <a:pt x="47946" y="40076"/>
                  </a:cubicBezTo>
                  <a:cubicBezTo>
                    <a:pt x="47946" y="39950"/>
                    <a:pt x="47845" y="39725"/>
                    <a:pt x="47845" y="39625"/>
                  </a:cubicBezTo>
                  <a:cubicBezTo>
                    <a:pt x="47845" y="39499"/>
                    <a:pt x="47895" y="39274"/>
                    <a:pt x="47946" y="39098"/>
                  </a:cubicBezTo>
                  <a:cubicBezTo>
                    <a:pt x="48021" y="39048"/>
                    <a:pt x="48121" y="38873"/>
                    <a:pt x="48171" y="38873"/>
                  </a:cubicBezTo>
                  <a:close/>
                  <a:moveTo>
                    <a:pt x="47570" y="41153"/>
                  </a:moveTo>
                  <a:cubicBezTo>
                    <a:pt x="47519" y="41153"/>
                    <a:pt x="47444" y="41304"/>
                    <a:pt x="47394" y="41304"/>
                  </a:cubicBezTo>
                  <a:cubicBezTo>
                    <a:pt x="47444" y="41304"/>
                    <a:pt x="47494" y="41153"/>
                    <a:pt x="47570" y="41153"/>
                  </a:cubicBezTo>
                  <a:close/>
                  <a:moveTo>
                    <a:pt x="49123" y="41329"/>
                  </a:moveTo>
                  <a:cubicBezTo>
                    <a:pt x="49123" y="41354"/>
                    <a:pt x="49123" y="41354"/>
                    <a:pt x="49123" y="41354"/>
                  </a:cubicBezTo>
                  <a:cubicBezTo>
                    <a:pt x="49123" y="41354"/>
                    <a:pt x="49098" y="41354"/>
                    <a:pt x="49098" y="41329"/>
                  </a:cubicBezTo>
                  <a:close/>
                  <a:moveTo>
                    <a:pt x="49374" y="41604"/>
                  </a:moveTo>
                  <a:lnTo>
                    <a:pt x="49374" y="41604"/>
                  </a:lnTo>
                  <a:cubicBezTo>
                    <a:pt x="49424" y="41655"/>
                    <a:pt x="49449" y="41730"/>
                    <a:pt x="49449" y="41780"/>
                  </a:cubicBezTo>
                  <a:cubicBezTo>
                    <a:pt x="49449" y="41830"/>
                    <a:pt x="49399" y="41905"/>
                    <a:pt x="49349" y="41905"/>
                  </a:cubicBezTo>
                  <a:cubicBezTo>
                    <a:pt x="49349" y="41955"/>
                    <a:pt x="49224" y="42005"/>
                    <a:pt x="49174" y="42005"/>
                  </a:cubicBezTo>
                  <a:cubicBezTo>
                    <a:pt x="49174" y="42131"/>
                    <a:pt x="49123" y="42281"/>
                    <a:pt x="49048" y="42281"/>
                  </a:cubicBezTo>
                  <a:cubicBezTo>
                    <a:pt x="48998" y="42406"/>
                    <a:pt x="48722" y="42406"/>
                    <a:pt x="48722" y="42406"/>
                  </a:cubicBezTo>
                  <a:cubicBezTo>
                    <a:pt x="48722" y="42406"/>
                    <a:pt x="48597" y="42632"/>
                    <a:pt x="48597" y="42682"/>
                  </a:cubicBezTo>
                  <a:cubicBezTo>
                    <a:pt x="48597" y="42807"/>
                    <a:pt x="48722" y="42908"/>
                    <a:pt x="48722" y="43033"/>
                  </a:cubicBezTo>
                  <a:cubicBezTo>
                    <a:pt x="48722" y="43058"/>
                    <a:pt x="48722" y="43108"/>
                    <a:pt x="48697" y="43158"/>
                  </a:cubicBezTo>
                  <a:lnTo>
                    <a:pt x="48647" y="43158"/>
                  </a:lnTo>
                  <a:cubicBezTo>
                    <a:pt x="48697" y="43108"/>
                    <a:pt x="48697" y="43058"/>
                    <a:pt x="48697" y="42983"/>
                  </a:cubicBezTo>
                  <a:cubicBezTo>
                    <a:pt x="48697" y="42883"/>
                    <a:pt x="48572" y="42757"/>
                    <a:pt x="48572" y="42657"/>
                  </a:cubicBezTo>
                  <a:cubicBezTo>
                    <a:pt x="48572" y="42607"/>
                    <a:pt x="48697" y="42381"/>
                    <a:pt x="48697" y="42381"/>
                  </a:cubicBezTo>
                  <a:cubicBezTo>
                    <a:pt x="48697" y="42381"/>
                    <a:pt x="48973" y="42381"/>
                    <a:pt x="49023" y="42256"/>
                  </a:cubicBezTo>
                  <a:cubicBezTo>
                    <a:pt x="49098" y="42256"/>
                    <a:pt x="49149" y="42106"/>
                    <a:pt x="49149" y="41980"/>
                  </a:cubicBezTo>
                  <a:cubicBezTo>
                    <a:pt x="49199" y="41980"/>
                    <a:pt x="49324" y="41930"/>
                    <a:pt x="49324" y="41880"/>
                  </a:cubicBezTo>
                  <a:cubicBezTo>
                    <a:pt x="49374" y="41880"/>
                    <a:pt x="49424" y="41805"/>
                    <a:pt x="49424" y="41755"/>
                  </a:cubicBezTo>
                  <a:cubicBezTo>
                    <a:pt x="49424" y="41705"/>
                    <a:pt x="49399" y="41655"/>
                    <a:pt x="49374" y="41604"/>
                  </a:cubicBezTo>
                  <a:close/>
                  <a:moveTo>
                    <a:pt x="49951" y="43083"/>
                  </a:moveTo>
                  <a:lnTo>
                    <a:pt x="49951" y="43083"/>
                  </a:lnTo>
                  <a:cubicBezTo>
                    <a:pt x="50001" y="43133"/>
                    <a:pt x="50076" y="43309"/>
                    <a:pt x="50001" y="43409"/>
                  </a:cubicBezTo>
                  <a:cubicBezTo>
                    <a:pt x="50001" y="43459"/>
                    <a:pt x="49900" y="43534"/>
                    <a:pt x="49900" y="43584"/>
                  </a:cubicBezTo>
                  <a:cubicBezTo>
                    <a:pt x="49850" y="43635"/>
                    <a:pt x="49725" y="43810"/>
                    <a:pt x="49775" y="43910"/>
                  </a:cubicBezTo>
                  <a:cubicBezTo>
                    <a:pt x="49775" y="43960"/>
                    <a:pt x="49825" y="44036"/>
                    <a:pt x="49875" y="44086"/>
                  </a:cubicBezTo>
                  <a:cubicBezTo>
                    <a:pt x="49800" y="44010"/>
                    <a:pt x="49750" y="43935"/>
                    <a:pt x="49750" y="43885"/>
                  </a:cubicBezTo>
                  <a:cubicBezTo>
                    <a:pt x="49700" y="43785"/>
                    <a:pt x="49825" y="43609"/>
                    <a:pt x="49875" y="43559"/>
                  </a:cubicBezTo>
                  <a:cubicBezTo>
                    <a:pt x="49875" y="43484"/>
                    <a:pt x="49976" y="43434"/>
                    <a:pt x="49976" y="43384"/>
                  </a:cubicBezTo>
                  <a:cubicBezTo>
                    <a:pt x="50026" y="43284"/>
                    <a:pt x="50001" y="43158"/>
                    <a:pt x="49951" y="43083"/>
                  </a:cubicBezTo>
                  <a:close/>
                  <a:moveTo>
                    <a:pt x="51179" y="43860"/>
                  </a:moveTo>
                  <a:lnTo>
                    <a:pt x="51179" y="43860"/>
                  </a:lnTo>
                  <a:cubicBezTo>
                    <a:pt x="51254" y="43910"/>
                    <a:pt x="51304" y="44111"/>
                    <a:pt x="51354" y="44236"/>
                  </a:cubicBezTo>
                  <a:lnTo>
                    <a:pt x="51329" y="44236"/>
                  </a:lnTo>
                  <a:cubicBezTo>
                    <a:pt x="51279" y="44136"/>
                    <a:pt x="51229" y="43935"/>
                    <a:pt x="51179" y="43860"/>
                  </a:cubicBezTo>
                  <a:close/>
                  <a:moveTo>
                    <a:pt x="51905" y="44637"/>
                  </a:moveTo>
                  <a:cubicBezTo>
                    <a:pt x="51981" y="44737"/>
                    <a:pt x="52031" y="44913"/>
                    <a:pt x="52081" y="45013"/>
                  </a:cubicBezTo>
                  <a:lnTo>
                    <a:pt x="52056" y="45013"/>
                  </a:lnTo>
                  <a:cubicBezTo>
                    <a:pt x="52031" y="44938"/>
                    <a:pt x="51981" y="44762"/>
                    <a:pt x="51905" y="44637"/>
                  </a:cubicBezTo>
                  <a:close/>
                  <a:moveTo>
                    <a:pt x="53506" y="44958"/>
                  </a:moveTo>
                  <a:cubicBezTo>
                    <a:pt x="53560" y="45025"/>
                    <a:pt x="53560" y="45169"/>
                    <a:pt x="53560" y="45214"/>
                  </a:cubicBezTo>
                  <a:cubicBezTo>
                    <a:pt x="53560" y="45314"/>
                    <a:pt x="53384" y="45439"/>
                    <a:pt x="53384" y="45539"/>
                  </a:cubicBezTo>
                  <a:cubicBezTo>
                    <a:pt x="53334" y="45615"/>
                    <a:pt x="53284" y="45715"/>
                    <a:pt x="53259" y="45765"/>
                  </a:cubicBezTo>
                  <a:cubicBezTo>
                    <a:pt x="53259" y="45765"/>
                    <a:pt x="53259" y="45765"/>
                    <a:pt x="53259" y="45740"/>
                  </a:cubicBezTo>
                  <a:cubicBezTo>
                    <a:pt x="53259" y="45690"/>
                    <a:pt x="53309" y="45589"/>
                    <a:pt x="53359" y="45514"/>
                  </a:cubicBezTo>
                  <a:cubicBezTo>
                    <a:pt x="53359" y="45414"/>
                    <a:pt x="53535" y="45289"/>
                    <a:pt x="53535" y="45188"/>
                  </a:cubicBezTo>
                  <a:cubicBezTo>
                    <a:pt x="53535" y="45147"/>
                    <a:pt x="53535" y="45038"/>
                    <a:pt x="53506" y="44958"/>
                  </a:cubicBezTo>
                  <a:close/>
                  <a:moveTo>
                    <a:pt x="53394" y="45914"/>
                  </a:moveTo>
                  <a:cubicBezTo>
                    <a:pt x="53421" y="45940"/>
                    <a:pt x="53434" y="45972"/>
                    <a:pt x="53434" y="45990"/>
                  </a:cubicBezTo>
                  <a:cubicBezTo>
                    <a:pt x="53434" y="45990"/>
                    <a:pt x="53434" y="45990"/>
                    <a:pt x="53409" y="45965"/>
                  </a:cubicBezTo>
                  <a:cubicBezTo>
                    <a:pt x="53409" y="45948"/>
                    <a:pt x="53409" y="45931"/>
                    <a:pt x="53394" y="45914"/>
                  </a:cubicBezTo>
                  <a:close/>
                  <a:moveTo>
                    <a:pt x="53589" y="46205"/>
                  </a:moveTo>
                  <a:cubicBezTo>
                    <a:pt x="53596" y="46216"/>
                    <a:pt x="53610" y="46216"/>
                    <a:pt x="53610" y="46216"/>
                  </a:cubicBezTo>
                  <a:cubicBezTo>
                    <a:pt x="53660" y="46391"/>
                    <a:pt x="53660" y="46792"/>
                    <a:pt x="53710" y="46943"/>
                  </a:cubicBezTo>
                  <a:cubicBezTo>
                    <a:pt x="53637" y="46772"/>
                    <a:pt x="53635" y="46388"/>
                    <a:pt x="53589" y="46205"/>
                  </a:cubicBezTo>
                  <a:close/>
                  <a:moveTo>
                    <a:pt x="53735" y="47043"/>
                  </a:moveTo>
                  <a:cubicBezTo>
                    <a:pt x="53771" y="47120"/>
                    <a:pt x="53839" y="47192"/>
                    <a:pt x="53877" y="47274"/>
                  </a:cubicBezTo>
                  <a:lnTo>
                    <a:pt x="53877" y="47274"/>
                  </a:lnTo>
                  <a:cubicBezTo>
                    <a:pt x="53870" y="47269"/>
                    <a:pt x="53860" y="47269"/>
                    <a:pt x="53860" y="47269"/>
                  </a:cubicBezTo>
                  <a:cubicBezTo>
                    <a:pt x="53826" y="47200"/>
                    <a:pt x="53768" y="47119"/>
                    <a:pt x="53735" y="47043"/>
                  </a:cubicBezTo>
                  <a:close/>
                  <a:moveTo>
                    <a:pt x="54337" y="47645"/>
                  </a:moveTo>
                  <a:lnTo>
                    <a:pt x="54337" y="47645"/>
                  </a:lnTo>
                  <a:cubicBezTo>
                    <a:pt x="54401" y="47709"/>
                    <a:pt x="54428" y="47773"/>
                    <a:pt x="54435" y="47822"/>
                  </a:cubicBezTo>
                  <a:lnTo>
                    <a:pt x="54435" y="47822"/>
                  </a:lnTo>
                  <a:cubicBezTo>
                    <a:pt x="54426" y="47759"/>
                    <a:pt x="54381" y="47712"/>
                    <a:pt x="54337" y="47645"/>
                  </a:cubicBezTo>
                  <a:close/>
                  <a:moveTo>
                    <a:pt x="47888" y="47778"/>
                  </a:moveTo>
                  <a:cubicBezTo>
                    <a:pt x="47856" y="47809"/>
                    <a:pt x="47800" y="47818"/>
                    <a:pt x="47732" y="47818"/>
                  </a:cubicBezTo>
                  <a:cubicBezTo>
                    <a:pt x="47630" y="47818"/>
                    <a:pt x="47504" y="47797"/>
                    <a:pt x="47398" y="47797"/>
                  </a:cubicBezTo>
                  <a:cubicBezTo>
                    <a:pt x="47321" y="47797"/>
                    <a:pt x="47256" y="47808"/>
                    <a:pt x="47219" y="47845"/>
                  </a:cubicBezTo>
                  <a:cubicBezTo>
                    <a:pt x="47219" y="47845"/>
                    <a:pt x="47244" y="47820"/>
                    <a:pt x="47244" y="47820"/>
                  </a:cubicBezTo>
                  <a:cubicBezTo>
                    <a:pt x="47268" y="47796"/>
                    <a:pt x="47314" y="47788"/>
                    <a:pt x="47370" y="47788"/>
                  </a:cubicBezTo>
                  <a:cubicBezTo>
                    <a:pt x="47477" y="47788"/>
                    <a:pt x="47624" y="47817"/>
                    <a:pt x="47739" y="47817"/>
                  </a:cubicBezTo>
                  <a:cubicBezTo>
                    <a:pt x="47803" y="47817"/>
                    <a:pt x="47857" y="47808"/>
                    <a:pt x="47888" y="47778"/>
                  </a:cubicBezTo>
                  <a:close/>
                  <a:moveTo>
                    <a:pt x="47043" y="48547"/>
                  </a:moveTo>
                  <a:cubicBezTo>
                    <a:pt x="47031" y="48547"/>
                    <a:pt x="47025" y="48553"/>
                    <a:pt x="47018" y="48559"/>
                  </a:cubicBezTo>
                  <a:lnTo>
                    <a:pt x="47018" y="48559"/>
                  </a:lnTo>
                  <a:cubicBezTo>
                    <a:pt x="47019" y="48547"/>
                    <a:pt x="47023" y="48547"/>
                    <a:pt x="47043" y="48547"/>
                  </a:cubicBezTo>
                  <a:close/>
                  <a:moveTo>
                    <a:pt x="46341" y="48622"/>
                  </a:moveTo>
                  <a:cubicBezTo>
                    <a:pt x="46392" y="48622"/>
                    <a:pt x="46492" y="48622"/>
                    <a:pt x="46567" y="48672"/>
                  </a:cubicBezTo>
                  <a:cubicBezTo>
                    <a:pt x="46567" y="48672"/>
                    <a:pt x="46617" y="48797"/>
                    <a:pt x="46667" y="48797"/>
                  </a:cubicBezTo>
                  <a:cubicBezTo>
                    <a:pt x="46617" y="48797"/>
                    <a:pt x="46542" y="48672"/>
                    <a:pt x="46542" y="48672"/>
                  </a:cubicBezTo>
                  <a:cubicBezTo>
                    <a:pt x="46497" y="48627"/>
                    <a:pt x="46411" y="48623"/>
                    <a:pt x="46340" y="48622"/>
                  </a:cubicBezTo>
                  <a:lnTo>
                    <a:pt x="46340" y="48622"/>
                  </a:lnTo>
                  <a:cubicBezTo>
                    <a:pt x="46340" y="48622"/>
                    <a:pt x="46341" y="48622"/>
                    <a:pt x="46341" y="48622"/>
                  </a:cubicBezTo>
                  <a:close/>
                  <a:moveTo>
                    <a:pt x="54437" y="47845"/>
                  </a:moveTo>
                  <a:cubicBezTo>
                    <a:pt x="54512" y="47970"/>
                    <a:pt x="54437" y="48146"/>
                    <a:pt x="54437" y="48246"/>
                  </a:cubicBezTo>
                  <a:cubicBezTo>
                    <a:pt x="54437" y="48296"/>
                    <a:pt x="54337" y="48472"/>
                    <a:pt x="54337" y="48572"/>
                  </a:cubicBezTo>
                  <a:lnTo>
                    <a:pt x="54337" y="48973"/>
                  </a:lnTo>
                  <a:cubicBezTo>
                    <a:pt x="54387" y="49098"/>
                    <a:pt x="54562" y="49198"/>
                    <a:pt x="54612" y="49249"/>
                  </a:cubicBezTo>
                  <a:cubicBezTo>
                    <a:pt x="54537" y="49198"/>
                    <a:pt x="54387" y="49073"/>
                    <a:pt x="54311" y="48973"/>
                  </a:cubicBezTo>
                  <a:lnTo>
                    <a:pt x="54311" y="48572"/>
                  </a:lnTo>
                  <a:cubicBezTo>
                    <a:pt x="54311" y="48447"/>
                    <a:pt x="54437" y="48296"/>
                    <a:pt x="54437" y="48221"/>
                  </a:cubicBezTo>
                  <a:cubicBezTo>
                    <a:pt x="54437" y="48121"/>
                    <a:pt x="54487" y="47945"/>
                    <a:pt x="54437" y="47845"/>
                  </a:cubicBezTo>
                  <a:close/>
                  <a:moveTo>
                    <a:pt x="54669" y="49330"/>
                  </a:moveTo>
                  <a:cubicBezTo>
                    <a:pt x="54710" y="49386"/>
                    <a:pt x="54754" y="49441"/>
                    <a:pt x="54788" y="49474"/>
                  </a:cubicBezTo>
                  <a:cubicBezTo>
                    <a:pt x="54788" y="49565"/>
                    <a:pt x="54814" y="49642"/>
                    <a:pt x="54828" y="49707"/>
                  </a:cubicBezTo>
                  <a:lnTo>
                    <a:pt x="54828" y="49707"/>
                  </a:lnTo>
                  <a:cubicBezTo>
                    <a:pt x="54808" y="49645"/>
                    <a:pt x="54763" y="49552"/>
                    <a:pt x="54763" y="49474"/>
                  </a:cubicBezTo>
                  <a:cubicBezTo>
                    <a:pt x="54732" y="49443"/>
                    <a:pt x="54700" y="49383"/>
                    <a:pt x="54669" y="49330"/>
                  </a:cubicBezTo>
                  <a:close/>
                  <a:moveTo>
                    <a:pt x="56066" y="51404"/>
                  </a:moveTo>
                  <a:lnTo>
                    <a:pt x="56066" y="51404"/>
                  </a:lnTo>
                  <a:cubicBezTo>
                    <a:pt x="56141" y="51429"/>
                    <a:pt x="56266" y="51454"/>
                    <a:pt x="56291" y="51504"/>
                  </a:cubicBezTo>
                  <a:cubicBezTo>
                    <a:pt x="56241" y="51454"/>
                    <a:pt x="56141" y="51429"/>
                    <a:pt x="56066" y="51404"/>
                  </a:cubicBezTo>
                  <a:close/>
                  <a:moveTo>
                    <a:pt x="46692" y="51556"/>
                  </a:moveTo>
                  <a:cubicBezTo>
                    <a:pt x="46692" y="51580"/>
                    <a:pt x="46692" y="51605"/>
                    <a:pt x="46667" y="51605"/>
                  </a:cubicBezTo>
                  <a:cubicBezTo>
                    <a:pt x="46692" y="51580"/>
                    <a:pt x="46692" y="51579"/>
                    <a:pt x="46692" y="51556"/>
                  </a:cubicBezTo>
                  <a:close/>
                  <a:moveTo>
                    <a:pt x="56291" y="51504"/>
                  </a:moveTo>
                  <a:cubicBezTo>
                    <a:pt x="56367" y="51554"/>
                    <a:pt x="56467" y="51605"/>
                    <a:pt x="56467" y="51680"/>
                  </a:cubicBezTo>
                  <a:cubicBezTo>
                    <a:pt x="56467" y="51605"/>
                    <a:pt x="56342" y="51554"/>
                    <a:pt x="56291" y="51504"/>
                  </a:cubicBezTo>
                  <a:close/>
                  <a:moveTo>
                    <a:pt x="54837" y="49764"/>
                  </a:moveTo>
                  <a:cubicBezTo>
                    <a:pt x="54838" y="49768"/>
                    <a:pt x="54838" y="49771"/>
                    <a:pt x="54838" y="49775"/>
                  </a:cubicBezTo>
                  <a:cubicBezTo>
                    <a:pt x="54838" y="49875"/>
                    <a:pt x="54788" y="50051"/>
                    <a:pt x="54738" y="50151"/>
                  </a:cubicBezTo>
                  <a:cubicBezTo>
                    <a:pt x="54738" y="50326"/>
                    <a:pt x="54788" y="50602"/>
                    <a:pt x="54788" y="50727"/>
                  </a:cubicBezTo>
                  <a:cubicBezTo>
                    <a:pt x="54838" y="50828"/>
                    <a:pt x="54963" y="51003"/>
                    <a:pt x="55013" y="51103"/>
                  </a:cubicBezTo>
                  <a:cubicBezTo>
                    <a:pt x="55063" y="51229"/>
                    <a:pt x="55113" y="51454"/>
                    <a:pt x="55189" y="51554"/>
                  </a:cubicBezTo>
                  <a:cubicBezTo>
                    <a:pt x="55239" y="51605"/>
                    <a:pt x="55414" y="51780"/>
                    <a:pt x="55514" y="51780"/>
                  </a:cubicBezTo>
                  <a:cubicBezTo>
                    <a:pt x="55540" y="51805"/>
                    <a:pt x="55540" y="51805"/>
                    <a:pt x="55565" y="51805"/>
                  </a:cubicBezTo>
                  <a:cubicBezTo>
                    <a:pt x="55540" y="51805"/>
                    <a:pt x="55514" y="51805"/>
                    <a:pt x="55489" y="51780"/>
                  </a:cubicBezTo>
                  <a:cubicBezTo>
                    <a:pt x="55389" y="51780"/>
                    <a:pt x="55214" y="51605"/>
                    <a:pt x="55164" y="51554"/>
                  </a:cubicBezTo>
                  <a:cubicBezTo>
                    <a:pt x="55113" y="51454"/>
                    <a:pt x="55063" y="51229"/>
                    <a:pt x="54988" y="51103"/>
                  </a:cubicBezTo>
                  <a:cubicBezTo>
                    <a:pt x="54938" y="51003"/>
                    <a:pt x="54838" y="50828"/>
                    <a:pt x="54763" y="50702"/>
                  </a:cubicBezTo>
                  <a:cubicBezTo>
                    <a:pt x="54763" y="50602"/>
                    <a:pt x="54712" y="50326"/>
                    <a:pt x="54712" y="50151"/>
                  </a:cubicBezTo>
                  <a:cubicBezTo>
                    <a:pt x="54761" y="50030"/>
                    <a:pt x="54832" y="49887"/>
                    <a:pt x="54837" y="49764"/>
                  </a:cubicBezTo>
                  <a:close/>
                  <a:moveTo>
                    <a:pt x="46667" y="51655"/>
                  </a:moveTo>
                  <a:cubicBezTo>
                    <a:pt x="46617" y="51755"/>
                    <a:pt x="46442" y="51855"/>
                    <a:pt x="46442" y="51905"/>
                  </a:cubicBezTo>
                  <a:cubicBezTo>
                    <a:pt x="46417" y="51930"/>
                    <a:pt x="46392" y="51955"/>
                    <a:pt x="46367" y="52006"/>
                  </a:cubicBezTo>
                  <a:cubicBezTo>
                    <a:pt x="46392" y="51955"/>
                    <a:pt x="46417" y="51905"/>
                    <a:pt x="46442" y="51880"/>
                  </a:cubicBezTo>
                  <a:cubicBezTo>
                    <a:pt x="46442" y="51830"/>
                    <a:pt x="46617" y="51730"/>
                    <a:pt x="46667" y="51655"/>
                  </a:cubicBezTo>
                  <a:close/>
                  <a:moveTo>
                    <a:pt x="56468" y="51681"/>
                  </a:moveTo>
                  <a:cubicBezTo>
                    <a:pt x="56517" y="51733"/>
                    <a:pt x="56518" y="51906"/>
                    <a:pt x="56592" y="52006"/>
                  </a:cubicBezTo>
                  <a:cubicBezTo>
                    <a:pt x="56592" y="52056"/>
                    <a:pt x="56642" y="52281"/>
                    <a:pt x="56692" y="52356"/>
                  </a:cubicBezTo>
                  <a:cubicBezTo>
                    <a:pt x="56617" y="52281"/>
                    <a:pt x="56567" y="52056"/>
                    <a:pt x="56567" y="52006"/>
                  </a:cubicBezTo>
                  <a:cubicBezTo>
                    <a:pt x="56517" y="51906"/>
                    <a:pt x="56517" y="51733"/>
                    <a:pt x="56468" y="51681"/>
                  </a:cubicBezTo>
                  <a:close/>
                  <a:moveTo>
                    <a:pt x="46291" y="52407"/>
                  </a:moveTo>
                  <a:cubicBezTo>
                    <a:pt x="46291" y="52432"/>
                    <a:pt x="46266" y="52457"/>
                    <a:pt x="46266" y="52457"/>
                  </a:cubicBezTo>
                  <a:cubicBezTo>
                    <a:pt x="46216" y="52457"/>
                    <a:pt x="46166" y="52557"/>
                    <a:pt x="46116" y="52632"/>
                  </a:cubicBezTo>
                  <a:cubicBezTo>
                    <a:pt x="46091" y="52632"/>
                    <a:pt x="46091" y="52607"/>
                    <a:pt x="46091" y="52607"/>
                  </a:cubicBezTo>
                  <a:lnTo>
                    <a:pt x="46116" y="52607"/>
                  </a:lnTo>
                  <a:cubicBezTo>
                    <a:pt x="46166" y="52557"/>
                    <a:pt x="46216" y="52432"/>
                    <a:pt x="46266" y="52432"/>
                  </a:cubicBezTo>
                  <a:cubicBezTo>
                    <a:pt x="46291" y="52432"/>
                    <a:pt x="46291" y="52407"/>
                    <a:pt x="46291" y="52407"/>
                  </a:cubicBezTo>
                  <a:close/>
                  <a:moveTo>
                    <a:pt x="57870" y="52682"/>
                  </a:moveTo>
                  <a:cubicBezTo>
                    <a:pt x="57870" y="52733"/>
                    <a:pt x="57770" y="52958"/>
                    <a:pt x="57695" y="53033"/>
                  </a:cubicBezTo>
                  <a:cubicBezTo>
                    <a:pt x="57745" y="52958"/>
                    <a:pt x="57870" y="52733"/>
                    <a:pt x="57870" y="52682"/>
                  </a:cubicBezTo>
                  <a:close/>
                  <a:moveTo>
                    <a:pt x="46266" y="53108"/>
                  </a:moveTo>
                  <a:cubicBezTo>
                    <a:pt x="46266" y="53108"/>
                    <a:pt x="46266" y="53133"/>
                    <a:pt x="46266" y="53133"/>
                  </a:cubicBezTo>
                  <a:cubicBezTo>
                    <a:pt x="46216" y="53183"/>
                    <a:pt x="46166" y="53309"/>
                    <a:pt x="46091" y="53359"/>
                  </a:cubicBezTo>
                  <a:cubicBezTo>
                    <a:pt x="46091" y="53351"/>
                    <a:pt x="46091" y="53342"/>
                    <a:pt x="46091" y="53334"/>
                  </a:cubicBezTo>
                  <a:cubicBezTo>
                    <a:pt x="46166" y="53284"/>
                    <a:pt x="46216" y="53158"/>
                    <a:pt x="46266" y="53108"/>
                  </a:cubicBezTo>
                  <a:close/>
                  <a:moveTo>
                    <a:pt x="57595" y="53409"/>
                  </a:moveTo>
                  <a:cubicBezTo>
                    <a:pt x="57595" y="53459"/>
                    <a:pt x="57645" y="53635"/>
                    <a:pt x="57645" y="53685"/>
                  </a:cubicBezTo>
                  <a:cubicBezTo>
                    <a:pt x="57694" y="53758"/>
                    <a:pt x="57695" y="53808"/>
                    <a:pt x="57695" y="53857"/>
                  </a:cubicBezTo>
                  <a:lnTo>
                    <a:pt x="57695" y="53857"/>
                  </a:lnTo>
                  <a:cubicBezTo>
                    <a:pt x="57695" y="53808"/>
                    <a:pt x="57694" y="53759"/>
                    <a:pt x="57645" y="53710"/>
                  </a:cubicBezTo>
                  <a:cubicBezTo>
                    <a:pt x="57645" y="53635"/>
                    <a:pt x="57595" y="53484"/>
                    <a:pt x="57595" y="53409"/>
                  </a:cubicBezTo>
                  <a:close/>
                  <a:moveTo>
                    <a:pt x="57720" y="53860"/>
                  </a:moveTo>
                  <a:cubicBezTo>
                    <a:pt x="57695" y="53960"/>
                    <a:pt x="57670" y="54061"/>
                    <a:pt x="57670" y="54111"/>
                  </a:cubicBezTo>
                  <a:cubicBezTo>
                    <a:pt x="57670" y="54127"/>
                    <a:pt x="57659" y="54144"/>
                    <a:pt x="57645" y="54160"/>
                  </a:cubicBezTo>
                  <a:lnTo>
                    <a:pt x="57645" y="54160"/>
                  </a:lnTo>
                  <a:cubicBezTo>
                    <a:pt x="57645" y="54085"/>
                    <a:pt x="57695" y="53985"/>
                    <a:pt x="57695" y="53860"/>
                  </a:cubicBezTo>
                  <a:close/>
                  <a:moveTo>
                    <a:pt x="46843" y="53960"/>
                  </a:moveTo>
                  <a:lnTo>
                    <a:pt x="46843" y="53985"/>
                  </a:lnTo>
                  <a:cubicBezTo>
                    <a:pt x="46843" y="54036"/>
                    <a:pt x="46768" y="54161"/>
                    <a:pt x="46768" y="54211"/>
                  </a:cubicBezTo>
                  <a:cubicBezTo>
                    <a:pt x="46717" y="54261"/>
                    <a:pt x="46667" y="54261"/>
                    <a:pt x="46617" y="54261"/>
                  </a:cubicBezTo>
                  <a:cubicBezTo>
                    <a:pt x="46617" y="54311"/>
                    <a:pt x="46592" y="54412"/>
                    <a:pt x="46592" y="54512"/>
                  </a:cubicBezTo>
                  <a:cubicBezTo>
                    <a:pt x="46567" y="54412"/>
                    <a:pt x="46617" y="54286"/>
                    <a:pt x="46617" y="54236"/>
                  </a:cubicBezTo>
                  <a:cubicBezTo>
                    <a:pt x="46667" y="54236"/>
                    <a:pt x="46717" y="54236"/>
                    <a:pt x="46768" y="54186"/>
                  </a:cubicBezTo>
                  <a:cubicBezTo>
                    <a:pt x="46768" y="54111"/>
                    <a:pt x="46843" y="54011"/>
                    <a:pt x="46843" y="53960"/>
                  </a:cubicBezTo>
                  <a:close/>
                  <a:moveTo>
                    <a:pt x="57494" y="54336"/>
                  </a:moveTo>
                  <a:cubicBezTo>
                    <a:pt x="57459" y="54425"/>
                    <a:pt x="57412" y="54537"/>
                    <a:pt x="57386" y="54632"/>
                  </a:cubicBezTo>
                  <a:lnTo>
                    <a:pt x="57386" y="54632"/>
                  </a:lnTo>
                  <a:cubicBezTo>
                    <a:pt x="57405" y="54545"/>
                    <a:pt x="57437" y="54451"/>
                    <a:pt x="57469" y="54386"/>
                  </a:cubicBezTo>
                  <a:cubicBezTo>
                    <a:pt x="57469" y="54361"/>
                    <a:pt x="57494" y="54336"/>
                    <a:pt x="57494" y="54336"/>
                  </a:cubicBezTo>
                  <a:close/>
                  <a:moveTo>
                    <a:pt x="55965" y="55381"/>
                  </a:moveTo>
                  <a:cubicBezTo>
                    <a:pt x="55958" y="55454"/>
                    <a:pt x="55915" y="55543"/>
                    <a:pt x="55915" y="55590"/>
                  </a:cubicBezTo>
                  <a:lnTo>
                    <a:pt x="55890" y="55590"/>
                  </a:lnTo>
                  <a:cubicBezTo>
                    <a:pt x="55915" y="55539"/>
                    <a:pt x="55941" y="55439"/>
                    <a:pt x="55941" y="55389"/>
                  </a:cubicBezTo>
                  <a:cubicBezTo>
                    <a:pt x="55958" y="55389"/>
                    <a:pt x="55963" y="55389"/>
                    <a:pt x="55965" y="55381"/>
                  </a:cubicBezTo>
                  <a:close/>
                  <a:moveTo>
                    <a:pt x="55063" y="55565"/>
                  </a:moveTo>
                  <a:lnTo>
                    <a:pt x="55063" y="55565"/>
                  </a:lnTo>
                  <a:cubicBezTo>
                    <a:pt x="55013" y="55640"/>
                    <a:pt x="55013" y="55790"/>
                    <a:pt x="54963" y="55890"/>
                  </a:cubicBezTo>
                  <a:cubicBezTo>
                    <a:pt x="54988" y="55765"/>
                    <a:pt x="55013" y="55640"/>
                    <a:pt x="55063" y="55565"/>
                  </a:cubicBezTo>
                  <a:close/>
                  <a:moveTo>
                    <a:pt x="59399" y="55188"/>
                  </a:moveTo>
                  <a:lnTo>
                    <a:pt x="59399" y="55264"/>
                  </a:lnTo>
                  <a:cubicBezTo>
                    <a:pt x="59349" y="55314"/>
                    <a:pt x="59224" y="55364"/>
                    <a:pt x="59224" y="55414"/>
                  </a:cubicBezTo>
                  <a:cubicBezTo>
                    <a:pt x="59174" y="55414"/>
                    <a:pt x="59174" y="55590"/>
                    <a:pt x="59124" y="55640"/>
                  </a:cubicBezTo>
                  <a:cubicBezTo>
                    <a:pt x="59073" y="55715"/>
                    <a:pt x="58848" y="55765"/>
                    <a:pt x="58672" y="55815"/>
                  </a:cubicBezTo>
                  <a:cubicBezTo>
                    <a:pt x="58622" y="55815"/>
                    <a:pt x="58497" y="55765"/>
                    <a:pt x="58447" y="55765"/>
                  </a:cubicBezTo>
                  <a:cubicBezTo>
                    <a:pt x="58271" y="55815"/>
                    <a:pt x="58046" y="55940"/>
                    <a:pt x="57870" y="55991"/>
                  </a:cubicBezTo>
                  <a:cubicBezTo>
                    <a:pt x="57770" y="55991"/>
                    <a:pt x="57494" y="56041"/>
                    <a:pt x="57419" y="56166"/>
                  </a:cubicBezTo>
                  <a:cubicBezTo>
                    <a:pt x="57394" y="56166"/>
                    <a:pt x="57344" y="56266"/>
                    <a:pt x="57319" y="56316"/>
                  </a:cubicBezTo>
                  <a:cubicBezTo>
                    <a:pt x="57319" y="56266"/>
                    <a:pt x="57369" y="56091"/>
                    <a:pt x="57444" y="56091"/>
                  </a:cubicBezTo>
                  <a:cubicBezTo>
                    <a:pt x="57494" y="55991"/>
                    <a:pt x="57770" y="55915"/>
                    <a:pt x="57895" y="55915"/>
                  </a:cubicBezTo>
                  <a:cubicBezTo>
                    <a:pt x="58046" y="55865"/>
                    <a:pt x="58271" y="55765"/>
                    <a:pt x="58447" y="55690"/>
                  </a:cubicBezTo>
                  <a:cubicBezTo>
                    <a:pt x="58497" y="55690"/>
                    <a:pt x="58622" y="55765"/>
                    <a:pt x="58672" y="55765"/>
                  </a:cubicBezTo>
                  <a:cubicBezTo>
                    <a:pt x="58848" y="55690"/>
                    <a:pt x="59073" y="55640"/>
                    <a:pt x="59124" y="55590"/>
                  </a:cubicBezTo>
                  <a:cubicBezTo>
                    <a:pt x="59174" y="55539"/>
                    <a:pt x="59174" y="55364"/>
                    <a:pt x="59249" y="55364"/>
                  </a:cubicBezTo>
                  <a:cubicBezTo>
                    <a:pt x="59249" y="55314"/>
                    <a:pt x="59349" y="55239"/>
                    <a:pt x="59399" y="55188"/>
                  </a:cubicBezTo>
                  <a:close/>
                  <a:moveTo>
                    <a:pt x="57971" y="56843"/>
                  </a:moveTo>
                  <a:cubicBezTo>
                    <a:pt x="57996" y="56868"/>
                    <a:pt x="57996" y="56868"/>
                    <a:pt x="57996" y="56893"/>
                  </a:cubicBezTo>
                  <a:cubicBezTo>
                    <a:pt x="57946" y="56943"/>
                    <a:pt x="57820" y="56993"/>
                    <a:pt x="57770" y="56993"/>
                  </a:cubicBezTo>
                  <a:cubicBezTo>
                    <a:pt x="57720" y="57068"/>
                    <a:pt x="57494" y="57068"/>
                    <a:pt x="57419" y="57118"/>
                  </a:cubicBezTo>
                  <a:cubicBezTo>
                    <a:pt x="57319" y="57168"/>
                    <a:pt x="57219" y="57319"/>
                    <a:pt x="57219" y="57394"/>
                  </a:cubicBezTo>
                  <a:cubicBezTo>
                    <a:pt x="57219" y="57369"/>
                    <a:pt x="57219" y="57344"/>
                    <a:pt x="57219" y="57344"/>
                  </a:cubicBezTo>
                  <a:cubicBezTo>
                    <a:pt x="57219" y="57269"/>
                    <a:pt x="57319" y="57118"/>
                    <a:pt x="57444" y="57043"/>
                  </a:cubicBezTo>
                  <a:cubicBezTo>
                    <a:pt x="57494" y="56993"/>
                    <a:pt x="57720" y="56993"/>
                    <a:pt x="57770" y="56943"/>
                  </a:cubicBezTo>
                  <a:cubicBezTo>
                    <a:pt x="57820" y="56943"/>
                    <a:pt x="57920" y="56893"/>
                    <a:pt x="57971" y="56843"/>
                  </a:cubicBezTo>
                  <a:close/>
                  <a:moveTo>
                    <a:pt x="53484" y="56818"/>
                  </a:moveTo>
                  <a:cubicBezTo>
                    <a:pt x="53484" y="56893"/>
                    <a:pt x="53535" y="57043"/>
                    <a:pt x="53535" y="57118"/>
                  </a:cubicBezTo>
                  <a:cubicBezTo>
                    <a:pt x="53610" y="57168"/>
                    <a:pt x="53660" y="57269"/>
                    <a:pt x="53660" y="57394"/>
                  </a:cubicBezTo>
                  <a:cubicBezTo>
                    <a:pt x="53660" y="57419"/>
                    <a:pt x="53635" y="57444"/>
                    <a:pt x="53635" y="57469"/>
                  </a:cubicBezTo>
                  <a:cubicBezTo>
                    <a:pt x="53635" y="57444"/>
                    <a:pt x="53635" y="57444"/>
                    <a:pt x="53635" y="57419"/>
                  </a:cubicBezTo>
                  <a:cubicBezTo>
                    <a:pt x="53635" y="57319"/>
                    <a:pt x="53585" y="57194"/>
                    <a:pt x="53535" y="57143"/>
                  </a:cubicBezTo>
                  <a:cubicBezTo>
                    <a:pt x="53535" y="57093"/>
                    <a:pt x="53484" y="56918"/>
                    <a:pt x="53484" y="56868"/>
                  </a:cubicBezTo>
                  <a:cubicBezTo>
                    <a:pt x="53484" y="56851"/>
                    <a:pt x="53484" y="56834"/>
                    <a:pt x="53484" y="56818"/>
                  </a:cubicBezTo>
                  <a:close/>
                  <a:moveTo>
                    <a:pt x="51103" y="57570"/>
                  </a:moveTo>
                  <a:cubicBezTo>
                    <a:pt x="51103" y="57620"/>
                    <a:pt x="51078" y="57670"/>
                    <a:pt x="51053" y="57695"/>
                  </a:cubicBezTo>
                  <a:cubicBezTo>
                    <a:pt x="51053" y="57770"/>
                    <a:pt x="50978" y="57820"/>
                    <a:pt x="50953" y="57870"/>
                  </a:cubicBezTo>
                  <a:lnTo>
                    <a:pt x="50953" y="57845"/>
                  </a:lnTo>
                  <a:cubicBezTo>
                    <a:pt x="50953" y="57795"/>
                    <a:pt x="51053" y="57720"/>
                    <a:pt x="51053" y="57670"/>
                  </a:cubicBezTo>
                  <a:cubicBezTo>
                    <a:pt x="51078" y="57645"/>
                    <a:pt x="51103" y="57620"/>
                    <a:pt x="51103" y="57570"/>
                  </a:cubicBezTo>
                  <a:close/>
                  <a:moveTo>
                    <a:pt x="52712" y="57881"/>
                  </a:moveTo>
                  <a:cubicBezTo>
                    <a:pt x="52707" y="57908"/>
                    <a:pt x="52707" y="57931"/>
                    <a:pt x="52707" y="57945"/>
                  </a:cubicBezTo>
                  <a:cubicBezTo>
                    <a:pt x="52707" y="58021"/>
                    <a:pt x="52758" y="58121"/>
                    <a:pt x="52758" y="58171"/>
                  </a:cubicBezTo>
                  <a:cubicBezTo>
                    <a:pt x="52758" y="58196"/>
                    <a:pt x="52758" y="58196"/>
                    <a:pt x="52732" y="58196"/>
                  </a:cubicBezTo>
                  <a:cubicBezTo>
                    <a:pt x="52732" y="58146"/>
                    <a:pt x="52682" y="58046"/>
                    <a:pt x="52682" y="57996"/>
                  </a:cubicBezTo>
                  <a:cubicBezTo>
                    <a:pt x="52682" y="57977"/>
                    <a:pt x="52696" y="57933"/>
                    <a:pt x="52712" y="57881"/>
                  </a:cubicBezTo>
                  <a:close/>
                  <a:moveTo>
                    <a:pt x="51755" y="58250"/>
                  </a:moveTo>
                  <a:cubicBezTo>
                    <a:pt x="51755" y="58274"/>
                    <a:pt x="51754" y="58298"/>
                    <a:pt x="51730" y="58321"/>
                  </a:cubicBezTo>
                  <a:cubicBezTo>
                    <a:pt x="51730" y="58321"/>
                    <a:pt x="51730" y="58296"/>
                    <a:pt x="51730" y="58296"/>
                  </a:cubicBezTo>
                  <a:cubicBezTo>
                    <a:pt x="51754" y="58296"/>
                    <a:pt x="51755" y="58274"/>
                    <a:pt x="51755" y="58250"/>
                  </a:cubicBezTo>
                  <a:close/>
                  <a:moveTo>
                    <a:pt x="57770" y="58146"/>
                  </a:moveTo>
                  <a:cubicBezTo>
                    <a:pt x="57770" y="58146"/>
                    <a:pt x="57770" y="58171"/>
                    <a:pt x="57770" y="58171"/>
                  </a:cubicBezTo>
                  <a:cubicBezTo>
                    <a:pt x="57770" y="58221"/>
                    <a:pt x="57720" y="58371"/>
                    <a:pt x="57720" y="58472"/>
                  </a:cubicBezTo>
                  <a:cubicBezTo>
                    <a:pt x="57720" y="58346"/>
                    <a:pt x="57770" y="58221"/>
                    <a:pt x="57770" y="58146"/>
                  </a:cubicBezTo>
                  <a:close/>
                  <a:moveTo>
                    <a:pt x="51680" y="58522"/>
                  </a:moveTo>
                  <a:cubicBezTo>
                    <a:pt x="51680" y="58547"/>
                    <a:pt x="51680" y="58547"/>
                    <a:pt x="51680" y="58547"/>
                  </a:cubicBezTo>
                  <a:cubicBezTo>
                    <a:pt x="51655" y="58572"/>
                    <a:pt x="51655" y="58572"/>
                    <a:pt x="51655" y="58597"/>
                  </a:cubicBezTo>
                  <a:lnTo>
                    <a:pt x="51655" y="58597"/>
                  </a:lnTo>
                  <a:cubicBezTo>
                    <a:pt x="51655" y="58572"/>
                    <a:pt x="51655" y="58547"/>
                    <a:pt x="51680" y="58522"/>
                  </a:cubicBezTo>
                  <a:close/>
                  <a:moveTo>
                    <a:pt x="58697" y="59800"/>
                  </a:moveTo>
                  <a:cubicBezTo>
                    <a:pt x="58697" y="59850"/>
                    <a:pt x="58697" y="59900"/>
                    <a:pt x="58672" y="59925"/>
                  </a:cubicBezTo>
                  <a:cubicBezTo>
                    <a:pt x="58672" y="59900"/>
                    <a:pt x="58697" y="59850"/>
                    <a:pt x="58697" y="59800"/>
                  </a:cubicBezTo>
                  <a:close/>
                  <a:moveTo>
                    <a:pt x="58171" y="60502"/>
                  </a:moveTo>
                  <a:cubicBezTo>
                    <a:pt x="58221" y="60502"/>
                    <a:pt x="58397" y="60602"/>
                    <a:pt x="58447" y="60652"/>
                  </a:cubicBezTo>
                  <a:cubicBezTo>
                    <a:pt x="58497" y="60652"/>
                    <a:pt x="58572" y="60878"/>
                    <a:pt x="58622" y="60953"/>
                  </a:cubicBezTo>
                  <a:cubicBezTo>
                    <a:pt x="58672" y="60953"/>
                    <a:pt x="58798" y="61003"/>
                    <a:pt x="58898" y="61003"/>
                  </a:cubicBezTo>
                  <a:cubicBezTo>
                    <a:pt x="58948" y="61003"/>
                    <a:pt x="59073" y="61003"/>
                    <a:pt x="59124" y="60953"/>
                  </a:cubicBezTo>
                  <a:cubicBezTo>
                    <a:pt x="59174" y="60903"/>
                    <a:pt x="59224" y="60752"/>
                    <a:pt x="59224" y="60677"/>
                  </a:cubicBezTo>
                  <a:cubicBezTo>
                    <a:pt x="59224" y="60702"/>
                    <a:pt x="59224" y="60702"/>
                    <a:pt x="59224" y="60727"/>
                  </a:cubicBezTo>
                  <a:cubicBezTo>
                    <a:pt x="59224" y="60778"/>
                    <a:pt x="59174" y="60953"/>
                    <a:pt x="59124" y="61003"/>
                  </a:cubicBezTo>
                  <a:cubicBezTo>
                    <a:pt x="59073" y="61053"/>
                    <a:pt x="58948" y="61053"/>
                    <a:pt x="58898" y="61053"/>
                  </a:cubicBezTo>
                  <a:cubicBezTo>
                    <a:pt x="58773" y="61053"/>
                    <a:pt x="58672" y="61003"/>
                    <a:pt x="58622" y="61003"/>
                  </a:cubicBezTo>
                  <a:cubicBezTo>
                    <a:pt x="58547" y="60953"/>
                    <a:pt x="58497" y="60727"/>
                    <a:pt x="58447" y="60727"/>
                  </a:cubicBezTo>
                  <a:cubicBezTo>
                    <a:pt x="58397" y="60652"/>
                    <a:pt x="58221" y="60552"/>
                    <a:pt x="58171" y="60552"/>
                  </a:cubicBezTo>
                  <a:cubicBezTo>
                    <a:pt x="58096" y="60552"/>
                    <a:pt x="57996" y="60602"/>
                    <a:pt x="57946" y="60652"/>
                  </a:cubicBezTo>
                  <a:cubicBezTo>
                    <a:pt x="57820" y="60727"/>
                    <a:pt x="57720" y="60828"/>
                    <a:pt x="57645" y="60878"/>
                  </a:cubicBezTo>
                  <a:cubicBezTo>
                    <a:pt x="57595" y="60953"/>
                    <a:pt x="57545" y="61053"/>
                    <a:pt x="57494" y="61103"/>
                  </a:cubicBezTo>
                  <a:cubicBezTo>
                    <a:pt x="57369" y="61179"/>
                    <a:pt x="57144" y="61179"/>
                    <a:pt x="57043" y="61179"/>
                  </a:cubicBezTo>
                  <a:cubicBezTo>
                    <a:pt x="56981" y="61179"/>
                    <a:pt x="56814" y="61091"/>
                    <a:pt x="56731" y="61091"/>
                  </a:cubicBezTo>
                  <a:cubicBezTo>
                    <a:pt x="56714" y="61091"/>
                    <a:pt x="56701" y="61095"/>
                    <a:pt x="56692" y="61103"/>
                  </a:cubicBezTo>
                  <a:cubicBezTo>
                    <a:pt x="56592" y="61103"/>
                    <a:pt x="56467" y="61229"/>
                    <a:pt x="56467" y="61279"/>
                  </a:cubicBezTo>
                  <a:cubicBezTo>
                    <a:pt x="56442" y="61304"/>
                    <a:pt x="56442" y="61329"/>
                    <a:pt x="56442" y="61378"/>
                  </a:cubicBezTo>
                  <a:lnTo>
                    <a:pt x="56442" y="61378"/>
                  </a:lnTo>
                  <a:cubicBezTo>
                    <a:pt x="56442" y="61328"/>
                    <a:pt x="56442" y="61254"/>
                    <a:pt x="56467" y="61229"/>
                  </a:cubicBezTo>
                  <a:cubicBezTo>
                    <a:pt x="56467" y="61179"/>
                    <a:pt x="56592" y="61053"/>
                    <a:pt x="56692" y="61053"/>
                  </a:cubicBezTo>
                  <a:cubicBezTo>
                    <a:pt x="56707" y="61043"/>
                    <a:pt x="56729" y="61039"/>
                    <a:pt x="56753" y="61039"/>
                  </a:cubicBezTo>
                  <a:cubicBezTo>
                    <a:pt x="56851" y="61039"/>
                    <a:pt x="57003" y="61103"/>
                    <a:pt x="57043" y="61103"/>
                  </a:cubicBezTo>
                  <a:cubicBezTo>
                    <a:pt x="57144" y="61103"/>
                    <a:pt x="57369" y="61103"/>
                    <a:pt x="57494" y="61053"/>
                  </a:cubicBezTo>
                  <a:cubicBezTo>
                    <a:pt x="57545" y="61003"/>
                    <a:pt x="57595" y="60878"/>
                    <a:pt x="57670" y="60828"/>
                  </a:cubicBezTo>
                  <a:cubicBezTo>
                    <a:pt x="57720" y="60778"/>
                    <a:pt x="57820" y="60652"/>
                    <a:pt x="57946" y="60602"/>
                  </a:cubicBezTo>
                  <a:cubicBezTo>
                    <a:pt x="57996" y="60552"/>
                    <a:pt x="58121" y="60502"/>
                    <a:pt x="58171" y="60502"/>
                  </a:cubicBezTo>
                  <a:close/>
                  <a:moveTo>
                    <a:pt x="71204" y="62432"/>
                  </a:moveTo>
                  <a:lnTo>
                    <a:pt x="71204" y="62432"/>
                  </a:lnTo>
                  <a:cubicBezTo>
                    <a:pt x="71221" y="62502"/>
                    <a:pt x="71239" y="62572"/>
                    <a:pt x="71256" y="62625"/>
                  </a:cubicBezTo>
                  <a:lnTo>
                    <a:pt x="71256" y="62625"/>
                  </a:lnTo>
                  <a:cubicBezTo>
                    <a:pt x="71232" y="62567"/>
                    <a:pt x="71204" y="62507"/>
                    <a:pt x="71204" y="62432"/>
                  </a:cubicBezTo>
                  <a:close/>
                  <a:moveTo>
                    <a:pt x="59625" y="64111"/>
                  </a:moveTo>
                  <a:cubicBezTo>
                    <a:pt x="59625" y="64111"/>
                    <a:pt x="59625" y="64136"/>
                    <a:pt x="59625" y="64161"/>
                  </a:cubicBezTo>
                  <a:cubicBezTo>
                    <a:pt x="59625" y="64211"/>
                    <a:pt x="59474" y="64311"/>
                    <a:pt x="59424" y="64361"/>
                  </a:cubicBezTo>
                  <a:cubicBezTo>
                    <a:pt x="59424" y="64361"/>
                    <a:pt x="59399" y="64336"/>
                    <a:pt x="59399" y="64311"/>
                  </a:cubicBezTo>
                  <a:cubicBezTo>
                    <a:pt x="59449" y="64261"/>
                    <a:pt x="59600" y="64161"/>
                    <a:pt x="59625" y="64111"/>
                  </a:cubicBezTo>
                  <a:close/>
                  <a:moveTo>
                    <a:pt x="67043" y="64111"/>
                  </a:moveTo>
                  <a:cubicBezTo>
                    <a:pt x="67043" y="64211"/>
                    <a:pt x="67093" y="64437"/>
                    <a:pt x="67144" y="64537"/>
                  </a:cubicBezTo>
                  <a:cubicBezTo>
                    <a:pt x="67144" y="64612"/>
                    <a:pt x="67244" y="64712"/>
                    <a:pt x="67244" y="64838"/>
                  </a:cubicBezTo>
                  <a:cubicBezTo>
                    <a:pt x="67244" y="64850"/>
                    <a:pt x="67244" y="64867"/>
                    <a:pt x="67244" y="64888"/>
                  </a:cubicBezTo>
                  <a:cubicBezTo>
                    <a:pt x="67244" y="64762"/>
                    <a:pt x="67144" y="64662"/>
                    <a:pt x="67144" y="64612"/>
                  </a:cubicBezTo>
                  <a:cubicBezTo>
                    <a:pt x="67068" y="64487"/>
                    <a:pt x="67018" y="64261"/>
                    <a:pt x="67018" y="64161"/>
                  </a:cubicBezTo>
                  <a:cubicBezTo>
                    <a:pt x="67018" y="64136"/>
                    <a:pt x="67018" y="64111"/>
                    <a:pt x="67043" y="64111"/>
                  </a:cubicBezTo>
                  <a:close/>
                  <a:moveTo>
                    <a:pt x="61830" y="65088"/>
                  </a:moveTo>
                  <a:cubicBezTo>
                    <a:pt x="61855" y="65138"/>
                    <a:pt x="61855" y="65189"/>
                    <a:pt x="61855" y="65239"/>
                  </a:cubicBezTo>
                  <a:cubicBezTo>
                    <a:pt x="61855" y="65189"/>
                    <a:pt x="61830" y="65138"/>
                    <a:pt x="61830" y="65113"/>
                  </a:cubicBezTo>
                  <a:cubicBezTo>
                    <a:pt x="61830" y="65113"/>
                    <a:pt x="61830" y="65088"/>
                    <a:pt x="61830" y="65088"/>
                  </a:cubicBezTo>
                  <a:close/>
                  <a:moveTo>
                    <a:pt x="66601" y="65305"/>
                  </a:moveTo>
                  <a:cubicBezTo>
                    <a:pt x="66592" y="65356"/>
                    <a:pt x="66592" y="65404"/>
                    <a:pt x="66592" y="65439"/>
                  </a:cubicBezTo>
                  <a:cubicBezTo>
                    <a:pt x="66581" y="65458"/>
                    <a:pt x="66573" y="65478"/>
                    <a:pt x="66568" y="65499"/>
                  </a:cubicBezTo>
                  <a:lnTo>
                    <a:pt x="66568" y="65499"/>
                  </a:lnTo>
                  <a:cubicBezTo>
                    <a:pt x="66570" y="65443"/>
                    <a:pt x="66584" y="65375"/>
                    <a:pt x="66601" y="65305"/>
                  </a:cubicBezTo>
                  <a:close/>
                  <a:moveTo>
                    <a:pt x="66562" y="65523"/>
                  </a:moveTo>
                  <a:cubicBezTo>
                    <a:pt x="66542" y="65634"/>
                    <a:pt x="66577" y="65761"/>
                    <a:pt x="66517" y="65840"/>
                  </a:cubicBezTo>
                  <a:cubicBezTo>
                    <a:pt x="66541" y="65743"/>
                    <a:pt x="66519" y="65600"/>
                    <a:pt x="66562" y="65523"/>
                  </a:cubicBezTo>
                  <a:close/>
                  <a:moveTo>
                    <a:pt x="75464" y="64788"/>
                  </a:moveTo>
                  <a:cubicBezTo>
                    <a:pt x="75515" y="64838"/>
                    <a:pt x="75640" y="65013"/>
                    <a:pt x="75640" y="65138"/>
                  </a:cubicBezTo>
                  <a:cubicBezTo>
                    <a:pt x="75640" y="65239"/>
                    <a:pt x="75515" y="65414"/>
                    <a:pt x="75414" y="65464"/>
                  </a:cubicBezTo>
                  <a:cubicBezTo>
                    <a:pt x="75364" y="65514"/>
                    <a:pt x="75139" y="65514"/>
                    <a:pt x="75013" y="65590"/>
                  </a:cubicBezTo>
                  <a:cubicBezTo>
                    <a:pt x="74963" y="65640"/>
                    <a:pt x="74963" y="65815"/>
                    <a:pt x="74913" y="65865"/>
                  </a:cubicBezTo>
                  <a:cubicBezTo>
                    <a:pt x="74838" y="65966"/>
                    <a:pt x="74612" y="66041"/>
                    <a:pt x="74562" y="66041"/>
                  </a:cubicBezTo>
                  <a:cubicBezTo>
                    <a:pt x="74562" y="66016"/>
                    <a:pt x="74562" y="66016"/>
                    <a:pt x="74562" y="66016"/>
                  </a:cubicBezTo>
                  <a:cubicBezTo>
                    <a:pt x="74612" y="65991"/>
                    <a:pt x="74813" y="65940"/>
                    <a:pt x="74863" y="65840"/>
                  </a:cubicBezTo>
                  <a:cubicBezTo>
                    <a:pt x="74938" y="65790"/>
                    <a:pt x="74938" y="65615"/>
                    <a:pt x="74988" y="65564"/>
                  </a:cubicBezTo>
                  <a:cubicBezTo>
                    <a:pt x="75089" y="65514"/>
                    <a:pt x="75314" y="65514"/>
                    <a:pt x="75364" y="65439"/>
                  </a:cubicBezTo>
                  <a:cubicBezTo>
                    <a:pt x="75490" y="65389"/>
                    <a:pt x="75590" y="65214"/>
                    <a:pt x="75590" y="65113"/>
                  </a:cubicBezTo>
                  <a:cubicBezTo>
                    <a:pt x="75590" y="64988"/>
                    <a:pt x="75490" y="64838"/>
                    <a:pt x="75439" y="64788"/>
                  </a:cubicBezTo>
                  <a:close/>
                  <a:moveTo>
                    <a:pt x="65515" y="66241"/>
                  </a:moveTo>
                  <a:cubicBezTo>
                    <a:pt x="65515" y="66266"/>
                    <a:pt x="65515" y="66266"/>
                    <a:pt x="65489" y="66291"/>
                  </a:cubicBezTo>
                  <a:cubicBezTo>
                    <a:pt x="65514" y="66266"/>
                    <a:pt x="65515" y="66242"/>
                    <a:pt x="65515" y="66241"/>
                  </a:cubicBezTo>
                  <a:close/>
                  <a:moveTo>
                    <a:pt x="74336" y="65716"/>
                  </a:moveTo>
                  <a:cubicBezTo>
                    <a:pt x="74356" y="65716"/>
                    <a:pt x="74376" y="65720"/>
                    <a:pt x="74393" y="65729"/>
                  </a:cubicBezTo>
                  <a:lnTo>
                    <a:pt x="74393" y="65729"/>
                  </a:lnTo>
                  <a:cubicBezTo>
                    <a:pt x="74390" y="65728"/>
                    <a:pt x="74387" y="65728"/>
                    <a:pt x="74383" y="65728"/>
                  </a:cubicBezTo>
                  <a:cubicBezTo>
                    <a:pt x="74283" y="65728"/>
                    <a:pt x="74153" y="65823"/>
                    <a:pt x="74111" y="65865"/>
                  </a:cubicBezTo>
                  <a:cubicBezTo>
                    <a:pt x="74011" y="65915"/>
                    <a:pt x="73785" y="66191"/>
                    <a:pt x="73710" y="66316"/>
                  </a:cubicBezTo>
                  <a:cubicBezTo>
                    <a:pt x="73660" y="66492"/>
                    <a:pt x="73835" y="66868"/>
                    <a:pt x="73885" y="67043"/>
                  </a:cubicBezTo>
                  <a:cubicBezTo>
                    <a:pt x="74011" y="67219"/>
                    <a:pt x="74236" y="67494"/>
                    <a:pt x="74337" y="67620"/>
                  </a:cubicBezTo>
                  <a:cubicBezTo>
                    <a:pt x="74387" y="67720"/>
                    <a:pt x="74512" y="67996"/>
                    <a:pt x="74612" y="68046"/>
                  </a:cubicBezTo>
                  <a:cubicBezTo>
                    <a:pt x="74738" y="68171"/>
                    <a:pt x="75013" y="68121"/>
                    <a:pt x="75139" y="68171"/>
                  </a:cubicBezTo>
                  <a:cubicBezTo>
                    <a:pt x="75239" y="68221"/>
                    <a:pt x="75515" y="68346"/>
                    <a:pt x="75640" y="68447"/>
                  </a:cubicBezTo>
                  <a:cubicBezTo>
                    <a:pt x="75690" y="68572"/>
                    <a:pt x="75916" y="68898"/>
                    <a:pt x="75865" y="69023"/>
                  </a:cubicBezTo>
                  <a:lnTo>
                    <a:pt x="75840" y="69023"/>
                  </a:lnTo>
                  <a:cubicBezTo>
                    <a:pt x="75891" y="68923"/>
                    <a:pt x="75690" y="68572"/>
                    <a:pt x="75615" y="68472"/>
                  </a:cubicBezTo>
                  <a:cubicBezTo>
                    <a:pt x="75515" y="68346"/>
                    <a:pt x="75239" y="68246"/>
                    <a:pt x="75114" y="68196"/>
                  </a:cubicBezTo>
                  <a:cubicBezTo>
                    <a:pt x="75013" y="68146"/>
                    <a:pt x="74713" y="68196"/>
                    <a:pt x="74612" y="68071"/>
                  </a:cubicBezTo>
                  <a:cubicBezTo>
                    <a:pt x="74487" y="68146"/>
                    <a:pt x="74211" y="68146"/>
                    <a:pt x="74111" y="68196"/>
                  </a:cubicBezTo>
                  <a:cubicBezTo>
                    <a:pt x="74036" y="68246"/>
                    <a:pt x="73986" y="68472"/>
                    <a:pt x="73885" y="68572"/>
                  </a:cubicBezTo>
                  <a:cubicBezTo>
                    <a:pt x="73810" y="68647"/>
                    <a:pt x="73585" y="68697"/>
                    <a:pt x="73484" y="68697"/>
                  </a:cubicBezTo>
                  <a:cubicBezTo>
                    <a:pt x="73331" y="68697"/>
                    <a:pt x="73101" y="68563"/>
                    <a:pt x="72928" y="68563"/>
                  </a:cubicBezTo>
                  <a:cubicBezTo>
                    <a:pt x="72903" y="68563"/>
                    <a:pt x="72880" y="68566"/>
                    <a:pt x="72858" y="68572"/>
                  </a:cubicBezTo>
                  <a:cubicBezTo>
                    <a:pt x="72758" y="68572"/>
                    <a:pt x="72482" y="68697"/>
                    <a:pt x="72357" y="68798"/>
                  </a:cubicBezTo>
                  <a:cubicBezTo>
                    <a:pt x="72256" y="68873"/>
                    <a:pt x="72031" y="69023"/>
                    <a:pt x="71906" y="69148"/>
                  </a:cubicBezTo>
                  <a:cubicBezTo>
                    <a:pt x="71895" y="69169"/>
                    <a:pt x="71891" y="69197"/>
                    <a:pt x="71891" y="69231"/>
                  </a:cubicBezTo>
                  <a:lnTo>
                    <a:pt x="71891" y="69231"/>
                  </a:lnTo>
                  <a:cubicBezTo>
                    <a:pt x="71890" y="69187"/>
                    <a:pt x="71893" y="69149"/>
                    <a:pt x="71906" y="69123"/>
                  </a:cubicBezTo>
                  <a:cubicBezTo>
                    <a:pt x="72006" y="68998"/>
                    <a:pt x="72231" y="68823"/>
                    <a:pt x="72357" y="68773"/>
                  </a:cubicBezTo>
                  <a:cubicBezTo>
                    <a:pt x="72457" y="68672"/>
                    <a:pt x="72733" y="68547"/>
                    <a:pt x="72858" y="68547"/>
                  </a:cubicBezTo>
                  <a:cubicBezTo>
                    <a:pt x="72880" y="68541"/>
                    <a:pt x="72903" y="68538"/>
                    <a:pt x="72928" y="68538"/>
                  </a:cubicBezTo>
                  <a:cubicBezTo>
                    <a:pt x="73100" y="68538"/>
                    <a:pt x="73328" y="68672"/>
                    <a:pt x="73459" y="68672"/>
                  </a:cubicBezTo>
                  <a:cubicBezTo>
                    <a:pt x="73585" y="68672"/>
                    <a:pt x="73810" y="68597"/>
                    <a:pt x="73860" y="68547"/>
                  </a:cubicBezTo>
                  <a:cubicBezTo>
                    <a:pt x="73986" y="68447"/>
                    <a:pt x="74036" y="68221"/>
                    <a:pt x="74086" y="68146"/>
                  </a:cubicBezTo>
                  <a:cubicBezTo>
                    <a:pt x="74211" y="68096"/>
                    <a:pt x="74487" y="68096"/>
                    <a:pt x="74587" y="68046"/>
                  </a:cubicBezTo>
                  <a:cubicBezTo>
                    <a:pt x="74487" y="67996"/>
                    <a:pt x="74362" y="67695"/>
                    <a:pt x="74312" y="67595"/>
                  </a:cubicBezTo>
                  <a:cubicBezTo>
                    <a:pt x="74211" y="67469"/>
                    <a:pt x="73986" y="67194"/>
                    <a:pt x="73860" y="67018"/>
                  </a:cubicBezTo>
                  <a:cubicBezTo>
                    <a:pt x="73810" y="66868"/>
                    <a:pt x="73635" y="66467"/>
                    <a:pt x="73685" y="66291"/>
                  </a:cubicBezTo>
                  <a:cubicBezTo>
                    <a:pt x="73760" y="66191"/>
                    <a:pt x="73986" y="65890"/>
                    <a:pt x="74086" y="65840"/>
                  </a:cubicBezTo>
                  <a:cubicBezTo>
                    <a:pt x="74125" y="65801"/>
                    <a:pt x="74240" y="65716"/>
                    <a:pt x="74336" y="65716"/>
                  </a:cubicBezTo>
                  <a:close/>
                  <a:moveTo>
                    <a:pt x="64913" y="68973"/>
                  </a:moveTo>
                  <a:cubicBezTo>
                    <a:pt x="64883" y="69077"/>
                    <a:pt x="64810" y="69180"/>
                    <a:pt x="64745" y="69268"/>
                  </a:cubicBezTo>
                  <a:lnTo>
                    <a:pt x="64745" y="69268"/>
                  </a:lnTo>
                  <a:cubicBezTo>
                    <a:pt x="64807" y="69177"/>
                    <a:pt x="64881" y="69070"/>
                    <a:pt x="64913" y="68973"/>
                  </a:cubicBezTo>
                  <a:close/>
                  <a:moveTo>
                    <a:pt x="65364" y="66517"/>
                  </a:moveTo>
                  <a:cubicBezTo>
                    <a:pt x="65464" y="66692"/>
                    <a:pt x="65515" y="67018"/>
                    <a:pt x="65515" y="67194"/>
                  </a:cubicBezTo>
                  <a:cubicBezTo>
                    <a:pt x="65515" y="67369"/>
                    <a:pt x="65464" y="67695"/>
                    <a:pt x="65414" y="67820"/>
                  </a:cubicBezTo>
                  <a:cubicBezTo>
                    <a:pt x="65339" y="67920"/>
                    <a:pt x="65189" y="67996"/>
                    <a:pt x="65139" y="68096"/>
                  </a:cubicBezTo>
                  <a:cubicBezTo>
                    <a:pt x="65063" y="68221"/>
                    <a:pt x="64963" y="68447"/>
                    <a:pt x="64963" y="68547"/>
                  </a:cubicBezTo>
                  <a:lnTo>
                    <a:pt x="64963" y="68898"/>
                  </a:lnTo>
                  <a:cubicBezTo>
                    <a:pt x="65030" y="68898"/>
                    <a:pt x="65108" y="68864"/>
                    <a:pt x="65167" y="68864"/>
                  </a:cubicBezTo>
                  <a:cubicBezTo>
                    <a:pt x="65197" y="68864"/>
                    <a:pt x="65222" y="68873"/>
                    <a:pt x="65239" y="68898"/>
                  </a:cubicBezTo>
                  <a:cubicBezTo>
                    <a:pt x="65339" y="68898"/>
                    <a:pt x="65690" y="68898"/>
                    <a:pt x="65740" y="68998"/>
                  </a:cubicBezTo>
                  <a:cubicBezTo>
                    <a:pt x="65865" y="69048"/>
                    <a:pt x="65790" y="69224"/>
                    <a:pt x="65865" y="69274"/>
                  </a:cubicBezTo>
                  <a:cubicBezTo>
                    <a:pt x="65916" y="69349"/>
                    <a:pt x="66091" y="69399"/>
                    <a:pt x="66191" y="69399"/>
                  </a:cubicBezTo>
                  <a:cubicBezTo>
                    <a:pt x="66241" y="69399"/>
                    <a:pt x="66323" y="69412"/>
                    <a:pt x="66404" y="69412"/>
                  </a:cubicBezTo>
                  <a:cubicBezTo>
                    <a:pt x="66486" y="69412"/>
                    <a:pt x="66567" y="69399"/>
                    <a:pt x="66617" y="69349"/>
                  </a:cubicBezTo>
                  <a:cubicBezTo>
                    <a:pt x="66617" y="69349"/>
                    <a:pt x="66617" y="69374"/>
                    <a:pt x="66617" y="69374"/>
                  </a:cubicBezTo>
                  <a:cubicBezTo>
                    <a:pt x="66555" y="69424"/>
                    <a:pt x="66467" y="69437"/>
                    <a:pt x="66382" y="69437"/>
                  </a:cubicBezTo>
                  <a:cubicBezTo>
                    <a:pt x="66298" y="69437"/>
                    <a:pt x="66216" y="69424"/>
                    <a:pt x="66166" y="69424"/>
                  </a:cubicBezTo>
                  <a:cubicBezTo>
                    <a:pt x="66041" y="69424"/>
                    <a:pt x="65890" y="69374"/>
                    <a:pt x="65815" y="69324"/>
                  </a:cubicBezTo>
                  <a:cubicBezTo>
                    <a:pt x="65765" y="69249"/>
                    <a:pt x="65815" y="69098"/>
                    <a:pt x="65715" y="69023"/>
                  </a:cubicBezTo>
                  <a:cubicBezTo>
                    <a:pt x="65665" y="68923"/>
                    <a:pt x="65314" y="68923"/>
                    <a:pt x="65214" y="68923"/>
                  </a:cubicBezTo>
                  <a:cubicBezTo>
                    <a:pt x="65189" y="68906"/>
                    <a:pt x="65161" y="68901"/>
                    <a:pt x="65131" y="68901"/>
                  </a:cubicBezTo>
                  <a:cubicBezTo>
                    <a:pt x="65072" y="68901"/>
                    <a:pt x="65005" y="68923"/>
                    <a:pt x="64938" y="68923"/>
                  </a:cubicBezTo>
                  <a:lnTo>
                    <a:pt x="64938" y="68898"/>
                  </a:lnTo>
                  <a:lnTo>
                    <a:pt x="64938" y="68547"/>
                  </a:lnTo>
                  <a:cubicBezTo>
                    <a:pt x="64938" y="68447"/>
                    <a:pt x="65038" y="68221"/>
                    <a:pt x="65114" y="68096"/>
                  </a:cubicBezTo>
                  <a:cubicBezTo>
                    <a:pt x="65164" y="67996"/>
                    <a:pt x="65339" y="67920"/>
                    <a:pt x="65389" y="67820"/>
                  </a:cubicBezTo>
                  <a:cubicBezTo>
                    <a:pt x="65439" y="67695"/>
                    <a:pt x="65489" y="67369"/>
                    <a:pt x="65489" y="67194"/>
                  </a:cubicBezTo>
                  <a:cubicBezTo>
                    <a:pt x="65489" y="67043"/>
                    <a:pt x="65439" y="66717"/>
                    <a:pt x="65339" y="66542"/>
                  </a:cubicBezTo>
                  <a:cubicBezTo>
                    <a:pt x="65339" y="66542"/>
                    <a:pt x="65339" y="66542"/>
                    <a:pt x="65364" y="66517"/>
                  </a:cubicBezTo>
                  <a:close/>
                  <a:moveTo>
                    <a:pt x="64601" y="69498"/>
                  </a:moveTo>
                  <a:lnTo>
                    <a:pt x="64515" y="69669"/>
                  </a:lnTo>
                  <a:lnTo>
                    <a:pt x="64515" y="69669"/>
                  </a:lnTo>
                  <a:cubicBezTo>
                    <a:pt x="64542" y="69610"/>
                    <a:pt x="64572" y="69550"/>
                    <a:pt x="64601" y="69498"/>
                  </a:cubicBezTo>
                  <a:close/>
                  <a:moveTo>
                    <a:pt x="67144" y="68284"/>
                  </a:moveTo>
                  <a:cubicBezTo>
                    <a:pt x="67225" y="68284"/>
                    <a:pt x="67307" y="68296"/>
                    <a:pt x="67369" y="68321"/>
                  </a:cubicBezTo>
                  <a:cubicBezTo>
                    <a:pt x="67419" y="68372"/>
                    <a:pt x="67545" y="68547"/>
                    <a:pt x="67595" y="68547"/>
                  </a:cubicBezTo>
                  <a:cubicBezTo>
                    <a:pt x="67682" y="68572"/>
                    <a:pt x="67795" y="68572"/>
                    <a:pt x="67899" y="68572"/>
                  </a:cubicBezTo>
                  <a:cubicBezTo>
                    <a:pt x="68002" y="68572"/>
                    <a:pt x="68096" y="68572"/>
                    <a:pt x="68146" y="68597"/>
                  </a:cubicBezTo>
                  <a:cubicBezTo>
                    <a:pt x="68196" y="68597"/>
                    <a:pt x="68372" y="68672"/>
                    <a:pt x="68372" y="68722"/>
                  </a:cubicBezTo>
                  <a:cubicBezTo>
                    <a:pt x="68422" y="68823"/>
                    <a:pt x="68322" y="68998"/>
                    <a:pt x="68322" y="69123"/>
                  </a:cubicBezTo>
                  <a:cubicBezTo>
                    <a:pt x="68322" y="69224"/>
                    <a:pt x="68322" y="69524"/>
                    <a:pt x="68422" y="69625"/>
                  </a:cubicBezTo>
                  <a:cubicBezTo>
                    <a:pt x="68459" y="69650"/>
                    <a:pt x="68535" y="69662"/>
                    <a:pt x="68607" y="69662"/>
                  </a:cubicBezTo>
                  <a:cubicBezTo>
                    <a:pt x="68679" y="69662"/>
                    <a:pt x="68748" y="69650"/>
                    <a:pt x="68773" y="69625"/>
                  </a:cubicBezTo>
                  <a:cubicBezTo>
                    <a:pt x="68873" y="69625"/>
                    <a:pt x="68998" y="69399"/>
                    <a:pt x="69099" y="69349"/>
                  </a:cubicBezTo>
                  <a:cubicBezTo>
                    <a:pt x="69149" y="69349"/>
                    <a:pt x="69274" y="69399"/>
                    <a:pt x="69324" y="69399"/>
                  </a:cubicBezTo>
                  <a:cubicBezTo>
                    <a:pt x="69449" y="69449"/>
                    <a:pt x="69550" y="69575"/>
                    <a:pt x="69675" y="69575"/>
                  </a:cubicBezTo>
                  <a:cubicBezTo>
                    <a:pt x="69714" y="69587"/>
                    <a:pt x="69769" y="69594"/>
                    <a:pt x="69833" y="69594"/>
                  </a:cubicBezTo>
                  <a:cubicBezTo>
                    <a:pt x="70017" y="69594"/>
                    <a:pt x="70272" y="69542"/>
                    <a:pt x="70402" y="69449"/>
                  </a:cubicBezTo>
                  <a:cubicBezTo>
                    <a:pt x="70452" y="69449"/>
                    <a:pt x="70452" y="69274"/>
                    <a:pt x="70502" y="69274"/>
                  </a:cubicBezTo>
                  <a:cubicBezTo>
                    <a:pt x="70522" y="69266"/>
                    <a:pt x="70546" y="69262"/>
                    <a:pt x="70573" y="69262"/>
                  </a:cubicBezTo>
                  <a:cubicBezTo>
                    <a:pt x="70712" y="69262"/>
                    <a:pt x="70919" y="69357"/>
                    <a:pt x="71003" y="69399"/>
                  </a:cubicBezTo>
                  <a:cubicBezTo>
                    <a:pt x="71129" y="69449"/>
                    <a:pt x="71279" y="69800"/>
                    <a:pt x="71404" y="69800"/>
                  </a:cubicBezTo>
                  <a:cubicBezTo>
                    <a:pt x="71422" y="69809"/>
                    <a:pt x="71446" y="69813"/>
                    <a:pt x="71473" y="69813"/>
                  </a:cubicBezTo>
                  <a:cubicBezTo>
                    <a:pt x="71597" y="69813"/>
                    <a:pt x="71794" y="69727"/>
                    <a:pt x="71855" y="69625"/>
                  </a:cubicBezTo>
                  <a:cubicBezTo>
                    <a:pt x="71890" y="69590"/>
                    <a:pt x="71901" y="69531"/>
                    <a:pt x="71902" y="69464"/>
                  </a:cubicBezTo>
                  <a:lnTo>
                    <a:pt x="71902" y="69464"/>
                  </a:lnTo>
                  <a:cubicBezTo>
                    <a:pt x="71903" y="69541"/>
                    <a:pt x="71895" y="69610"/>
                    <a:pt x="71855" y="69650"/>
                  </a:cubicBezTo>
                  <a:cubicBezTo>
                    <a:pt x="71814" y="69752"/>
                    <a:pt x="71605" y="69838"/>
                    <a:pt x="71475" y="69838"/>
                  </a:cubicBezTo>
                  <a:cubicBezTo>
                    <a:pt x="71447" y="69838"/>
                    <a:pt x="71422" y="69834"/>
                    <a:pt x="71404" y="69825"/>
                  </a:cubicBezTo>
                  <a:cubicBezTo>
                    <a:pt x="71279" y="69825"/>
                    <a:pt x="71129" y="69474"/>
                    <a:pt x="71003" y="69424"/>
                  </a:cubicBezTo>
                  <a:cubicBezTo>
                    <a:pt x="70925" y="69385"/>
                    <a:pt x="70725" y="69300"/>
                    <a:pt x="70594" y="69300"/>
                  </a:cubicBezTo>
                  <a:cubicBezTo>
                    <a:pt x="70556" y="69300"/>
                    <a:pt x="70524" y="69307"/>
                    <a:pt x="70502" y="69324"/>
                  </a:cubicBezTo>
                  <a:cubicBezTo>
                    <a:pt x="70452" y="69324"/>
                    <a:pt x="70452" y="69474"/>
                    <a:pt x="70377" y="69474"/>
                  </a:cubicBezTo>
                  <a:cubicBezTo>
                    <a:pt x="70265" y="69567"/>
                    <a:pt x="70016" y="69619"/>
                    <a:pt x="69823" y="69619"/>
                  </a:cubicBezTo>
                  <a:cubicBezTo>
                    <a:pt x="69756" y="69619"/>
                    <a:pt x="69695" y="69613"/>
                    <a:pt x="69650" y="69600"/>
                  </a:cubicBezTo>
                  <a:cubicBezTo>
                    <a:pt x="69550" y="69600"/>
                    <a:pt x="69424" y="69474"/>
                    <a:pt x="69324" y="69424"/>
                  </a:cubicBezTo>
                  <a:cubicBezTo>
                    <a:pt x="69249" y="69424"/>
                    <a:pt x="69149" y="69374"/>
                    <a:pt x="69099" y="69374"/>
                  </a:cubicBezTo>
                  <a:cubicBezTo>
                    <a:pt x="68973" y="69424"/>
                    <a:pt x="68873" y="69650"/>
                    <a:pt x="68748" y="69650"/>
                  </a:cubicBezTo>
                  <a:cubicBezTo>
                    <a:pt x="68723" y="69675"/>
                    <a:pt x="68654" y="69687"/>
                    <a:pt x="68585" y="69687"/>
                  </a:cubicBezTo>
                  <a:cubicBezTo>
                    <a:pt x="68516" y="69687"/>
                    <a:pt x="68447" y="69675"/>
                    <a:pt x="68422" y="69650"/>
                  </a:cubicBezTo>
                  <a:cubicBezTo>
                    <a:pt x="68296" y="69549"/>
                    <a:pt x="68296" y="69249"/>
                    <a:pt x="68296" y="69148"/>
                  </a:cubicBezTo>
                  <a:cubicBezTo>
                    <a:pt x="68296" y="69023"/>
                    <a:pt x="68422" y="68873"/>
                    <a:pt x="68347" y="68747"/>
                  </a:cubicBezTo>
                  <a:cubicBezTo>
                    <a:pt x="68347" y="68697"/>
                    <a:pt x="68196" y="68647"/>
                    <a:pt x="68146" y="68647"/>
                  </a:cubicBezTo>
                  <a:cubicBezTo>
                    <a:pt x="68083" y="68610"/>
                    <a:pt x="67983" y="68610"/>
                    <a:pt x="67877" y="68610"/>
                  </a:cubicBezTo>
                  <a:cubicBezTo>
                    <a:pt x="67770" y="68610"/>
                    <a:pt x="67657" y="68610"/>
                    <a:pt x="67570" y="68572"/>
                  </a:cubicBezTo>
                  <a:cubicBezTo>
                    <a:pt x="67520" y="68572"/>
                    <a:pt x="67394" y="68422"/>
                    <a:pt x="67344" y="68346"/>
                  </a:cubicBezTo>
                  <a:cubicBezTo>
                    <a:pt x="67294" y="68321"/>
                    <a:pt x="67213" y="68309"/>
                    <a:pt x="67128" y="68309"/>
                  </a:cubicBezTo>
                  <a:cubicBezTo>
                    <a:pt x="67043" y="68309"/>
                    <a:pt x="66956" y="68321"/>
                    <a:pt x="66893" y="68346"/>
                  </a:cubicBezTo>
                  <a:cubicBezTo>
                    <a:pt x="66868" y="68346"/>
                    <a:pt x="66768" y="68422"/>
                    <a:pt x="66718" y="68472"/>
                  </a:cubicBezTo>
                  <a:cubicBezTo>
                    <a:pt x="66743" y="68397"/>
                    <a:pt x="66868" y="68321"/>
                    <a:pt x="66918" y="68321"/>
                  </a:cubicBezTo>
                  <a:cubicBezTo>
                    <a:pt x="66981" y="68296"/>
                    <a:pt x="67062" y="68284"/>
                    <a:pt x="67144" y="68284"/>
                  </a:cubicBezTo>
                  <a:close/>
                  <a:moveTo>
                    <a:pt x="64422" y="69855"/>
                  </a:moveTo>
                  <a:lnTo>
                    <a:pt x="64412" y="69875"/>
                  </a:lnTo>
                  <a:cubicBezTo>
                    <a:pt x="64412" y="69864"/>
                    <a:pt x="64417" y="69858"/>
                    <a:pt x="64422" y="69855"/>
                  </a:cubicBezTo>
                  <a:close/>
                  <a:moveTo>
                    <a:pt x="75464" y="69148"/>
                  </a:moveTo>
                  <a:cubicBezTo>
                    <a:pt x="75414" y="69324"/>
                    <a:pt x="75464" y="69700"/>
                    <a:pt x="75590" y="69850"/>
                  </a:cubicBezTo>
                  <a:cubicBezTo>
                    <a:pt x="75640" y="69925"/>
                    <a:pt x="75815" y="70026"/>
                    <a:pt x="75865" y="70076"/>
                  </a:cubicBezTo>
                  <a:cubicBezTo>
                    <a:pt x="75966" y="70151"/>
                    <a:pt x="76266" y="70251"/>
                    <a:pt x="76417" y="70251"/>
                  </a:cubicBezTo>
                  <a:cubicBezTo>
                    <a:pt x="76443" y="70262"/>
                    <a:pt x="76474" y="70266"/>
                    <a:pt x="76508" y="70266"/>
                  </a:cubicBezTo>
                  <a:cubicBezTo>
                    <a:pt x="76599" y="70266"/>
                    <a:pt x="76707" y="70237"/>
                    <a:pt x="76790" y="70237"/>
                  </a:cubicBezTo>
                  <a:cubicBezTo>
                    <a:pt x="76820" y="70237"/>
                    <a:pt x="76847" y="70241"/>
                    <a:pt x="76868" y="70251"/>
                  </a:cubicBezTo>
                  <a:cubicBezTo>
                    <a:pt x="76993" y="70377"/>
                    <a:pt x="77043" y="70652"/>
                    <a:pt x="77094" y="70828"/>
                  </a:cubicBezTo>
                  <a:cubicBezTo>
                    <a:pt x="77018" y="70677"/>
                    <a:pt x="76968" y="70377"/>
                    <a:pt x="76868" y="70276"/>
                  </a:cubicBezTo>
                  <a:cubicBezTo>
                    <a:pt x="76841" y="70266"/>
                    <a:pt x="76811" y="70262"/>
                    <a:pt x="76777" y="70262"/>
                  </a:cubicBezTo>
                  <a:cubicBezTo>
                    <a:pt x="76686" y="70262"/>
                    <a:pt x="76578" y="70291"/>
                    <a:pt x="76495" y="70291"/>
                  </a:cubicBezTo>
                  <a:cubicBezTo>
                    <a:pt x="76465" y="70291"/>
                    <a:pt x="76438" y="70287"/>
                    <a:pt x="76417" y="70276"/>
                  </a:cubicBezTo>
                  <a:cubicBezTo>
                    <a:pt x="76241" y="70276"/>
                    <a:pt x="75966" y="70151"/>
                    <a:pt x="75840" y="70101"/>
                  </a:cubicBezTo>
                  <a:cubicBezTo>
                    <a:pt x="75790" y="70051"/>
                    <a:pt x="75615" y="69925"/>
                    <a:pt x="75565" y="69875"/>
                  </a:cubicBezTo>
                  <a:cubicBezTo>
                    <a:pt x="75464" y="69700"/>
                    <a:pt x="75389" y="69324"/>
                    <a:pt x="75464" y="69148"/>
                  </a:cubicBezTo>
                  <a:close/>
                  <a:moveTo>
                    <a:pt x="64286" y="71054"/>
                  </a:moveTo>
                  <a:cubicBezTo>
                    <a:pt x="64241" y="71191"/>
                    <a:pt x="64132" y="71328"/>
                    <a:pt x="64038" y="71427"/>
                  </a:cubicBezTo>
                  <a:lnTo>
                    <a:pt x="64038" y="71427"/>
                  </a:lnTo>
                  <a:cubicBezTo>
                    <a:pt x="64113" y="71327"/>
                    <a:pt x="64237" y="71203"/>
                    <a:pt x="64286" y="71054"/>
                  </a:cubicBezTo>
                  <a:close/>
                  <a:moveTo>
                    <a:pt x="81379" y="72181"/>
                  </a:moveTo>
                  <a:cubicBezTo>
                    <a:pt x="81293" y="72181"/>
                    <a:pt x="81115" y="72310"/>
                    <a:pt x="81019" y="72426"/>
                  </a:cubicBezTo>
                  <a:lnTo>
                    <a:pt x="81019" y="72426"/>
                  </a:lnTo>
                  <a:cubicBezTo>
                    <a:pt x="81090" y="72308"/>
                    <a:pt x="81287" y="72181"/>
                    <a:pt x="81379" y="72181"/>
                  </a:cubicBezTo>
                  <a:close/>
                  <a:moveTo>
                    <a:pt x="82683" y="71730"/>
                  </a:moveTo>
                  <a:cubicBezTo>
                    <a:pt x="82632" y="71805"/>
                    <a:pt x="82632" y="71956"/>
                    <a:pt x="82557" y="72081"/>
                  </a:cubicBezTo>
                  <a:cubicBezTo>
                    <a:pt x="82507" y="72131"/>
                    <a:pt x="82231" y="72306"/>
                    <a:pt x="82181" y="72407"/>
                  </a:cubicBezTo>
                  <a:cubicBezTo>
                    <a:pt x="82156" y="72432"/>
                    <a:pt x="82156" y="72457"/>
                    <a:pt x="82156" y="72457"/>
                  </a:cubicBezTo>
                  <a:cubicBezTo>
                    <a:pt x="82156" y="72432"/>
                    <a:pt x="82156" y="72407"/>
                    <a:pt x="82181" y="72382"/>
                  </a:cubicBezTo>
                  <a:cubicBezTo>
                    <a:pt x="82231" y="72281"/>
                    <a:pt x="82507" y="72106"/>
                    <a:pt x="82557" y="72056"/>
                  </a:cubicBezTo>
                  <a:cubicBezTo>
                    <a:pt x="82632" y="71956"/>
                    <a:pt x="82632" y="71780"/>
                    <a:pt x="82683" y="71730"/>
                  </a:cubicBezTo>
                  <a:close/>
                  <a:moveTo>
                    <a:pt x="83008" y="71555"/>
                  </a:moveTo>
                  <a:cubicBezTo>
                    <a:pt x="83134" y="71555"/>
                    <a:pt x="83409" y="71605"/>
                    <a:pt x="83585" y="71655"/>
                  </a:cubicBezTo>
                  <a:cubicBezTo>
                    <a:pt x="83760" y="71730"/>
                    <a:pt x="84036" y="71880"/>
                    <a:pt x="84211" y="72006"/>
                  </a:cubicBezTo>
                  <a:cubicBezTo>
                    <a:pt x="84312" y="72106"/>
                    <a:pt x="84487" y="72331"/>
                    <a:pt x="84537" y="72457"/>
                  </a:cubicBezTo>
                  <a:cubicBezTo>
                    <a:pt x="84487" y="72357"/>
                    <a:pt x="84312" y="72131"/>
                    <a:pt x="84211" y="72031"/>
                  </a:cubicBezTo>
                  <a:cubicBezTo>
                    <a:pt x="84036" y="71905"/>
                    <a:pt x="83760" y="71730"/>
                    <a:pt x="83585" y="71680"/>
                  </a:cubicBezTo>
                  <a:cubicBezTo>
                    <a:pt x="83409" y="71630"/>
                    <a:pt x="83134" y="71580"/>
                    <a:pt x="83008" y="71580"/>
                  </a:cubicBezTo>
                  <a:cubicBezTo>
                    <a:pt x="82908" y="71630"/>
                    <a:pt x="82733" y="71680"/>
                    <a:pt x="82683" y="71730"/>
                  </a:cubicBezTo>
                  <a:cubicBezTo>
                    <a:pt x="82733" y="71655"/>
                    <a:pt x="82908" y="71605"/>
                    <a:pt x="83008" y="71555"/>
                  </a:cubicBezTo>
                  <a:close/>
                  <a:moveTo>
                    <a:pt x="77092" y="70865"/>
                  </a:moveTo>
                  <a:cubicBezTo>
                    <a:pt x="77079" y="71030"/>
                    <a:pt x="76997" y="71342"/>
                    <a:pt x="77043" y="71504"/>
                  </a:cubicBezTo>
                  <a:cubicBezTo>
                    <a:pt x="77043" y="71555"/>
                    <a:pt x="77219" y="71730"/>
                    <a:pt x="77269" y="71780"/>
                  </a:cubicBezTo>
                  <a:cubicBezTo>
                    <a:pt x="77394" y="71956"/>
                    <a:pt x="77394" y="72281"/>
                    <a:pt x="77495" y="72382"/>
                  </a:cubicBezTo>
                  <a:cubicBezTo>
                    <a:pt x="77620" y="72457"/>
                    <a:pt x="77946" y="72557"/>
                    <a:pt x="78121" y="72557"/>
                  </a:cubicBezTo>
                  <a:cubicBezTo>
                    <a:pt x="78221" y="72557"/>
                    <a:pt x="78447" y="72382"/>
                    <a:pt x="78572" y="72382"/>
                  </a:cubicBezTo>
                  <a:cubicBezTo>
                    <a:pt x="78640" y="72348"/>
                    <a:pt x="78742" y="72291"/>
                    <a:pt x="78816" y="72258"/>
                  </a:cubicBezTo>
                  <a:lnTo>
                    <a:pt x="78816" y="72258"/>
                  </a:lnTo>
                  <a:cubicBezTo>
                    <a:pt x="78738" y="72297"/>
                    <a:pt x="78636" y="72371"/>
                    <a:pt x="78547" y="72407"/>
                  </a:cubicBezTo>
                  <a:cubicBezTo>
                    <a:pt x="78447" y="72407"/>
                    <a:pt x="78221" y="72582"/>
                    <a:pt x="78096" y="72582"/>
                  </a:cubicBezTo>
                  <a:cubicBezTo>
                    <a:pt x="77921" y="72582"/>
                    <a:pt x="77595" y="72457"/>
                    <a:pt x="77469" y="72407"/>
                  </a:cubicBezTo>
                  <a:cubicBezTo>
                    <a:pt x="77369" y="72306"/>
                    <a:pt x="77369" y="71956"/>
                    <a:pt x="77244" y="71780"/>
                  </a:cubicBezTo>
                  <a:cubicBezTo>
                    <a:pt x="77194" y="71730"/>
                    <a:pt x="77018" y="71555"/>
                    <a:pt x="77018" y="71504"/>
                  </a:cubicBezTo>
                  <a:cubicBezTo>
                    <a:pt x="76972" y="71341"/>
                    <a:pt x="77078" y="71046"/>
                    <a:pt x="77092" y="70865"/>
                  </a:cubicBezTo>
                  <a:close/>
                  <a:moveTo>
                    <a:pt x="81379" y="72181"/>
                  </a:moveTo>
                  <a:cubicBezTo>
                    <a:pt x="81505" y="72181"/>
                    <a:pt x="81680" y="72281"/>
                    <a:pt x="81730" y="72382"/>
                  </a:cubicBezTo>
                  <a:cubicBezTo>
                    <a:pt x="81780" y="72457"/>
                    <a:pt x="81730" y="72682"/>
                    <a:pt x="81830" y="72732"/>
                  </a:cubicBezTo>
                  <a:cubicBezTo>
                    <a:pt x="81906" y="72732"/>
                    <a:pt x="82056" y="72682"/>
                    <a:pt x="82106" y="72607"/>
                  </a:cubicBezTo>
                  <a:cubicBezTo>
                    <a:pt x="82131" y="72607"/>
                    <a:pt x="82131" y="72583"/>
                    <a:pt x="82131" y="72582"/>
                  </a:cubicBezTo>
                  <a:lnTo>
                    <a:pt x="82131" y="72582"/>
                  </a:lnTo>
                  <a:cubicBezTo>
                    <a:pt x="82131" y="72607"/>
                    <a:pt x="82131" y="72632"/>
                    <a:pt x="82106" y="72632"/>
                  </a:cubicBezTo>
                  <a:cubicBezTo>
                    <a:pt x="82056" y="72707"/>
                    <a:pt x="81881" y="72758"/>
                    <a:pt x="81830" y="72758"/>
                  </a:cubicBezTo>
                  <a:cubicBezTo>
                    <a:pt x="81730" y="72707"/>
                    <a:pt x="81780" y="72482"/>
                    <a:pt x="81730" y="72407"/>
                  </a:cubicBezTo>
                  <a:cubicBezTo>
                    <a:pt x="81655" y="72306"/>
                    <a:pt x="81505" y="72181"/>
                    <a:pt x="81379" y="72181"/>
                  </a:cubicBezTo>
                  <a:close/>
                  <a:moveTo>
                    <a:pt x="78898" y="72231"/>
                  </a:moveTo>
                  <a:lnTo>
                    <a:pt x="78898" y="72231"/>
                  </a:lnTo>
                  <a:cubicBezTo>
                    <a:pt x="79124" y="72231"/>
                    <a:pt x="79349" y="72507"/>
                    <a:pt x="79525" y="72557"/>
                  </a:cubicBezTo>
                  <a:cubicBezTo>
                    <a:pt x="79650" y="72607"/>
                    <a:pt x="79876" y="72732"/>
                    <a:pt x="79976" y="72783"/>
                  </a:cubicBezTo>
                  <a:lnTo>
                    <a:pt x="80201" y="72783"/>
                  </a:lnTo>
                  <a:cubicBezTo>
                    <a:pt x="80327" y="72783"/>
                    <a:pt x="80427" y="72783"/>
                    <a:pt x="80477" y="72732"/>
                  </a:cubicBezTo>
                  <a:cubicBezTo>
                    <a:pt x="80647" y="72684"/>
                    <a:pt x="80864" y="72518"/>
                    <a:pt x="80991" y="72462"/>
                  </a:cubicBezTo>
                  <a:lnTo>
                    <a:pt x="80991" y="72462"/>
                  </a:lnTo>
                  <a:cubicBezTo>
                    <a:pt x="80987" y="72469"/>
                    <a:pt x="80982" y="72475"/>
                    <a:pt x="80978" y="72482"/>
                  </a:cubicBezTo>
                  <a:cubicBezTo>
                    <a:pt x="80878" y="72532"/>
                    <a:pt x="80652" y="72707"/>
                    <a:pt x="80477" y="72758"/>
                  </a:cubicBezTo>
                  <a:cubicBezTo>
                    <a:pt x="80427" y="72808"/>
                    <a:pt x="80302" y="72808"/>
                    <a:pt x="80201" y="72808"/>
                  </a:cubicBezTo>
                  <a:cubicBezTo>
                    <a:pt x="80151" y="72933"/>
                    <a:pt x="80151" y="73033"/>
                    <a:pt x="80151" y="73083"/>
                  </a:cubicBezTo>
                  <a:cubicBezTo>
                    <a:pt x="80151" y="73193"/>
                    <a:pt x="80190" y="73457"/>
                    <a:pt x="80233" y="73605"/>
                  </a:cubicBezTo>
                  <a:lnTo>
                    <a:pt x="80233" y="73605"/>
                  </a:lnTo>
                  <a:cubicBezTo>
                    <a:pt x="80168" y="73481"/>
                    <a:pt x="80126" y="73198"/>
                    <a:pt x="80126" y="73083"/>
                  </a:cubicBezTo>
                  <a:cubicBezTo>
                    <a:pt x="80126" y="73033"/>
                    <a:pt x="80126" y="72908"/>
                    <a:pt x="80176" y="72808"/>
                  </a:cubicBezTo>
                  <a:lnTo>
                    <a:pt x="79951" y="72808"/>
                  </a:lnTo>
                  <a:lnTo>
                    <a:pt x="79500" y="72582"/>
                  </a:lnTo>
                  <a:cubicBezTo>
                    <a:pt x="79349" y="72532"/>
                    <a:pt x="79124" y="72231"/>
                    <a:pt x="78898" y="72231"/>
                  </a:cubicBezTo>
                  <a:close/>
                  <a:moveTo>
                    <a:pt x="86016" y="73860"/>
                  </a:moveTo>
                  <a:cubicBezTo>
                    <a:pt x="86116" y="73860"/>
                    <a:pt x="86292" y="74036"/>
                    <a:pt x="86392" y="74136"/>
                  </a:cubicBezTo>
                  <a:cubicBezTo>
                    <a:pt x="86396" y="74140"/>
                    <a:pt x="86400" y="74144"/>
                    <a:pt x="86403" y="74148"/>
                  </a:cubicBezTo>
                  <a:lnTo>
                    <a:pt x="86403" y="74148"/>
                  </a:lnTo>
                  <a:cubicBezTo>
                    <a:pt x="86279" y="74025"/>
                    <a:pt x="86113" y="73885"/>
                    <a:pt x="86016" y="73885"/>
                  </a:cubicBezTo>
                  <a:cubicBezTo>
                    <a:pt x="85891" y="73885"/>
                    <a:pt x="85740" y="73986"/>
                    <a:pt x="85665" y="74036"/>
                  </a:cubicBezTo>
                  <a:cubicBezTo>
                    <a:pt x="85715" y="73961"/>
                    <a:pt x="85891" y="73860"/>
                    <a:pt x="86016" y="73860"/>
                  </a:cubicBezTo>
                  <a:close/>
                  <a:moveTo>
                    <a:pt x="86417" y="74162"/>
                  </a:moveTo>
                  <a:lnTo>
                    <a:pt x="86417" y="74162"/>
                  </a:lnTo>
                  <a:cubicBezTo>
                    <a:pt x="86431" y="74178"/>
                    <a:pt x="86442" y="74195"/>
                    <a:pt x="86442" y="74211"/>
                  </a:cubicBezTo>
                  <a:lnTo>
                    <a:pt x="86442" y="74211"/>
                  </a:lnTo>
                  <a:cubicBezTo>
                    <a:pt x="86442" y="74186"/>
                    <a:pt x="86418" y="74186"/>
                    <a:pt x="86417" y="74162"/>
                  </a:cubicBezTo>
                  <a:close/>
                  <a:moveTo>
                    <a:pt x="85665" y="74036"/>
                  </a:moveTo>
                  <a:lnTo>
                    <a:pt x="85665" y="74036"/>
                  </a:lnTo>
                  <a:cubicBezTo>
                    <a:pt x="85615" y="74161"/>
                    <a:pt x="85740" y="74387"/>
                    <a:pt x="85665" y="74487"/>
                  </a:cubicBezTo>
                  <a:cubicBezTo>
                    <a:pt x="85715" y="74362"/>
                    <a:pt x="85615" y="74136"/>
                    <a:pt x="85665" y="74036"/>
                  </a:cubicBezTo>
                  <a:close/>
                  <a:moveTo>
                    <a:pt x="84161" y="73534"/>
                  </a:moveTo>
                  <a:cubicBezTo>
                    <a:pt x="84161" y="73610"/>
                    <a:pt x="84261" y="73810"/>
                    <a:pt x="84312" y="73860"/>
                  </a:cubicBezTo>
                  <a:cubicBezTo>
                    <a:pt x="84362" y="73910"/>
                    <a:pt x="84587" y="73910"/>
                    <a:pt x="84713" y="73910"/>
                  </a:cubicBezTo>
                  <a:cubicBezTo>
                    <a:pt x="84813" y="73961"/>
                    <a:pt x="85038" y="74036"/>
                    <a:pt x="85164" y="74136"/>
                  </a:cubicBezTo>
                  <a:cubicBezTo>
                    <a:pt x="85214" y="74186"/>
                    <a:pt x="85214" y="74487"/>
                    <a:pt x="85339" y="74537"/>
                  </a:cubicBezTo>
                  <a:cubicBezTo>
                    <a:pt x="85389" y="74537"/>
                    <a:pt x="85615" y="74537"/>
                    <a:pt x="85665" y="74487"/>
                  </a:cubicBezTo>
                  <a:lnTo>
                    <a:pt x="85665" y="74487"/>
                  </a:lnTo>
                  <a:cubicBezTo>
                    <a:pt x="85615" y="74562"/>
                    <a:pt x="85389" y="74562"/>
                    <a:pt x="85339" y="74562"/>
                  </a:cubicBezTo>
                  <a:cubicBezTo>
                    <a:pt x="85214" y="74487"/>
                    <a:pt x="85214" y="74211"/>
                    <a:pt x="85164" y="74161"/>
                  </a:cubicBezTo>
                  <a:cubicBezTo>
                    <a:pt x="85063" y="74036"/>
                    <a:pt x="84838" y="73986"/>
                    <a:pt x="84713" y="73935"/>
                  </a:cubicBezTo>
                  <a:cubicBezTo>
                    <a:pt x="84587" y="73935"/>
                    <a:pt x="84362" y="73935"/>
                    <a:pt x="84312" y="73885"/>
                  </a:cubicBezTo>
                  <a:cubicBezTo>
                    <a:pt x="84261" y="73810"/>
                    <a:pt x="84136" y="73585"/>
                    <a:pt x="84136" y="73534"/>
                  </a:cubicBezTo>
                  <a:close/>
                  <a:moveTo>
                    <a:pt x="80305" y="73755"/>
                  </a:moveTo>
                  <a:lnTo>
                    <a:pt x="80305" y="73755"/>
                  </a:lnTo>
                  <a:cubicBezTo>
                    <a:pt x="80361" y="73846"/>
                    <a:pt x="80427" y="73949"/>
                    <a:pt x="80427" y="73986"/>
                  </a:cubicBezTo>
                  <a:cubicBezTo>
                    <a:pt x="80477" y="74161"/>
                    <a:pt x="80527" y="74487"/>
                    <a:pt x="80477" y="74612"/>
                  </a:cubicBezTo>
                  <a:cubicBezTo>
                    <a:pt x="80527" y="74487"/>
                    <a:pt x="80477" y="74161"/>
                    <a:pt x="80402" y="73986"/>
                  </a:cubicBezTo>
                  <a:cubicBezTo>
                    <a:pt x="80402" y="73950"/>
                    <a:pt x="80352" y="73853"/>
                    <a:pt x="80305" y="73755"/>
                  </a:cubicBezTo>
                  <a:close/>
                  <a:moveTo>
                    <a:pt x="80477" y="74615"/>
                  </a:moveTo>
                  <a:cubicBezTo>
                    <a:pt x="80474" y="74715"/>
                    <a:pt x="80301" y="74888"/>
                    <a:pt x="80201" y="74938"/>
                  </a:cubicBezTo>
                  <a:cubicBezTo>
                    <a:pt x="80151" y="75013"/>
                    <a:pt x="79976" y="75013"/>
                    <a:pt x="79926" y="75063"/>
                  </a:cubicBezTo>
                  <a:cubicBezTo>
                    <a:pt x="79800" y="75113"/>
                    <a:pt x="79750" y="75339"/>
                    <a:pt x="79625" y="75389"/>
                  </a:cubicBezTo>
                  <a:cubicBezTo>
                    <a:pt x="79725" y="75339"/>
                    <a:pt x="79800" y="75113"/>
                    <a:pt x="79901" y="75063"/>
                  </a:cubicBezTo>
                  <a:cubicBezTo>
                    <a:pt x="79951" y="74988"/>
                    <a:pt x="80126" y="74988"/>
                    <a:pt x="80176" y="74938"/>
                  </a:cubicBezTo>
                  <a:cubicBezTo>
                    <a:pt x="80301" y="74888"/>
                    <a:pt x="80474" y="74715"/>
                    <a:pt x="80477" y="74615"/>
                  </a:cubicBezTo>
                  <a:close/>
                  <a:moveTo>
                    <a:pt x="78946" y="75143"/>
                  </a:moveTo>
                  <a:cubicBezTo>
                    <a:pt x="78953" y="75143"/>
                    <a:pt x="78959" y="75143"/>
                    <a:pt x="78966" y="75143"/>
                  </a:cubicBezTo>
                  <a:lnTo>
                    <a:pt x="78966" y="75143"/>
                  </a:lnTo>
                  <a:cubicBezTo>
                    <a:pt x="78965" y="75143"/>
                    <a:pt x="78965" y="75143"/>
                    <a:pt x="78965" y="75143"/>
                  </a:cubicBezTo>
                  <a:cubicBezTo>
                    <a:pt x="78870" y="75143"/>
                    <a:pt x="78777" y="75185"/>
                    <a:pt x="78723" y="75239"/>
                  </a:cubicBezTo>
                  <a:cubicBezTo>
                    <a:pt x="78622" y="75289"/>
                    <a:pt x="78497" y="75464"/>
                    <a:pt x="78447" y="75565"/>
                  </a:cubicBezTo>
                  <a:cubicBezTo>
                    <a:pt x="78497" y="75439"/>
                    <a:pt x="78597" y="75289"/>
                    <a:pt x="78723" y="75214"/>
                  </a:cubicBezTo>
                  <a:cubicBezTo>
                    <a:pt x="78758" y="75178"/>
                    <a:pt x="78856" y="75143"/>
                    <a:pt x="78946" y="75143"/>
                  </a:cubicBezTo>
                  <a:close/>
                  <a:moveTo>
                    <a:pt x="90941" y="75903"/>
                  </a:moveTo>
                  <a:cubicBezTo>
                    <a:pt x="90997" y="75903"/>
                    <a:pt x="91054" y="75915"/>
                    <a:pt x="91079" y="75940"/>
                  </a:cubicBezTo>
                  <a:cubicBezTo>
                    <a:pt x="91103" y="75957"/>
                    <a:pt x="91134" y="75979"/>
                    <a:pt x="91165" y="76005"/>
                  </a:cubicBezTo>
                  <a:lnTo>
                    <a:pt x="91165" y="76005"/>
                  </a:lnTo>
                  <a:cubicBezTo>
                    <a:pt x="91137" y="75987"/>
                    <a:pt x="91108" y="75973"/>
                    <a:pt x="91079" y="75966"/>
                  </a:cubicBezTo>
                  <a:cubicBezTo>
                    <a:pt x="91054" y="75940"/>
                    <a:pt x="90997" y="75928"/>
                    <a:pt x="90941" y="75928"/>
                  </a:cubicBezTo>
                  <a:cubicBezTo>
                    <a:pt x="90884" y="75928"/>
                    <a:pt x="90828" y="75940"/>
                    <a:pt x="90803" y="75966"/>
                  </a:cubicBezTo>
                  <a:cubicBezTo>
                    <a:pt x="90703" y="76016"/>
                    <a:pt x="90627" y="76291"/>
                    <a:pt x="90527" y="76367"/>
                  </a:cubicBezTo>
                  <a:cubicBezTo>
                    <a:pt x="90465" y="76392"/>
                    <a:pt x="90377" y="76404"/>
                    <a:pt x="90292" y="76404"/>
                  </a:cubicBezTo>
                  <a:cubicBezTo>
                    <a:pt x="90208" y="76404"/>
                    <a:pt x="90126" y="76392"/>
                    <a:pt x="90076" y="76367"/>
                  </a:cubicBezTo>
                  <a:cubicBezTo>
                    <a:pt x="89951" y="76291"/>
                    <a:pt x="89901" y="76016"/>
                    <a:pt x="89800" y="75966"/>
                  </a:cubicBezTo>
                  <a:cubicBezTo>
                    <a:pt x="89775" y="75949"/>
                    <a:pt x="89747" y="75943"/>
                    <a:pt x="89717" y="75943"/>
                  </a:cubicBezTo>
                  <a:cubicBezTo>
                    <a:pt x="89656" y="75943"/>
                    <a:pt x="89583" y="75966"/>
                    <a:pt x="89500" y="75966"/>
                  </a:cubicBezTo>
                  <a:cubicBezTo>
                    <a:pt x="89449" y="75966"/>
                    <a:pt x="89349" y="76141"/>
                    <a:pt x="89274" y="76191"/>
                  </a:cubicBezTo>
                  <a:cubicBezTo>
                    <a:pt x="89224" y="76241"/>
                    <a:pt x="89224" y="76467"/>
                    <a:pt x="89174" y="76517"/>
                  </a:cubicBezTo>
                  <a:cubicBezTo>
                    <a:pt x="89224" y="76442"/>
                    <a:pt x="89224" y="76216"/>
                    <a:pt x="89274" y="76166"/>
                  </a:cubicBezTo>
                  <a:cubicBezTo>
                    <a:pt x="89324" y="76116"/>
                    <a:pt x="89449" y="75940"/>
                    <a:pt x="89500" y="75940"/>
                  </a:cubicBezTo>
                  <a:cubicBezTo>
                    <a:pt x="89583" y="75940"/>
                    <a:pt x="89656" y="75918"/>
                    <a:pt x="89709" y="75918"/>
                  </a:cubicBezTo>
                  <a:cubicBezTo>
                    <a:pt x="89736" y="75918"/>
                    <a:pt x="89759" y="75924"/>
                    <a:pt x="89775" y="75940"/>
                  </a:cubicBezTo>
                  <a:cubicBezTo>
                    <a:pt x="89901" y="75991"/>
                    <a:pt x="89951" y="76291"/>
                    <a:pt x="90076" y="76341"/>
                  </a:cubicBezTo>
                  <a:cubicBezTo>
                    <a:pt x="90126" y="76367"/>
                    <a:pt x="90208" y="76379"/>
                    <a:pt x="90292" y="76379"/>
                  </a:cubicBezTo>
                  <a:cubicBezTo>
                    <a:pt x="90377" y="76379"/>
                    <a:pt x="90465" y="76367"/>
                    <a:pt x="90527" y="76341"/>
                  </a:cubicBezTo>
                  <a:cubicBezTo>
                    <a:pt x="90627" y="76291"/>
                    <a:pt x="90678" y="75991"/>
                    <a:pt x="90803" y="75940"/>
                  </a:cubicBezTo>
                  <a:cubicBezTo>
                    <a:pt x="90828" y="75915"/>
                    <a:pt x="90884" y="75903"/>
                    <a:pt x="90941" y="75903"/>
                  </a:cubicBezTo>
                  <a:close/>
                  <a:moveTo>
                    <a:pt x="78447" y="75569"/>
                  </a:moveTo>
                  <a:lnTo>
                    <a:pt x="78447" y="75569"/>
                  </a:lnTo>
                  <a:cubicBezTo>
                    <a:pt x="78448" y="75745"/>
                    <a:pt x="78498" y="76017"/>
                    <a:pt x="78572" y="76141"/>
                  </a:cubicBezTo>
                  <a:cubicBezTo>
                    <a:pt x="78622" y="76241"/>
                    <a:pt x="78796" y="76464"/>
                    <a:pt x="78847" y="76590"/>
                  </a:cubicBezTo>
                  <a:lnTo>
                    <a:pt x="78847" y="76590"/>
                  </a:lnTo>
                  <a:cubicBezTo>
                    <a:pt x="78839" y="76580"/>
                    <a:pt x="78831" y="76573"/>
                    <a:pt x="78823" y="76567"/>
                  </a:cubicBezTo>
                  <a:cubicBezTo>
                    <a:pt x="78773" y="76467"/>
                    <a:pt x="78597" y="76241"/>
                    <a:pt x="78547" y="76116"/>
                  </a:cubicBezTo>
                  <a:cubicBezTo>
                    <a:pt x="78497" y="76017"/>
                    <a:pt x="78448" y="75745"/>
                    <a:pt x="78447" y="75569"/>
                  </a:cubicBezTo>
                  <a:close/>
                  <a:moveTo>
                    <a:pt x="78856" y="76602"/>
                  </a:moveTo>
                  <a:cubicBezTo>
                    <a:pt x="78859" y="76605"/>
                    <a:pt x="78861" y="76609"/>
                    <a:pt x="78863" y="76613"/>
                  </a:cubicBezTo>
                  <a:lnTo>
                    <a:pt x="78863" y="76613"/>
                  </a:lnTo>
                  <a:cubicBezTo>
                    <a:pt x="78861" y="76609"/>
                    <a:pt x="78859" y="76605"/>
                    <a:pt x="78856" y="76602"/>
                  </a:cubicBezTo>
                  <a:close/>
                  <a:moveTo>
                    <a:pt x="86467" y="75164"/>
                  </a:moveTo>
                  <a:cubicBezTo>
                    <a:pt x="86517" y="75264"/>
                    <a:pt x="86743" y="75389"/>
                    <a:pt x="86843" y="75439"/>
                  </a:cubicBezTo>
                  <a:cubicBezTo>
                    <a:pt x="86968" y="75539"/>
                    <a:pt x="87369" y="75615"/>
                    <a:pt x="87520" y="75665"/>
                  </a:cubicBezTo>
                  <a:cubicBezTo>
                    <a:pt x="87645" y="75715"/>
                    <a:pt x="87971" y="75840"/>
                    <a:pt x="88096" y="75940"/>
                  </a:cubicBezTo>
                  <a:cubicBezTo>
                    <a:pt x="88272" y="76066"/>
                    <a:pt x="88372" y="76341"/>
                    <a:pt x="88497" y="76442"/>
                  </a:cubicBezTo>
                  <a:cubicBezTo>
                    <a:pt x="88597" y="76567"/>
                    <a:pt x="88823" y="76793"/>
                    <a:pt x="88948" y="76793"/>
                  </a:cubicBezTo>
                  <a:cubicBezTo>
                    <a:pt x="89048" y="76793"/>
                    <a:pt x="89174" y="76617"/>
                    <a:pt x="89174" y="76517"/>
                  </a:cubicBezTo>
                  <a:lnTo>
                    <a:pt x="89174" y="76517"/>
                  </a:lnTo>
                  <a:cubicBezTo>
                    <a:pt x="89174" y="76642"/>
                    <a:pt x="89048" y="76818"/>
                    <a:pt x="88948" y="76818"/>
                  </a:cubicBezTo>
                  <a:cubicBezTo>
                    <a:pt x="88823" y="76818"/>
                    <a:pt x="88597" y="76592"/>
                    <a:pt x="88497" y="76467"/>
                  </a:cubicBezTo>
                  <a:cubicBezTo>
                    <a:pt x="88372" y="76367"/>
                    <a:pt x="88272" y="76066"/>
                    <a:pt x="88096" y="75966"/>
                  </a:cubicBezTo>
                  <a:cubicBezTo>
                    <a:pt x="87996" y="75840"/>
                    <a:pt x="87645" y="75740"/>
                    <a:pt x="87545" y="75690"/>
                  </a:cubicBezTo>
                  <a:cubicBezTo>
                    <a:pt x="87369" y="75615"/>
                    <a:pt x="86968" y="75565"/>
                    <a:pt x="86868" y="75464"/>
                  </a:cubicBezTo>
                  <a:cubicBezTo>
                    <a:pt x="86743" y="75389"/>
                    <a:pt x="86517" y="75289"/>
                    <a:pt x="86467" y="75164"/>
                  </a:cubicBezTo>
                  <a:close/>
                  <a:moveTo>
                    <a:pt x="78946" y="76802"/>
                  </a:moveTo>
                  <a:cubicBezTo>
                    <a:pt x="78969" y="76853"/>
                    <a:pt x="78994" y="76899"/>
                    <a:pt x="79023" y="76918"/>
                  </a:cubicBezTo>
                  <a:cubicBezTo>
                    <a:pt x="79048" y="76993"/>
                    <a:pt x="79149" y="77118"/>
                    <a:pt x="79249" y="77194"/>
                  </a:cubicBezTo>
                  <a:cubicBezTo>
                    <a:pt x="79149" y="77118"/>
                    <a:pt x="79048" y="76993"/>
                    <a:pt x="78998" y="76918"/>
                  </a:cubicBezTo>
                  <a:cubicBezTo>
                    <a:pt x="78981" y="76892"/>
                    <a:pt x="78964" y="76850"/>
                    <a:pt x="78946" y="76802"/>
                  </a:cubicBezTo>
                  <a:close/>
                  <a:moveTo>
                    <a:pt x="91254" y="77419"/>
                  </a:moveTo>
                  <a:cubicBezTo>
                    <a:pt x="91304" y="77469"/>
                    <a:pt x="91480" y="77519"/>
                    <a:pt x="91480" y="77570"/>
                  </a:cubicBezTo>
                  <a:cubicBezTo>
                    <a:pt x="91455" y="77519"/>
                    <a:pt x="91304" y="77469"/>
                    <a:pt x="91254" y="77419"/>
                  </a:cubicBezTo>
                  <a:close/>
                  <a:moveTo>
                    <a:pt x="79676" y="77319"/>
                  </a:moveTo>
                  <a:cubicBezTo>
                    <a:pt x="79700" y="77319"/>
                    <a:pt x="79725" y="77344"/>
                    <a:pt x="79750" y="77369"/>
                  </a:cubicBezTo>
                  <a:cubicBezTo>
                    <a:pt x="79850" y="77419"/>
                    <a:pt x="79850" y="77645"/>
                    <a:pt x="79926" y="77695"/>
                  </a:cubicBezTo>
                  <a:cubicBezTo>
                    <a:pt x="79926" y="77820"/>
                    <a:pt x="79976" y="77996"/>
                    <a:pt x="79926" y="78046"/>
                  </a:cubicBezTo>
                  <a:cubicBezTo>
                    <a:pt x="79850" y="78096"/>
                    <a:pt x="79700" y="78146"/>
                    <a:pt x="79625" y="78221"/>
                  </a:cubicBezTo>
                  <a:cubicBezTo>
                    <a:pt x="79580" y="78266"/>
                    <a:pt x="79575" y="78351"/>
                    <a:pt x="79575" y="78422"/>
                  </a:cubicBezTo>
                  <a:lnTo>
                    <a:pt x="79575" y="78422"/>
                  </a:lnTo>
                  <a:cubicBezTo>
                    <a:pt x="79575" y="78422"/>
                    <a:pt x="79575" y="78422"/>
                    <a:pt x="79575" y="78422"/>
                  </a:cubicBezTo>
                  <a:cubicBezTo>
                    <a:pt x="79575" y="78372"/>
                    <a:pt x="79575" y="78271"/>
                    <a:pt x="79625" y="78196"/>
                  </a:cubicBezTo>
                  <a:cubicBezTo>
                    <a:pt x="79675" y="78146"/>
                    <a:pt x="79850" y="78096"/>
                    <a:pt x="79901" y="78046"/>
                  </a:cubicBezTo>
                  <a:cubicBezTo>
                    <a:pt x="79951" y="77971"/>
                    <a:pt x="79901" y="77820"/>
                    <a:pt x="79901" y="77695"/>
                  </a:cubicBezTo>
                  <a:cubicBezTo>
                    <a:pt x="79850" y="77645"/>
                    <a:pt x="79850" y="77419"/>
                    <a:pt x="79725" y="77369"/>
                  </a:cubicBezTo>
                  <a:cubicBezTo>
                    <a:pt x="79725" y="77344"/>
                    <a:pt x="79700" y="77319"/>
                    <a:pt x="79676" y="77319"/>
                  </a:cubicBezTo>
                  <a:close/>
                  <a:moveTo>
                    <a:pt x="91629" y="78667"/>
                  </a:moveTo>
                  <a:cubicBezTo>
                    <a:pt x="91721" y="78770"/>
                    <a:pt x="91844" y="78888"/>
                    <a:pt x="91931" y="78923"/>
                  </a:cubicBezTo>
                  <a:cubicBezTo>
                    <a:pt x="91964" y="78940"/>
                    <a:pt x="92011" y="78945"/>
                    <a:pt x="92064" y="78945"/>
                  </a:cubicBezTo>
                  <a:cubicBezTo>
                    <a:pt x="92170" y="78945"/>
                    <a:pt x="92298" y="78923"/>
                    <a:pt x="92382" y="78923"/>
                  </a:cubicBezTo>
                  <a:cubicBezTo>
                    <a:pt x="92433" y="78957"/>
                    <a:pt x="92520" y="79050"/>
                    <a:pt x="92601" y="79145"/>
                  </a:cubicBezTo>
                  <a:lnTo>
                    <a:pt x="92601" y="79145"/>
                  </a:lnTo>
                  <a:cubicBezTo>
                    <a:pt x="92527" y="79060"/>
                    <a:pt x="92449" y="78982"/>
                    <a:pt x="92382" y="78948"/>
                  </a:cubicBezTo>
                  <a:cubicBezTo>
                    <a:pt x="92315" y="78948"/>
                    <a:pt x="92192" y="78970"/>
                    <a:pt x="92081" y="78970"/>
                  </a:cubicBezTo>
                  <a:cubicBezTo>
                    <a:pt x="92025" y="78970"/>
                    <a:pt x="91972" y="78965"/>
                    <a:pt x="91931" y="78948"/>
                  </a:cubicBezTo>
                  <a:cubicBezTo>
                    <a:pt x="91858" y="78912"/>
                    <a:pt x="91719" y="78782"/>
                    <a:pt x="91629" y="78667"/>
                  </a:cubicBezTo>
                  <a:close/>
                  <a:moveTo>
                    <a:pt x="92783" y="79374"/>
                  </a:moveTo>
                  <a:cubicBezTo>
                    <a:pt x="92833" y="79424"/>
                    <a:pt x="92883" y="79499"/>
                    <a:pt x="92958" y="79574"/>
                  </a:cubicBezTo>
                  <a:lnTo>
                    <a:pt x="92958" y="79574"/>
                  </a:lnTo>
                  <a:cubicBezTo>
                    <a:pt x="92883" y="79499"/>
                    <a:pt x="92833" y="79424"/>
                    <a:pt x="92783" y="79399"/>
                  </a:cubicBezTo>
                  <a:cubicBezTo>
                    <a:pt x="92783" y="79399"/>
                    <a:pt x="92783" y="79399"/>
                    <a:pt x="92783" y="79374"/>
                  </a:cubicBezTo>
                  <a:close/>
                  <a:moveTo>
                    <a:pt x="80522" y="79025"/>
                  </a:moveTo>
                  <a:cubicBezTo>
                    <a:pt x="80603" y="79197"/>
                    <a:pt x="80609" y="79423"/>
                    <a:pt x="80652" y="79575"/>
                  </a:cubicBezTo>
                  <a:cubicBezTo>
                    <a:pt x="80652" y="79669"/>
                    <a:pt x="80541" y="79875"/>
                    <a:pt x="80528" y="80004"/>
                  </a:cubicBezTo>
                  <a:lnTo>
                    <a:pt x="80528" y="80004"/>
                  </a:lnTo>
                  <a:cubicBezTo>
                    <a:pt x="80528" y="80003"/>
                    <a:pt x="80528" y="80002"/>
                    <a:pt x="80527" y="80001"/>
                  </a:cubicBezTo>
                  <a:cubicBezTo>
                    <a:pt x="80527" y="79900"/>
                    <a:pt x="80627" y="79675"/>
                    <a:pt x="80627" y="79550"/>
                  </a:cubicBezTo>
                  <a:cubicBezTo>
                    <a:pt x="80586" y="79405"/>
                    <a:pt x="80579" y="79194"/>
                    <a:pt x="80522" y="79025"/>
                  </a:cubicBezTo>
                  <a:close/>
                  <a:moveTo>
                    <a:pt x="80551" y="80061"/>
                  </a:moveTo>
                  <a:lnTo>
                    <a:pt x="80551" y="80061"/>
                  </a:lnTo>
                  <a:cubicBezTo>
                    <a:pt x="80604" y="80147"/>
                    <a:pt x="80647" y="80262"/>
                    <a:pt x="80713" y="80323"/>
                  </a:cubicBezTo>
                  <a:lnTo>
                    <a:pt x="80713" y="80323"/>
                  </a:lnTo>
                  <a:cubicBezTo>
                    <a:pt x="80633" y="80257"/>
                    <a:pt x="80589" y="80156"/>
                    <a:pt x="80551" y="80061"/>
                  </a:cubicBezTo>
                  <a:close/>
                  <a:moveTo>
                    <a:pt x="80753" y="80352"/>
                  </a:moveTo>
                  <a:cubicBezTo>
                    <a:pt x="80778" y="80377"/>
                    <a:pt x="80803" y="80377"/>
                    <a:pt x="80803" y="80402"/>
                  </a:cubicBezTo>
                  <a:cubicBezTo>
                    <a:pt x="80778" y="80377"/>
                    <a:pt x="80754" y="80353"/>
                    <a:pt x="80753" y="80352"/>
                  </a:cubicBezTo>
                  <a:close/>
                  <a:moveTo>
                    <a:pt x="81956" y="80727"/>
                  </a:moveTo>
                  <a:cubicBezTo>
                    <a:pt x="82006" y="80753"/>
                    <a:pt x="82031" y="80778"/>
                    <a:pt x="82056" y="80803"/>
                  </a:cubicBezTo>
                  <a:cubicBezTo>
                    <a:pt x="82181" y="80853"/>
                    <a:pt x="82231" y="81128"/>
                    <a:pt x="82231" y="81254"/>
                  </a:cubicBezTo>
                  <a:cubicBezTo>
                    <a:pt x="82282" y="81304"/>
                    <a:pt x="82282" y="81529"/>
                    <a:pt x="82332" y="81580"/>
                  </a:cubicBezTo>
                  <a:cubicBezTo>
                    <a:pt x="82256" y="81529"/>
                    <a:pt x="82256" y="81304"/>
                    <a:pt x="82206" y="81254"/>
                  </a:cubicBezTo>
                  <a:cubicBezTo>
                    <a:pt x="82206" y="81128"/>
                    <a:pt x="82156" y="80853"/>
                    <a:pt x="82031" y="80803"/>
                  </a:cubicBezTo>
                  <a:cubicBezTo>
                    <a:pt x="82006" y="80778"/>
                    <a:pt x="81981" y="80753"/>
                    <a:pt x="81956" y="80727"/>
                  </a:cubicBezTo>
                  <a:close/>
                  <a:moveTo>
                    <a:pt x="82332" y="81580"/>
                  </a:moveTo>
                  <a:lnTo>
                    <a:pt x="82332" y="81580"/>
                  </a:lnTo>
                  <a:cubicBezTo>
                    <a:pt x="82332" y="81630"/>
                    <a:pt x="82382" y="81730"/>
                    <a:pt x="82407" y="81780"/>
                  </a:cubicBezTo>
                  <a:cubicBezTo>
                    <a:pt x="82357" y="81755"/>
                    <a:pt x="82332" y="81630"/>
                    <a:pt x="82332" y="81580"/>
                  </a:cubicBezTo>
                  <a:close/>
                  <a:moveTo>
                    <a:pt x="83184" y="81805"/>
                  </a:moveTo>
                  <a:cubicBezTo>
                    <a:pt x="83219" y="81805"/>
                    <a:pt x="83230" y="81919"/>
                    <a:pt x="83233" y="82012"/>
                  </a:cubicBezTo>
                  <a:lnTo>
                    <a:pt x="83233" y="82012"/>
                  </a:lnTo>
                  <a:cubicBezTo>
                    <a:pt x="83230" y="81940"/>
                    <a:pt x="83219" y="81841"/>
                    <a:pt x="83184" y="81805"/>
                  </a:cubicBezTo>
                  <a:close/>
                  <a:moveTo>
                    <a:pt x="83257" y="82140"/>
                  </a:moveTo>
                  <a:lnTo>
                    <a:pt x="83257" y="82140"/>
                  </a:lnTo>
                  <a:cubicBezTo>
                    <a:pt x="83319" y="82242"/>
                    <a:pt x="83359" y="82392"/>
                    <a:pt x="83359" y="82482"/>
                  </a:cubicBezTo>
                  <a:cubicBezTo>
                    <a:pt x="83359" y="82607"/>
                    <a:pt x="83309" y="82783"/>
                    <a:pt x="83234" y="82883"/>
                  </a:cubicBezTo>
                  <a:cubicBezTo>
                    <a:pt x="83284" y="82758"/>
                    <a:pt x="83334" y="82582"/>
                    <a:pt x="83334" y="82482"/>
                  </a:cubicBezTo>
                  <a:cubicBezTo>
                    <a:pt x="83334" y="82376"/>
                    <a:pt x="83298" y="82251"/>
                    <a:pt x="83257" y="82140"/>
                  </a:cubicBezTo>
                  <a:close/>
                  <a:moveTo>
                    <a:pt x="83234" y="82883"/>
                  </a:moveTo>
                  <a:lnTo>
                    <a:pt x="83234" y="82883"/>
                  </a:lnTo>
                  <a:cubicBezTo>
                    <a:pt x="83184" y="82933"/>
                    <a:pt x="83084" y="83008"/>
                    <a:pt x="83008" y="83058"/>
                  </a:cubicBezTo>
                  <a:cubicBezTo>
                    <a:pt x="82958" y="83108"/>
                    <a:pt x="82908" y="83334"/>
                    <a:pt x="82858" y="83384"/>
                  </a:cubicBezTo>
                  <a:cubicBezTo>
                    <a:pt x="82783" y="83459"/>
                    <a:pt x="82557" y="83509"/>
                    <a:pt x="82507" y="83560"/>
                  </a:cubicBezTo>
                  <a:cubicBezTo>
                    <a:pt x="82407" y="83610"/>
                    <a:pt x="82282" y="83785"/>
                    <a:pt x="82282" y="83910"/>
                  </a:cubicBezTo>
                  <a:cubicBezTo>
                    <a:pt x="82246" y="83981"/>
                    <a:pt x="82286" y="84089"/>
                    <a:pt x="82312" y="84182"/>
                  </a:cubicBezTo>
                  <a:lnTo>
                    <a:pt x="82312" y="84182"/>
                  </a:lnTo>
                  <a:cubicBezTo>
                    <a:pt x="82279" y="84076"/>
                    <a:pt x="82219" y="83960"/>
                    <a:pt x="82256" y="83885"/>
                  </a:cubicBezTo>
                  <a:cubicBezTo>
                    <a:pt x="82256" y="83785"/>
                    <a:pt x="82382" y="83610"/>
                    <a:pt x="82482" y="83560"/>
                  </a:cubicBezTo>
                  <a:cubicBezTo>
                    <a:pt x="82557" y="83484"/>
                    <a:pt x="82783" y="83434"/>
                    <a:pt x="82833" y="83384"/>
                  </a:cubicBezTo>
                  <a:cubicBezTo>
                    <a:pt x="82883" y="83334"/>
                    <a:pt x="82933" y="83108"/>
                    <a:pt x="83008" y="83033"/>
                  </a:cubicBezTo>
                  <a:cubicBezTo>
                    <a:pt x="83058" y="82983"/>
                    <a:pt x="83159" y="82933"/>
                    <a:pt x="83234" y="82883"/>
                  </a:cubicBezTo>
                  <a:close/>
                  <a:moveTo>
                    <a:pt x="85665" y="85690"/>
                  </a:moveTo>
                  <a:lnTo>
                    <a:pt x="85665" y="85690"/>
                  </a:lnTo>
                  <a:cubicBezTo>
                    <a:pt x="85740" y="85815"/>
                    <a:pt x="85840" y="85991"/>
                    <a:pt x="85840" y="86041"/>
                  </a:cubicBezTo>
                  <a:cubicBezTo>
                    <a:pt x="85840" y="85991"/>
                    <a:pt x="85715" y="85815"/>
                    <a:pt x="85665" y="85690"/>
                  </a:cubicBezTo>
                  <a:close/>
                  <a:moveTo>
                    <a:pt x="87996" y="86141"/>
                  </a:moveTo>
                  <a:cubicBezTo>
                    <a:pt x="88096" y="86216"/>
                    <a:pt x="88221" y="86442"/>
                    <a:pt x="88322" y="86492"/>
                  </a:cubicBezTo>
                  <a:cubicBezTo>
                    <a:pt x="88196" y="86442"/>
                    <a:pt x="88096" y="86216"/>
                    <a:pt x="87971" y="86141"/>
                  </a:cubicBezTo>
                  <a:close/>
                  <a:moveTo>
                    <a:pt x="85840" y="86041"/>
                  </a:moveTo>
                  <a:cubicBezTo>
                    <a:pt x="85840" y="86141"/>
                    <a:pt x="85740" y="86367"/>
                    <a:pt x="85740" y="86442"/>
                  </a:cubicBezTo>
                  <a:cubicBezTo>
                    <a:pt x="85765" y="86517"/>
                    <a:pt x="85866" y="86642"/>
                    <a:pt x="85966" y="86692"/>
                  </a:cubicBezTo>
                  <a:cubicBezTo>
                    <a:pt x="85866" y="86642"/>
                    <a:pt x="85765" y="86517"/>
                    <a:pt x="85715" y="86442"/>
                  </a:cubicBezTo>
                  <a:cubicBezTo>
                    <a:pt x="85715" y="86367"/>
                    <a:pt x="85840" y="86141"/>
                    <a:pt x="85840" y="86041"/>
                  </a:cubicBezTo>
                  <a:close/>
                  <a:moveTo>
                    <a:pt x="46918" y="0"/>
                  </a:moveTo>
                  <a:cubicBezTo>
                    <a:pt x="46818" y="0"/>
                    <a:pt x="46592" y="50"/>
                    <a:pt x="46517" y="50"/>
                  </a:cubicBezTo>
                  <a:cubicBezTo>
                    <a:pt x="46467" y="100"/>
                    <a:pt x="46341" y="226"/>
                    <a:pt x="46291" y="276"/>
                  </a:cubicBezTo>
                  <a:cubicBezTo>
                    <a:pt x="46258" y="276"/>
                    <a:pt x="46147" y="254"/>
                    <a:pt x="46039" y="254"/>
                  </a:cubicBezTo>
                  <a:cubicBezTo>
                    <a:pt x="45985" y="254"/>
                    <a:pt x="45932" y="259"/>
                    <a:pt x="45890" y="276"/>
                  </a:cubicBezTo>
                  <a:cubicBezTo>
                    <a:pt x="45840" y="276"/>
                    <a:pt x="45740" y="451"/>
                    <a:pt x="45665" y="501"/>
                  </a:cubicBezTo>
                  <a:lnTo>
                    <a:pt x="45339" y="501"/>
                  </a:lnTo>
                  <a:cubicBezTo>
                    <a:pt x="45214" y="501"/>
                    <a:pt x="45063" y="501"/>
                    <a:pt x="44938" y="552"/>
                  </a:cubicBezTo>
                  <a:cubicBezTo>
                    <a:pt x="44838" y="602"/>
                    <a:pt x="44712" y="727"/>
                    <a:pt x="44587" y="827"/>
                  </a:cubicBezTo>
                  <a:cubicBezTo>
                    <a:pt x="44537" y="902"/>
                    <a:pt x="44362" y="953"/>
                    <a:pt x="44261" y="1003"/>
                  </a:cubicBezTo>
                  <a:cubicBezTo>
                    <a:pt x="44211" y="1053"/>
                    <a:pt x="44086" y="1228"/>
                    <a:pt x="43986" y="1278"/>
                  </a:cubicBezTo>
                  <a:cubicBezTo>
                    <a:pt x="43860" y="1354"/>
                    <a:pt x="43635" y="1404"/>
                    <a:pt x="43459" y="1404"/>
                  </a:cubicBezTo>
                  <a:lnTo>
                    <a:pt x="43184" y="1404"/>
                  </a:lnTo>
                  <a:cubicBezTo>
                    <a:pt x="43133" y="1404"/>
                    <a:pt x="43008" y="1454"/>
                    <a:pt x="42958" y="1454"/>
                  </a:cubicBezTo>
                  <a:cubicBezTo>
                    <a:pt x="42833" y="1454"/>
                    <a:pt x="42682" y="1354"/>
                    <a:pt x="42557" y="1278"/>
                  </a:cubicBezTo>
                  <a:cubicBezTo>
                    <a:pt x="42507" y="1278"/>
                    <a:pt x="42331" y="1228"/>
                    <a:pt x="42281" y="1178"/>
                  </a:cubicBezTo>
                  <a:cubicBezTo>
                    <a:pt x="42156" y="1178"/>
                    <a:pt x="42006" y="1228"/>
                    <a:pt x="41880" y="1228"/>
                  </a:cubicBezTo>
                  <a:cubicBezTo>
                    <a:pt x="41830" y="1228"/>
                    <a:pt x="41705" y="1354"/>
                    <a:pt x="41605" y="1354"/>
                  </a:cubicBezTo>
                  <a:cubicBezTo>
                    <a:pt x="41554" y="1354"/>
                    <a:pt x="41379" y="1278"/>
                    <a:pt x="41254" y="1228"/>
                  </a:cubicBezTo>
                  <a:cubicBezTo>
                    <a:pt x="41254" y="1228"/>
                    <a:pt x="41204" y="1128"/>
                    <a:pt x="41153" y="1053"/>
                  </a:cubicBezTo>
                  <a:cubicBezTo>
                    <a:pt x="41078" y="1053"/>
                    <a:pt x="40978" y="1128"/>
                    <a:pt x="40978" y="1128"/>
                  </a:cubicBezTo>
                  <a:cubicBezTo>
                    <a:pt x="40853" y="1178"/>
                    <a:pt x="40803" y="1404"/>
                    <a:pt x="40752" y="1404"/>
                  </a:cubicBezTo>
                  <a:cubicBezTo>
                    <a:pt x="40702" y="1454"/>
                    <a:pt x="40577" y="1454"/>
                    <a:pt x="40527" y="1454"/>
                  </a:cubicBezTo>
                  <a:cubicBezTo>
                    <a:pt x="40417" y="1454"/>
                    <a:pt x="40365" y="1588"/>
                    <a:pt x="40320" y="1588"/>
                  </a:cubicBezTo>
                  <a:cubicBezTo>
                    <a:pt x="40314" y="1588"/>
                    <a:pt x="40308" y="1585"/>
                    <a:pt x="40301" y="1579"/>
                  </a:cubicBezTo>
                  <a:cubicBezTo>
                    <a:pt x="40251" y="1579"/>
                    <a:pt x="40176" y="1504"/>
                    <a:pt x="40126" y="1504"/>
                  </a:cubicBezTo>
                  <a:cubicBezTo>
                    <a:pt x="40126" y="1454"/>
                    <a:pt x="40026" y="1404"/>
                    <a:pt x="39950" y="1354"/>
                  </a:cubicBezTo>
                  <a:cubicBezTo>
                    <a:pt x="39900" y="1354"/>
                    <a:pt x="39725" y="1404"/>
                    <a:pt x="39675" y="1404"/>
                  </a:cubicBezTo>
                  <a:cubicBezTo>
                    <a:pt x="39591" y="1404"/>
                    <a:pt x="39497" y="1381"/>
                    <a:pt x="39406" y="1381"/>
                  </a:cubicBezTo>
                  <a:cubicBezTo>
                    <a:pt x="39360" y="1381"/>
                    <a:pt x="39316" y="1387"/>
                    <a:pt x="39274" y="1404"/>
                  </a:cubicBezTo>
                  <a:cubicBezTo>
                    <a:pt x="39224" y="1404"/>
                    <a:pt x="39098" y="1504"/>
                    <a:pt x="38998" y="1579"/>
                  </a:cubicBezTo>
                  <a:cubicBezTo>
                    <a:pt x="38948" y="1629"/>
                    <a:pt x="38773" y="1730"/>
                    <a:pt x="38647" y="1730"/>
                  </a:cubicBezTo>
                  <a:cubicBezTo>
                    <a:pt x="38597" y="1730"/>
                    <a:pt x="38497" y="1679"/>
                    <a:pt x="38422" y="1679"/>
                  </a:cubicBezTo>
                  <a:cubicBezTo>
                    <a:pt x="38372" y="1730"/>
                    <a:pt x="38372" y="1905"/>
                    <a:pt x="38321" y="1955"/>
                  </a:cubicBezTo>
                  <a:cubicBezTo>
                    <a:pt x="38196" y="2030"/>
                    <a:pt x="38021" y="2030"/>
                    <a:pt x="37971" y="2080"/>
                  </a:cubicBezTo>
                  <a:cubicBezTo>
                    <a:pt x="37920" y="2181"/>
                    <a:pt x="37870" y="2356"/>
                    <a:pt x="37870" y="2406"/>
                  </a:cubicBezTo>
                  <a:cubicBezTo>
                    <a:pt x="37795" y="2481"/>
                    <a:pt x="37745" y="2632"/>
                    <a:pt x="37695" y="2757"/>
                  </a:cubicBezTo>
                  <a:cubicBezTo>
                    <a:pt x="37695" y="2807"/>
                    <a:pt x="37745" y="2983"/>
                    <a:pt x="37695" y="3033"/>
                  </a:cubicBezTo>
                  <a:cubicBezTo>
                    <a:pt x="37695" y="3158"/>
                    <a:pt x="37695" y="3384"/>
                    <a:pt x="37645" y="3434"/>
                  </a:cubicBezTo>
                  <a:cubicBezTo>
                    <a:pt x="37645" y="3484"/>
                    <a:pt x="37519" y="3534"/>
                    <a:pt x="37519" y="3609"/>
                  </a:cubicBezTo>
                  <a:cubicBezTo>
                    <a:pt x="37469" y="3659"/>
                    <a:pt x="37419" y="3835"/>
                    <a:pt x="37344" y="3885"/>
                  </a:cubicBezTo>
                  <a:cubicBezTo>
                    <a:pt x="37294" y="3935"/>
                    <a:pt x="37118" y="4111"/>
                    <a:pt x="37018" y="4161"/>
                  </a:cubicBezTo>
                  <a:cubicBezTo>
                    <a:pt x="37001" y="4177"/>
                    <a:pt x="36965" y="4183"/>
                    <a:pt x="36920" y="4183"/>
                  </a:cubicBezTo>
                  <a:cubicBezTo>
                    <a:pt x="36829" y="4183"/>
                    <a:pt x="36701" y="4161"/>
                    <a:pt x="36617" y="4161"/>
                  </a:cubicBezTo>
                  <a:lnTo>
                    <a:pt x="36216" y="4161"/>
                  </a:lnTo>
                  <a:cubicBezTo>
                    <a:pt x="36166" y="4161"/>
                    <a:pt x="36041" y="4161"/>
                    <a:pt x="35991" y="4111"/>
                  </a:cubicBezTo>
                  <a:cubicBezTo>
                    <a:pt x="35890" y="4111"/>
                    <a:pt x="35590" y="4060"/>
                    <a:pt x="35439" y="3985"/>
                  </a:cubicBezTo>
                  <a:cubicBezTo>
                    <a:pt x="35364" y="3985"/>
                    <a:pt x="35214" y="4060"/>
                    <a:pt x="35088" y="4060"/>
                  </a:cubicBezTo>
                  <a:cubicBezTo>
                    <a:pt x="35038" y="3985"/>
                    <a:pt x="34813" y="3935"/>
                    <a:pt x="34762" y="3885"/>
                  </a:cubicBezTo>
                  <a:cubicBezTo>
                    <a:pt x="34762" y="3835"/>
                    <a:pt x="34762" y="3710"/>
                    <a:pt x="34813" y="3659"/>
                  </a:cubicBezTo>
                  <a:cubicBezTo>
                    <a:pt x="34813" y="3609"/>
                    <a:pt x="34988" y="3534"/>
                    <a:pt x="34988" y="3484"/>
                  </a:cubicBezTo>
                  <a:cubicBezTo>
                    <a:pt x="34988" y="3434"/>
                    <a:pt x="34863" y="3258"/>
                    <a:pt x="34813" y="3258"/>
                  </a:cubicBezTo>
                  <a:cubicBezTo>
                    <a:pt x="34813" y="3208"/>
                    <a:pt x="34687" y="3158"/>
                    <a:pt x="34637" y="3158"/>
                  </a:cubicBezTo>
                  <a:cubicBezTo>
                    <a:pt x="34587" y="3158"/>
                    <a:pt x="34462" y="3258"/>
                    <a:pt x="34412" y="3258"/>
                  </a:cubicBezTo>
                  <a:cubicBezTo>
                    <a:pt x="34361" y="3208"/>
                    <a:pt x="34286" y="3083"/>
                    <a:pt x="34236" y="3033"/>
                  </a:cubicBezTo>
                  <a:cubicBezTo>
                    <a:pt x="34236" y="2983"/>
                    <a:pt x="34186" y="2933"/>
                    <a:pt x="34136" y="2857"/>
                  </a:cubicBezTo>
                  <a:cubicBezTo>
                    <a:pt x="34086" y="2857"/>
                    <a:pt x="34002" y="2835"/>
                    <a:pt x="33930" y="2835"/>
                  </a:cubicBezTo>
                  <a:cubicBezTo>
                    <a:pt x="33894" y="2835"/>
                    <a:pt x="33860" y="2841"/>
                    <a:pt x="33835" y="2857"/>
                  </a:cubicBezTo>
                  <a:cubicBezTo>
                    <a:pt x="33785" y="2857"/>
                    <a:pt x="33610" y="2933"/>
                    <a:pt x="33559" y="2983"/>
                  </a:cubicBezTo>
                  <a:cubicBezTo>
                    <a:pt x="33509" y="3033"/>
                    <a:pt x="33459" y="3158"/>
                    <a:pt x="33384" y="3158"/>
                  </a:cubicBezTo>
                  <a:cubicBezTo>
                    <a:pt x="33359" y="3183"/>
                    <a:pt x="33321" y="3196"/>
                    <a:pt x="33281" y="3196"/>
                  </a:cubicBezTo>
                  <a:cubicBezTo>
                    <a:pt x="33240" y="3196"/>
                    <a:pt x="33196" y="3183"/>
                    <a:pt x="33158" y="3158"/>
                  </a:cubicBezTo>
                  <a:cubicBezTo>
                    <a:pt x="33108" y="3158"/>
                    <a:pt x="32933" y="3083"/>
                    <a:pt x="32883" y="3083"/>
                  </a:cubicBezTo>
                  <a:cubicBezTo>
                    <a:pt x="32757" y="3083"/>
                    <a:pt x="32607" y="3158"/>
                    <a:pt x="32532" y="3208"/>
                  </a:cubicBezTo>
                  <a:cubicBezTo>
                    <a:pt x="32482" y="3258"/>
                    <a:pt x="32532" y="3384"/>
                    <a:pt x="32532" y="3434"/>
                  </a:cubicBezTo>
                  <a:cubicBezTo>
                    <a:pt x="32532" y="3534"/>
                    <a:pt x="32482" y="3710"/>
                    <a:pt x="32432" y="3835"/>
                  </a:cubicBezTo>
                  <a:cubicBezTo>
                    <a:pt x="32382" y="3885"/>
                    <a:pt x="32256" y="3935"/>
                    <a:pt x="32206" y="3985"/>
                  </a:cubicBezTo>
                  <a:lnTo>
                    <a:pt x="32206" y="4161"/>
                  </a:lnTo>
                  <a:cubicBezTo>
                    <a:pt x="32206" y="4211"/>
                    <a:pt x="32306" y="4336"/>
                    <a:pt x="32306" y="4386"/>
                  </a:cubicBezTo>
                  <a:cubicBezTo>
                    <a:pt x="32306" y="4436"/>
                    <a:pt x="32206" y="4512"/>
                    <a:pt x="32156" y="4562"/>
                  </a:cubicBezTo>
                  <a:cubicBezTo>
                    <a:pt x="32156" y="4612"/>
                    <a:pt x="32081" y="4662"/>
                    <a:pt x="32031" y="4737"/>
                  </a:cubicBezTo>
                  <a:cubicBezTo>
                    <a:pt x="32031" y="4837"/>
                    <a:pt x="32081" y="5013"/>
                    <a:pt x="32031" y="5063"/>
                  </a:cubicBezTo>
                  <a:cubicBezTo>
                    <a:pt x="32031" y="5113"/>
                    <a:pt x="31930" y="5163"/>
                    <a:pt x="31855" y="5163"/>
                  </a:cubicBezTo>
                  <a:cubicBezTo>
                    <a:pt x="31805" y="5238"/>
                    <a:pt x="31755" y="5389"/>
                    <a:pt x="31755" y="5514"/>
                  </a:cubicBezTo>
                  <a:cubicBezTo>
                    <a:pt x="31755" y="5564"/>
                    <a:pt x="31805" y="5689"/>
                    <a:pt x="31855" y="5740"/>
                  </a:cubicBezTo>
                  <a:cubicBezTo>
                    <a:pt x="31930" y="5790"/>
                    <a:pt x="31981" y="5915"/>
                    <a:pt x="32031" y="5965"/>
                  </a:cubicBezTo>
                  <a:lnTo>
                    <a:pt x="32206" y="5965"/>
                  </a:lnTo>
                  <a:cubicBezTo>
                    <a:pt x="32306" y="5965"/>
                    <a:pt x="32482" y="5915"/>
                    <a:pt x="32607" y="5915"/>
                  </a:cubicBezTo>
                  <a:cubicBezTo>
                    <a:pt x="32607" y="5915"/>
                    <a:pt x="32657" y="5965"/>
                    <a:pt x="32707" y="6015"/>
                  </a:cubicBezTo>
                  <a:cubicBezTo>
                    <a:pt x="32757" y="6015"/>
                    <a:pt x="32833" y="6065"/>
                    <a:pt x="32883" y="6141"/>
                  </a:cubicBezTo>
                  <a:lnTo>
                    <a:pt x="32883" y="6366"/>
                  </a:lnTo>
                  <a:cubicBezTo>
                    <a:pt x="32833" y="6416"/>
                    <a:pt x="32757" y="6466"/>
                    <a:pt x="32707" y="6517"/>
                  </a:cubicBezTo>
                  <a:cubicBezTo>
                    <a:pt x="32657" y="6642"/>
                    <a:pt x="32607" y="6742"/>
                    <a:pt x="32607" y="6867"/>
                  </a:cubicBezTo>
                  <a:cubicBezTo>
                    <a:pt x="32607" y="6918"/>
                    <a:pt x="32657" y="6968"/>
                    <a:pt x="32657" y="7043"/>
                  </a:cubicBezTo>
                  <a:cubicBezTo>
                    <a:pt x="32657" y="7093"/>
                    <a:pt x="32607" y="7143"/>
                    <a:pt x="32532" y="7143"/>
                  </a:cubicBezTo>
                  <a:cubicBezTo>
                    <a:pt x="32532" y="7164"/>
                    <a:pt x="32527" y="7172"/>
                    <a:pt x="32518" y="7172"/>
                  </a:cubicBezTo>
                  <a:cubicBezTo>
                    <a:pt x="32506" y="7172"/>
                    <a:pt x="32486" y="7158"/>
                    <a:pt x="32457" y="7143"/>
                  </a:cubicBezTo>
                  <a:cubicBezTo>
                    <a:pt x="32407" y="7093"/>
                    <a:pt x="32331" y="7093"/>
                    <a:pt x="32281" y="7018"/>
                  </a:cubicBezTo>
                  <a:cubicBezTo>
                    <a:pt x="32281" y="6968"/>
                    <a:pt x="32281" y="6867"/>
                    <a:pt x="32231" y="6792"/>
                  </a:cubicBezTo>
                  <a:cubicBezTo>
                    <a:pt x="32231" y="6742"/>
                    <a:pt x="32056" y="6742"/>
                    <a:pt x="32006" y="6692"/>
                  </a:cubicBezTo>
                  <a:cubicBezTo>
                    <a:pt x="31955" y="6692"/>
                    <a:pt x="31830" y="6567"/>
                    <a:pt x="31780" y="6567"/>
                  </a:cubicBezTo>
                  <a:cubicBezTo>
                    <a:pt x="31730" y="6642"/>
                    <a:pt x="31655" y="6792"/>
                    <a:pt x="31605" y="6867"/>
                  </a:cubicBezTo>
                  <a:cubicBezTo>
                    <a:pt x="31554" y="6918"/>
                    <a:pt x="31429" y="6968"/>
                    <a:pt x="31379" y="6968"/>
                  </a:cubicBezTo>
                  <a:cubicBezTo>
                    <a:pt x="31329" y="6968"/>
                    <a:pt x="31204" y="6918"/>
                    <a:pt x="31153" y="6867"/>
                  </a:cubicBezTo>
                  <a:cubicBezTo>
                    <a:pt x="31053" y="6792"/>
                    <a:pt x="30878" y="6742"/>
                    <a:pt x="30828" y="6642"/>
                  </a:cubicBezTo>
                  <a:cubicBezTo>
                    <a:pt x="30828" y="6567"/>
                    <a:pt x="30878" y="6416"/>
                    <a:pt x="30878" y="6341"/>
                  </a:cubicBezTo>
                  <a:cubicBezTo>
                    <a:pt x="30878" y="6241"/>
                    <a:pt x="30752" y="6065"/>
                    <a:pt x="30702" y="6065"/>
                  </a:cubicBezTo>
                  <a:cubicBezTo>
                    <a:pt x="30652" y="6015"/>
                    <a:pt x="30477" y="6015"/>
                    <a:pt x="30427" y="6015"/>
                  </a:cubicBezTo>
                  <a:cubicBezTo>
                    <a:pt x="30301" y="6015"/>
                    <a:pt x="30151" y="6065"/>
                    <a:pt x="30026" y="6065"/>
                  </a:cubicBezTo>
                  <a:cubicBezTo>
                    <a:pt x="29925" y="6116"/>
                    <a:pt x="29700" y="6191"/>
                    <a:pt x="29650" y="6291"/>
                  </a:cubicBezTo>
                  <a:cubicBezTo>
                    <a:pt x="29574" y="6341"/>
                    <a:pt x="29574" y="6517"/>
                    <a:pt x="29524" y="6642"/>
                  </a:cubicBezTo>
                  <a:cubicBezTo>
                    <a:pt x="29524" y="6692"/>
                    <a:pt x="29349" y="6792"/>
                    <a:pt x="29349" y="6918"/>
                  </a:cubicBezTo>
                  <a:cubicBezTo>
                    <a:pt x="29299" y="7018"/>
                    <a:pt x="29199" y="7193"/>
                    <a:pt x="29199" y="7319"/>
                  </a:cubicBezTo>
                  <a:cubicBezTo>
                    <a:pt x="29199" y="7419"/>
                    <a:pt x="29249" y="7594"/>
                    <a:pt x="29249" y="7644"/>
                  </a:cubicBezTo>
                  <a:cubicBezTo>
                    <a:pt x="29299" y="7820"/>
                    <a:pt x="29199" y="8196"/>
                    <a:pt x="29299" y="8321"/>
                  </a:cubicBezTo>
                  <a:cubicBezTo>
                    <a:pt x="29349" y="8371"/>
                    <a:pt x="29524" y="8371"/>
                    <a:pt x="29650" y="8371"/>
                  </a:cubicBezTo>
                  <a:cubicBezTo>
                    <a:pt x="29689" y="8332"/>
                    <a:pt x="29758" y="8248"/>
                    <a:pt x="29822" y="8248"/>
                  </a:cubicBezTo>
                  <a:cubicBezTo>
                    <a:pt x="29841" y="8248"/>
                    <a:pt x="29859" y="8254"/>
                    <a:pt x="29875" y="8271"/>
                  </a:cubicBezTo>
                  <a:cubicBezTo>
                    <a:pt x="29925" y="8271"/>
                    <a:pt x="30026" y="8321"/>
                    <a:pt x="30076" y="8371"/>
                  </a:cubicBezTo>
                  <a:cubicBezTo>
                    <a:pt x="30151" y="8421"/>
                    <a:pt x="30301" y="8547"/>
                    <a:pt x="30301" y="8597"/>
                  </a:cubicBezTo>
                  <a:cubicBezTo>
                    <a:pt x="30301" y="8722"/>
                    <a:pt x="30201" y="8872"/>
                    <a:pt x="30151" y="8872"/>
                  </a:cubicBezTo>
                  <a:cubicBezTo>
                    <a:pt x="30088" y="8910"/>
                    <a:pt x="30019" y="8910"/>
                    <a:pt x="29950" y="8910"/>
                  </a:cubicBezTo>
                  <a:cubicBezTo>
                    <a:pt x="29881" y="8910"/>
                    <a:pt x="29813" y="8910"/>
                    <a:pt x="29750" y="8948"/>
                  </a:cubicBezTo>
                  <a:cubicBezTo>
                    <a:pt x="29700" y="8948"/>
                    <a:pt x="29650" y="9048"/>
                    <a:pt x="29574" y="9048"/>
                  </a:cubicBezTo>
                  <a:cubicBezTo>
                    <a:pt x="29574" y="9098"/>
                    <a:pt x="29700" y="9223"/>
                    <a:pt x="29700" y="9324"/>
                  </a:cubicBezTo>
                  <a:lnTo>
                    <a:pt x="29650" y="9449"/>
                  </a:lnTo>
                  <a:cubicBezTo>
                    <a:pt x="29700" y="9549"/>
                    <a:pt x="29800" y="9674"/>
                    <a:pt x="29875" y="9725"/>
                  </a:cubicBezTo>
                  <a:cubicBezTo>
                    <a:pt x="29975" y="9775"/>
                    <a:pt x="30151" y="9850"/>
                    <a:pt x="30201" y="9900"/>
                  </a:cubicBezTo>
                  <a:cubicBezTo>
                    <a:pt x="30251" y="9950"/>
                    <a:pt x="30376" y="10176"/>
                    <a:pt x="30376" y="10301"/>
                  </a:cubicBezTo>
                  <a:cubicBezTo>
                    <a:pt x="30376" y="10401"/>
                    <a:pt x="30301" y="10577"/>
                    <a:pt x="30251" y="10627"/>
                  </a:cubicBezTo>
                  <a:cubicBezTo>
                    <a:pt x="30201" y="10752"/>
                    <a:pt x="30026" y="10802"/>
                    <a:pt x="29925" y="10852"/>
                  </a:cubicBezTo>
                  <a:cubicBezTo>
                    <a:pt x="29875" y="10852"/>
                    <a:pt x="29650" y="10802"/>
                    <a:pt x="29524" y="10752"/>
                  </a:cubicBezTo>
                  <a:cubicBezTo>
                    <a:pt x="29474" y="10752"/>
                    <a:pt x="29424" y="10577"/>
                    <a:pt x="29349" y="10527"/>
                  </a:cubicBezTo>
                  <a:cubicBezTo>
                    <a:pt x="29349" y="10451"/>
                    <a:pt x="29424" y="10401"/>
                    <a:pt x="29349" y="10351"/>
                  </a:cubicBezTo>
                  <a:cubicBezTo>
                    <a:pt x="29349" y="10301"/>
                    <a:pt x="29349" y="10176"/>
                    <a:pt x="29299" y="10176"/>
                  </a:cubicBezTo>
                  <a:cubicBezTo>
                    <a:pt x="29249" y="10075"/>
                    <a:pt x="29023" y="10126"/>
                    <a:pt x="28973" y="10075"/>
                  </a:cubicBezTo>
                  <a:cubicBezTo>
                    <a:pt x="28898" y="10000"/>
                    <a:pt x="28798" y="9850"/>
                    <a:pt x="28798" y="9775"/>
                  </a:cubicBezTo>
                  <a:cubicBezTo>
                    <a:pt x="28747" y="9674"/>
                    <a:pt x="28747" y="9499"/>
                    <a:pt x="28747" y="9399"/>
                  </a:cubicBezTo>
                  <a:cubicBezTo>
                    <a:pt x="28672" y="9324"/>
                    <a:pt x="28572" y="9223"/>
                    <a:pt x="28522" y="9223"/>
                  </a:cubicBezTo>
                  <a:cubicBezTo>
                    <a:pt x="28506" y="9213"/>
                    <a:pt x="28487" y="9209"/>
                    <a:pt x="28465" y="9209"/>
                  </a:cubicBezTo>
                  <a:cubicBezTo>
                    <a:pt x="28406" y="9209"/>
                    <a:pt x="28329" y="9238"/>
                    <a:pt x="28253" y="9238"/>
                  </a:cubicBezTo>
                  <a:cubicBezTo>
                    <a:pt x="28225" y="9238"/>
                    <a:pt x="28197" y="9234"/>
                    <a:pt x="28171" y="9223"/>
                  </a:cubicBezTo>
                  <a:cubicBezTo>
                    <a:pt x="28121" y="9223"/>
                    <a:pt x="28121" y="8998"/>
                    <a:pt x="28071" y="8948"/>
                  </a:cubicBezTo>
                  <a:lnTo>
                    <a:pt x="27845" y="8948"/>
                  </a:lnTo>
                  <a:cubicBezTo>
                    <a:pt x="27770" y="8948"/>
                    <a:pt x="27670" y="9048"/>
                    <a:pt x="27620" y="9098"/>
                  </a:cubicBezTo>
                  <a:cubicBezTo>
                    <a:pt x="27544" y="9173"/>
                    <a:pt x="27394" y="9173"/>
                    <a:pt x="27319" y="9173"/>
                  </a:cubicBezTo>
                  <a:cubicBezTo>
                    <a:pt x="27319" y="9223"/>
                    <a:pt x="27269" y="9273"/>
                    <a:pt x="27269" y="9324"/>
                  </a:cubicBezTo>
                  <a:cubicBezTo>
                    <a:pt x="27219" y="9324"/>
                    <a:pt x="27043" y="9499"/>
                    <a:pt x="26993" y="9499"/>
                  </a:cubicBezTo>
                  <a:cubicBezTo>
                    <a:pt x="26943" y="9499"/>
                    <a:pt x="26818" y="9399"/>
                    <a:pt x="26767" y="9399"/>
                  </a:cubicBezTo>
                  <a:cubicBezTo>
                    <a:pt x="26734" y="9399"/>
                    <a:pt x="26645" y="9365"/>
                    <a:pt x="26574" y="9365"/>
                  </a:cubicBezTo>
                  <a:cubicBezTo>
                    <a:pt x="26539" y="9365"/>
                    <a:pt x="26508" y="9374"/>
                    <a:pt x="26492" y="9399"/>
                  </a:cubicBezTo>
                  <a:cubicBezTo>
                    <a:pt x="26417" y="9449"/>
                    <a:pt x="26417" y="9674"/>
                    <a:pt x="26366" y="9775"/>
                  </a:cubicBezTo>
                  <a:cubicBezTo>
                    <a:pt x="26366" y="9850"/>
                    <a:pt x="26266" y="10000"/>
                    <a:pt x="26216" y="10000"/>
                  </a:cubicBezTo>
                  <a:cubicBezTo>
                    <a:pt x="26203" y="10014"/>
                    <a:pt x="26189" y="10019"/>
                    <a:pt x="26174" y="10019"/>
                  </a:cubicBezTo>
                  <a:cubicBezTo>
                    <a:pt x="26105" y="10019"/>
                    <a:pt x="26019" y="9900"/>
                    <a:pt x="25915" y="9900"/>
                  </a:cubicBezTo>
                  <a:cubicBezTo>
                    <a:pt x="25865" y="9900"/>
                    <a:pt x="25815" y="10000"/>
                    <a:pt x="25765" y="10000"/>
                  </a:cubicBezTo>
                  <a:cubicBezTo>
                    <a:pt x="25640" y="10000"/>
                    <a:pt x="25539" y="9950"/>
                    <a:pt x="25414" y="9900"/>
                  </a:cubicBezTo>
                  <a:cubicBezTo>
                    <a:pt x="25314" y="9900"/>
                    <a:pt x="25088" y="9950"/>
                    <a:pt x="24963" y="9950"/>
                  </a:cubicBezTo>
                  <a:cubicBezTo>
                    <a:pt x="24913" y="9900"/>
                    <a:pt x="24787" y="9775"/>
                    <a:pt x="24737" y="9674"/>
                  </a:cubicBezTo>
                  <a:cubicBezTo>
                    <a:pt x="24687" y="9624"/>
                    <a:pt x="24737" y="9399"/>
                    <a:pt x="24687" y="9273"/>
                  </a:cubicBezTo>
                  <a:cubicBezTo>
                    <a:pt x="24637" y="9223"/>
                    <a:pt x="24412" y="9173"/>
                    <a:pt x="24412" y="9048"/>
                  </a:cubicBezTo>
                  <a:cubicBezTo>
                    <a:pt x="24336" y="8998"/>
                    <a:pt x="24286" y="8822"/>
                    <a:pt x="24286" y="8772"/>
                  </a:cubicBezTo>
                  <a:cubicBezTo>
                    <a:pt x="24286" y="8597"/>
                    <a:pt x="24412" y="8371"/>
                    <a:pt x="24412" y="8271"/>
                  </a:cubicBezTo>
                  <a:lnTo>
                    <a:pt x="24412" y="7695"/>
                  </a:lnTo>
                  <a:cubicBezTo>
                    <a:pt x="24412" y="7644"/>
                    <a:pt x="24412" y="7469"/>
                    <a:pt x="24286" y="7419"/>
                  </a:cubicBezTo>
                  <a:lnTo>
                    <a:pt x="24111" y="7469"/>
                  </a:lnTo>
                  <a:cubicBezTo>
                    <a:pt x="24061" y="7544"/>
                    <a:pt x="24061" y="7644"/>
                    <a:pt x="24061" y="7695"/>
                  </a:cubicBezTo>
                  <a:cubicBezTo>
                    <a:pt x="24061" y="7745"/>
                    <a:pt x="24011" y="7870"/>
                    <a:pt x="23960" y="7920"/>
                  </a:cubicBezTo>
                  <a:cubicBezTo>
                    <a:pt x="23885" y="7920"/>
                    <a:pt x="23660" y="7920"/>
                    <a:pt x="23610" y="7870"/>
                  </a:cubicBezTo>
                  <a:cubicBezTo>
                    <a:pt x="23559" y="7820"/>
                    <a:pt x="23559" y="7644"/>
                    <a:pt x="23559" y="7594"/>
                  </a:cubicBezTo>
                  <a:cubicBezTo>
                    <a:pt x="23509" y="7544"/>
                    <a:pt x="23384" y="7469"/>
                    <a:pt x="23334" y="7419"/>
                  </a:cubicBezTo>
                  <a:lnTo>
                    <a:pt x="23058" y="7419"/>
                  </a:lnTo>
                  <a:cubicBezTo>
                    <a:pt x="22983" y="7469"/>
                    <a:pt x="22782" y="7469"/>
                    <a:pt x="22707" y="7544"/>
                  </a:cubicBezTo>
                  <a:cubicBezTo>
                    <a:pt x="22657" y="7644"/>
                    <a:pt x="22657" y="7870"/>
                    <a:pt x="22607" y="7970"/>
                  </a:cubicBezTo>
                  <a:cubicBezTo>
                    <a:pt x="22607" y="8045"/>
                    <a:pt x="22482" y="8096"/>
                    <a:pt x="22482" y="8146"/>
                  </a:cubicBezTo>
                  <a:cubicBezTo>
                    <a:pt x="22432" y="8196"/>
                    <a:pt x="22482" y="8321"/>
                    <a:pt x="22557" y="8371"/>
                  </a:cubicBezTo>
                  <a:cubicBezTo>
                    <a:pt x="22557" y="8421"/>
                    <a:pt x="22707" y="8421"/>
                    <a:pt x="22782" y="8497"/>
                  </a:cubicBezTo>
                  <a:cubicBezTo>
                    <a:pt x="22833" y="8597"/>
                    <a:pt x="22833" y="8772"/>
                    <a:pt x="22833" y="8872"/>
                  </a:cubicBezTo>
                  <a:cubicBezTo>
                    <a:pt x="22833" y="8948"/>
                    <a:pt x="22707" y="9048"/>
                    <a:pt x="22707" y="9098"/>
                  </a:cubicBezTo>
                  <a:cubicBezTo>
                    <a:pt x="22707" y="9173"/>
                    <a:pt x="22833" y="9273"/>
                    <a:pt x="22833" y="9324"/>
                  </a:cubicBezTo>
                  <a:cubicBezTo>
                    <a:pt x="22883" y="9449"/>
                    <a:pt x="22883" y="9549"/>
                    <a:pt x="22883" y="9674"/>
                  </a:cubicBezTo>
                  <a:cubicBezTo>
                    <a:pt x="22883" y="9725"/>
                    <a:pt x="22782" y="9850"/>
                    <a:pt x="22707" y="9950"/>
                  </a:cubicBezTo>
                  <a:cubicBezTo>
                    <a:pt x="22657" y="10075"/>
                    <a:pt x="22607" y="10351"/>
                    <a:pt x="22557" y="10451"/>
                  </a:cubicBezTo>
                  <a:cubicBezTo>
                    <a:pt x="22432" y="10627"/>
                    <a:pt x="22206" y="10903"/>
                    <a:pt x="22156" y="11028"/>
                  </a:cubicBezTo>
                  <a:cubicBezTo>
                    <a:pt x="22106" y="11128"/>
                    <a:pt x="21980" y="11354"/>
                    <a:pt x="21930" y="11429"/>
                  </a:cubicBezTo>
                  <a:cubicBezTo>
                    <a:pt x="21880" y="11529"/>
                    <a:pt x="21705" y="11529"/>
                    <a:pt x="21579" y="11579"/>
                  </a:cubicBezTo>
                  <a:cubicBezTo>
                    <a:pt x="21579" y="11654"/>
                    <a:pt x="21529" y="11705"/>
                    <a:pt x="21529" y="11755"/>
                  </a:cubicBezTo>
                  <a:cubicBezTo>
                    <a:pt x="21479" y="11805"/>
                    <a:pt x="21254" y="11855"/>
                    <a:pt x="21204" y="11930"/>
                  </a:cubicBezTo>
                  <a:cubicBezTo>
                    <a:pt x="21128" y="11980"/>
                    <a:pt x="21078" y="12156"/>
                    <a:pt x="21078" y="12206"/>
                  </a:cubicBezTo>
                  <a:cubicBezTo>
                    <a:pt x="21078" y="12306"/>
                    <a:pt x="21204" y="12607"/>
                    <a:pt x="21078" y="12657"/>
                  </a:cubicBezTo>
                  <a:cubicBezTo>
                    <a:pt x="21053" y="12682"/>
                    <a:pt x="20997" y="12682"/>
                    <a:pt x="20940" y="12682"/>
                  </a:cubicBezTo>
                  <a:cubicBezTo>
                    <a:pt x="20884" y="12682"/>
                    <a:pt x="20828" y="12682"/>
                    <a:pt x="20802" y="12707"/>
                  </a:cubicBezTo>
                  <a:cubicBezTo>
                    <a:pt x="20677" y="12757"/>
                    <a:pt x="20627" y="12983"/>
                    <a:pt x="20577" y="13108"/>
                  </a:cubicBezTo>
                  <a:cubicBezTo>
                    <a:pt x="20577" y="13208"/>
                    <a:pt x="20527" y="13334"/>
                    <a:pt x="20527" y="13434"/>
                  </a:cubicBezTo>
                  <a:cubicBezTo>
                    <a:pt x="20527" y="13509"/>
                    <a:pt x="20627" y="13659"/>
                    <a:pt x="20627" y="13735"/>
                  </a:cubicBezTo>
                  <a:cubicBezTo>
                    <a:pt x="20627" y="13785"/>
                    <a:pt x="20527" y="13885"/>
                    <a:pt x="20527" y="13960"/>
                  </a:cubicBezTo>
                  <a:cubicBezTo>
                    <a:pt x="20527" y="14060"/>
                    <a:pt x="20577" y="14186"/>
                    <a:pt x="20627" y="14236"/>
                  </a:cubicBezTo>
                  <a:cubicBezTo>
                    <a:pt x="20627" y="14336"/>
                    <a:pt x="20677" y="14562"/>
                    <a:pt x="20752" y="14637"/>
                  </a:cubicBezTo>
                  <a:cubicBezTo>
                    <a:pt x="20802" y="14637"/>
                    <a:pt x="20903" y="14637"/>
                    <a:pt x="20978" y="14687"/>
                  </a:cubicBezTo>
                  <a:cubicBezTo>
                    <a:pt x="21028" y="14737"/>
                    <a:pt x="21128" y="14913"/>
                    <a:pt x="21128" y="15013"/>
                  </a:cubicBezTo>
                  <a:cubicBezTo>
                    <a:pt x="21128" y="15088"/>
                    <a:pt x="20903" y="15088"/>
                    <a:pt x="20853" y="15138"/>
                  </a:cubicBezTo>
                  <a:lnTo>
                    <a:pt x="20853" y="15364"/>
                  </a:lnTo>
                  <a:cubicBezTo>
                    <a:pt x="20853" y="15414"/>
                    <a:pt x="20802" y="15639"/>
                    <a:pt x="20752" y="15690"/>
                  </a:cubicBezTo>
                  <a:cubicBezTo>
                    <a:pt x="20702" y="15690"/>
                    <a:pt x="20641" y="15723"/>
                    <a:pt x="20569" y="15723"/>
                  </a:cubicBezTo>
                  <a:cubicBezTo>
                    <a:pt x="20532" y="15723"/>
                    <a:pt x="20493" y="15715"/>
                    <a:pt x="20452" y="15690"/>
                  </a:cubicBezTo>
                  <a:cubicBezTo>
                    <a:pt x="20401" y="15690"/>
                    <a:pt x="20301" y="15589"/>
                    <a:pt x="20176" y="15589"/>
                  </a:cubicBezTo>
                  <a:cubicBezTo>
                    <a:pt x="20153" y="15578"/>
                    <a:pt x="20124" y="15574"/>
                    <a:pt x="20091" y="15574"/>
                  </a:cubicBezTo>
                  <a:cubicBezTo>
                    <a:pt x="20032" y="15574"/>
                    <a:pt x="19961" y="15586"/>
                    <a:pt x="19893" y="15586"/>
                  </a:cubicBezTo>
                  <a:cubicBezTo>
                    <a:pt x="19831" y="15586"/>
                    <a:pt x="19771" y="15576"/>
                    <a:pt x="19725" y="15539"/>
                  </a:cubicBezTo>
                  <a:lnTo>
                    <a:pt x="19725" y="15364"/>
                  </a:lnTo>
                  <a:cubicBezTo>
                    <a:pt x="19725" y="15314"/>
                    <a:pt x="19850" y="15238"/>
                    <a:pt x="19850" y="15188"/>
                  </a:cubicBezTo>
                  <a:cubicBezTo>
                    <a:pt x="19900" y="15088"/>
                    <a:pt x="19775" y="14913"/>
                    <a:pt x="19775" y="14862"/>
                  </a:cubicBezTo>
                  <a:cubicBezTo>
                    <a:pt x="19725" y="14737"/>
                    <a:pt x="19625" y="14637"/>
                    <a:pt x="19625" y="14562"/>
                  </a:cubicBezTo>
                  <a:cubicBezTo>
                    <a:pt x="19549" y="14461"/>
                    <a:pt x="19549" y="14236"/>
                    <a:pt x="19499" y="14186"/>
                  </a:cubicBezTo>
                  <a:cubicBezTo>
                    <a:pt x="19449" y="14111"/>
                    <a:pt x="19274" y="14111"/>
                    <a:pt x="19224" y="14060"/>
                  </a:cubicBezTo>
                  <a:cubicBezTo>
                    <a:pt x="19123" y="14010"/>
                    <a:pt x="19048" y="13785"/>
                    <a:pt x="18948" y="13735"/>
                  </a:cubicBezTo>
                  <a:cubicBezTo>
                    <a:pt x="18923" y="13697"/>
                    <a:pt x="18879" y="13697"/>
                    <a:pt x="18829" y="13697"/>
                  </a:cubicBezTo>
                  <a:cubicBezTo>
                    <a:pt x="18779" y="13697"/>
                    <a:pt x="18722" y="13697"/>
                    <a:pt x="18672" y="13659"/>
                  </a:cubicBezTo>
                  <a:cubicBezTo>
                    <a:pt x="18597" y="13659"/>
                    <a:pt x="18497" y="13609"/>
                    <a:pt x="18497" y="13559"/>
                  </a:cubicBezTo>
                  <a:cubicBezTo>
                    <a:pt x="18497" y="13509"/>
                    <a:pt x="18672" y="13434"/>
                    <a:pt x="18722" y="13384"/>
                  </a:cubicBezTo>
                  <a:cubicBezTo>
                    <a:pt x="18772" y="13334"/>
                    <a:pt x="18948" y="13334"/>
                    <a:pt x="18998" y="13284"/>
                  </a:cubicBezTo>
                  <a:cubicBezTo>
                    <a:pt x="19048" y="13208"/>
                    <a:pt x="19123" y="13058"/>
                    <a:pt x="19123" y="12983"/>
                  </a:cubicBezTo>
                  <a:cubicBezTo>
                    <a:pt x="19173" y="12883"/>
                    <a:pt x="19173" y="12607"/>
                    <a:pt x="19123" y="12532"/>
                  </a:cubicBezTo>
                  <a:cubicBezTo>
                    <a:pt x="19048" y="12482"/>
                    <a:pt x="18898" y="12482"/>
                    <a:pt x="18823" y="12482"/>
                  </a:cubicBezTo>
                  <a:cubicBezTo>
                    <a:pt x="18772" y="12456"/>
                    <a:pt x="18703" y="12456"/>
                    <a:pt x="18641" y="12456"/>
                  </a:cubicBezTo>
                  <a:cubicBezTo>
                    <a:pt x="18578" y="12456"/>
                    <a:pt x="18522" y="12456"/>
                    <a:pt x="18497" y="12431"/>
                  </a:cubicBezTo>
                  <a:cubicBezTo>
                    <a:pt x="18371" y="12381"/>
                    <a:pt x="18321" y="12206"/>
                    <a:pt x="18271" y="12156"/>
                  </a:cubicBezTo>
                  <a:cubicBezTo>
                    <a:pt x="18221" y="12080"/>
                    <a:pt x="18146" y="12080"/>
                    <a:pt x="18096" y="12080"/>
                  </a:cubicBezTo>
                  <a:cubicBezTo>
                    <a:pt x="18046" y="12080"/>
                    <a:pt x="18046" y="12206"/>
                    <a:pt x="17995" y="12206"/>
                  </a:cubicBezTo>
                  <a:cubicBezTo>
                    <a:pt x="17920" y="12206"/>
                    <a:pt x="17770" y="12206"/>
                    <a:pt x="17645" y="12156"/>
                  </a:cubicBezTo>
                  <a:cubicBezTo>
                    <a:pt x="17594" y="12156"/>
                    <a:pt x="17544" y="12080"/>
                    <a:pt x="17469" y="12030"/>
                  </a:cubicBezTo>
                  <a:cubicBezTo>
                    <a:pt x="17420" y="12153"/>
                    <a:pt x="17323" y="12252"/>
                    <a:pt x="17248" y="12303"/>
                  </a:cubicBezTo>
                  <a:lnTo>
                    <a:pt x="17248" y="12303"/>
                  </a:lnTo>
                  <a:cubicBezTo>
                    <a:pt x="17307" y="12248"/>
                    <a:pt x="17402" y="12161"/>
                    <a:pt x="17444" y="12055"/>
                  </a:cubicBezTo>
                  <a:cubicBezTo>
                    <a:pt x="17344" y="12005"/>
                    <a:pt x="17269" y="11830"/>
                    <a:pt x="17219" y="11780"/>
                  </a:cubicBezTo>
                  <a:cubicBezTo>
                    <a:pt x="17168" y="11730"/>
                    <a:pt x="16993" y="11604"/>
                    <a:pt x="16943" y="11554"/>
                  </a:cubicBezTo>
                  <a:cubicBezTo>
                    <a:pt x="16893" y="11504"/>
                    <a:pt x="16767" y="11379"/>
                    <a:pt x="16717" y="11379"/>
                  </a:cubicBezTo>
                  <a:cubicBezTo>
                    <a:pt x="16667" y="11329"/>
                    <a:pt x="16492" y="11203"/>
                    <a:pt x="16442" y="11153"/>
                  </a:cubicBezTo>
                  <a:cubicBezTo>
                    <a:pt x="16391" y="11103"/>
                    <a:pt x="16316" y="10877"/>
                    <a:pt x="16266" y="10827"/>
                  </a:cubicBezTo>
                  <a:cubicBezTo>
                    <a:pt x="16216" y="10702"/>
                    <a:pt x="15940" y="10652"/>
                    <a:pt x="15815" y="10527"/>
                  </a:cubicBezTo>
                  <a:cubicBezTo>
                    <a:pt x="15765" y="10476"/>
                    <a:pt x="15715" y="10301"/>
                    <a:pt x="15640" y="10201"/>
                  </a:cubicBezTo>
                  <a:cubicBezTo>
                    <a:pt x="15640" y="10075"/>
                    <a:pt x="15640" y="9875"/>
                    <a:pt x="15715" y="9750"/>
                  </a:cubicBezTo>
                  <a:cubicBezTo>
                    <a:pt x="15715" y="9700"/>
                    <a:pt x="15865" y="9574"/>
                    <a:pt x="15865" y="9524"/>
                  </a:cubicBezTo>
                  <a:cubicBezTo>
                    <a:pt x="15940" y="9424"/>
                    <a:pt x="15815" y="9248"/>
                    <a:pt x="15865" y="9123"/>
                  </a:cubicBezTo>
                  <a:cubicBezTo>
                    <a:pt x="15865" y="9073"/>
                    <a:pt x="15940" y="8973"/>
                    <a:pt x="15940" y="8847"/>
                  </a:cubicBezTo>
                  <a:cubicBezTo>
                    <a:pt x="15940" y="8797"/>
                    <a:pt x="15865" y="8572"/>
                    <a:pt x="15865" y="8522"/>
                  </a:cubicBezTo>
                  <a:cubicBezTo>
                    <a:pt x="15865" y="8396"/>
                    <a:pt x="15865" y="8171"/>
                    <a:pt x="15815" y="8070"/>
                  </a:cubicBezTo>
                  <a:cubicBezTo>
                    <a:pt x="15743" y="8016"/>
                    <a:pt x="15605" y="7975"/>
                    <a:pt x="15487" y="7975"/>
                  </a:cubicBezTo>
                  <a:cubicBezTo>
                    <a:pt x="15442" y="7975"/>
                    <a:pt x="15399" y="7981"/>
                    <a:pt x="15364" y="7995"/>
                  </a:cubicBezTo>
                  <a:cubicBezTo>
                    <a:pt x="15264" y="7995"/>
                    <a:pt x="15038" y="8171"/>
                    <a:pt x="14863" y="8296"/>
                  </a:cubicBezTo>
                  <a:cubicBezTo>
                    <a:pt x="14812" y="8296"/>
                    <a:pt x="14587" y="8346"/>
                    <a:pt x="14512" y="8446"/>
                  </a:cubicBezTo>
                  <a:cubicBezTo>
                    <a:pt x="14512" y="8522"/>
                    <a:pt x="14637" y="8672"/>
                    <a:pt x="14637" y="8797"/>
                  </a:cubicBezTo>
                  <a:cubicBezTo>
                    <a:pt x="14637" y="8847"/>
                    <a:pt x="14687" y="9023"/>
                    <a:pt x="14637" y="9073"/>
                  </a:cubicBezTo>
                  <a:cubicBezTo>
                    <a:pt x="14626" y="9084"/>
                    <a:pt x="14608" y="9087"/>
                    <a:pt x="14585" y="9087"/>
                  </a:cubicBezTo>
                  <a:cubicBezTo>
                    <a:pt x="14521" y="9087"/>
                    <a:pt x="14423" y="9058"/>
                    <a:pt x="14351" y="9058"/>
                  </a:cubicBezTo>
                  <a:cubicBezTo>
                    <a:pt x="14325" y="9058"/>
                    <a:pt x="14302" y="9062"/>
                    <a:pt x="14286" y="9073"/>
                  </a:cubicBezTo>
                  <a:cubicBezTo>
                    <a:pt x="14186" y="9123"/>
                    <a:pt x="14236" y="9349"/>
                    <a:pt x="14186" y="9424"/>
                  </a:cubicBezTo>
                  <a:cubicBezTo>
                    <a:pt x="14177" y="9433"/>
                    <a:pt x="14164" y="9436"/>
                    <a:pt x="14149" y="9436"/>
                  </a:cubicBezTo>
                  <a:cubicBezTo>
                    <a:pt x="14099" y="9436"/>
                    <a:pt x="14021" y="9399"/>
                    <a:pt x="13965" y="9399"/>
                  </a:cubicBezTo>
                  <a:cubicBezTo>
                    <a:pt x="13942" y="9399"/>
                    <a:pt x="13922" y="9406"/>
                    <a:pt x="13910" y="9424"/>
                  </a:cubicBezTo>
                  <a:cubicBezTo>
                    <a:pt x="13835" y="9474"/>
                    <a:pt x="13835" y="9649"/>
                    <a:pt x="13835" y="9700"/>
                  </a:cubicBezTo>
                  <a:cubicBezTo>
                    <a:pt x="13785" y="9750"/>
                    <a:pt x="13685" y="9875"/>
                    <a:pt x="13559" y="9875"/>
                  </a:cubicBezTo>
                  <a:cubicBezTo>
                    <a:pt x="13551" y="9884"/>
                    <a:pt x="13536" y="9887"/>
                    <a:pt x="13518" y="9887"/>
                  </a:cubicBezTo>
                  <a:cubicBezTo>
                    <a:pt x="13458" y="9887"/>
                    <a:pt x="13355" y="9850"/>
                    <a:pt x="13263" y="9850"/>
                  </a:cubicBezTo>
                  <a:cubicBezTo>
                    <a:pt x="13225" y="9850"/>
                    <a:pt x="13189" y="9857"/>
                    <a:pt x="13158" y="9875"/>
                  </a:cubicBezTo>
                  <a:lnTo>
                    <a:pt x="13158" y="9975"/>
                  </a:lnTo>
                  <a:cubicBezTo>
                    <a:pt x="13108" y="10075"/>
                    <a:pt x="12883" y="10075"/>
                    <a:pt x="12833" y="10201"/>
                  </a:cubicBezTo>
                  <a:lnTo>
                    <a:pt x="12833" y="10376"/>
                  </a:lnTo>
                  <a:cubicBezTo>
                    <a:pt x="12833" y="10426"/>
                    <a:pt x="12933" y="10527"/>
                    <a:pt x="13008" y="10602"/>
                  </a:cubicBezTo>
                  <a:cubicBezTo>
                    <a:pt x="13058" y="10652"/>
                    <a:pt x="13108" y="10652"/>
                    <a:pt x="13158" y="10702"/>
                  </a:cubicBezTo>
                  <a:cubicBezTo>
                    <a:pt x="13234" y="10752"/>
                    <a:pt x="13234" y="10978"/>
                    <a:pt x="13234" y="11103"/>
                  </a:cubicBezTo>
                  <a:cubicBezTo>
                    <a:pt x="13284" y="11203"/>
                    <a:pt x="13384" y="11329"/>
                    <a:pt x="13384" y="11429"/>
                  </a:cubicBezTo>
                  <a:cubicBezTo>
                    <a:pt x="13384" y="11504"/>
                    <a:pt x="13284" y="11730"/>
                    <a:pt x="13234" y="11780"/>
                  </a:cubicBezTo>
                  <a:cubicBezTo>
                    <a:pt x="13158" y="11830"/>
                    <a:pt x="13008" y="11830"/>
                    <a:pt x="12933" y="11830"/>
                  </a:cubicBezTo>
                  <a:cubicBezTo>
                    <a:pt x="12883" y="11880"/>
                    <a:pt x="12883" y="12055"/>
                    <a:pt x="12883" y="12106"/>
                  </a:cubicBezTo>
                  <a:cubicBezTo>
                    <a:pt x="12849" y="12131"/>
                    <a:pt x="12807" y="12139"/>
                    <a:pt x="12762" y="12139"/>
                  </a:cubicBezTo>
                  <a:cubicBezTo>
                    <a:pt x="12671" y="12139"/>
                    <a:pt x="12565" y="12106"/>
                    <a:pt x="12482" y="12106"/>
                  </a:cubicBezTo>
                  <a:cubicBezTo>
                    <a:pt x="12381" y="12181"/>
                    <a:pt x="12206" y="12406"/>
                    <a:pt x="12156" y="12507"/>
                  </a:cubicBezTo>
                  <a:cubicBezTo>
                    <a:pt x="12106" y="12682"/>
                    <a:pt x="12156" y="13083"/>
                    <a:pt x="12106" y="13183"/>
                  </a:cubicBezTo>
                  <a:cubicBezTo>
                    <a:pt x="12056" y="13309"/>
                    <a:pt x="11830" y="13459"/>
                    <a:pt x="11755" y="13459"/>
                  </a:cubicBezTo>
                  <a:cubicBezTo>
                    <a:pt x="11604" y="13584"/>
                    <a:pt x="11254" y="13534"/>
                    <a:pt x="11153" y="13634"/>
                  </a:cubicBezTo>
                  <a:cubicBezTo>
                    <a:pt x="11028" y="13685"/>
                    <a:pt x="10853" y="13910"/>
                    <a:pt x="10802" y="14035"/>
                  </a:cubicBezTo>
                  <a:cubicBezTo>
                    <a:pt x="10802" y="14136"/>
                    <a:pt x="10853" y="14361"/>
                    <a:pt x="10802" y="14487"/>
                  </a:cubicBezTo>
                  <a:cubicBezTo>
                    <a:pt x="10752" y="14487"/>
                    <a:pt x="10627" y="14587"/>
                    <a:pt x="10577" y="14587"/>
                  </a:cubicBezTo>
                  <a:cubicBezTo>
                    <a:pt x="10527" y="14587"/>
                    <a:pt x="10351" y="14537"/>
                    <a:pt x="10301" y="14537"/>
                  </a:cubicBezTo>
                  <a:cubicBezTo>
                    <a:pt x="10251" y="14487"/>
                    <a:pt x="10126" y="14487"/>
                    <a:pt x="10076" y="14487"/>
                  </a:cubicBezTo>
                  <a:lnTo>
                    <a:pt x="9850" y="14487"/>
                  </a:lnTo>
                  <a:lnTo>
                    <a:pt x="9850" y="14762"/>
                  </a:lnTo>
                  <a:lnTo>
                    <a:pt x="9850" y="15113"/>
                  </a:lnTo>
                  <a:cubicBezTo>
                    <a:pt x="9900" y="15213"/>
                    <a:pt x="10025" y="15389"/>
                    <a:pt x="10076" y="15489"/>
                  </a:cubicBezTo>
                  <a:cubicBezTo>
                    <a:pt x="10126" y="15564"/>
                    <a:pt x="10301" y="15664"/>
                    <a:pt x="10301" y="15790"/>
                  </a:cubicBezTo>
                  <a:cubicBezTo>
                    <a:pt x="10301" y="15890"/>
                    <a:pt x="10076" y="16065"/>
                    <a:pt x="10025" y="16166"/>
                  </a:cubicBezTo>
                  <a:cubicBezTo>
                    <a:pt x="9979" y="16244"/>
                    <a:pt x="9942" y="16360"/>
                    <a:pt x="9920" y="16461"/>
                  </a:cubicBezTo>
                  <a:lnTo>
                    <a:pt x="9920" y="16461"/>
                  </a:lnTo>
                  <a:cubicBezTo>
                    <a:pt x="9940" y="16359"/>
                    <a:pt x="9970" y="16252"/>
                    <a:pt x="10000" y="16191"/>
                  </a:cubicBezTo>
                  <a:cubicBezTo>
                    <a:pt x="10051" y="16065"/>
                    <a:pt x="10276" y="15915"/>
                    <a:pt x="10276" y="15790"/>
                  </a:cubicBezTo>
                  <a:cubicBezTo>
                    <a:pt x="10276" y="15690"/>
                    <a:pt x="10126" y="15564"/>
                    <a:pt x="10051" y="15514"/>
                  </a:cubicBezTo>
                  <a:cubicBezTo>
                    <a:pt x="10000" y="15389"/>
                    <a:pt x="9900" y="15238"/>
                    <a:pt x="9825" y="15113"/>
                  </a:cubicBezTo>
                  <a:lnTo>
                    <a:pt x="9825" y="14787"/>
                  </a:lnTo>
                  <a:lnTo>
                    <a:pt x="9825" y="14487"/>
                  </a:lnTo>
                  <a:cubicBezTo>
                    <a:pt x="9775" y="14487"/>
                    <a:pt x="9725" y="14487"/>
                    <a:pt x="9675" y="14436"/>
                  </a:cubicBezTo>
                  <a:cubicBezTo>
                    <a:pt x="9599" y="14386"/>
                    <a:pt x="9499" y="14211"/>
                    <a:pt x="9499" y="14111"/>
                  </a:cubicBezTo>
                  <a:cubicBezTo>
                    <a:pt x="9449" y="14035"/>
                    <a:pt x="9449" y="13885"/>
                    <a:pt x="9374" y="13810"/>
                  </a:cubicBezTo>
                  <a:cubicBezTo>
                    <a:pt x="9324" y="13760"/>
                    <a:pt x="9148" y="13760"/>
                    <a:pt x="9048" y="13760"/>
                  </a:cubicBezTo>
                  <a:cubicBezTo>
                    <a:pt x="9006" y="13743"/>
                    <a:pt x="8962" y="13737"/>
                    <a:pt x="8916" y="13737"/>
                  </a:cubicBezTo>
                  <a:cubicBezTo>
                    <a:pt x="8825" y="13737"/>
                    <a:pt x="8731" y="13760"/>
                    <a:pt x="8647" y="13760"/>
                  </a:cubicBezTo>
                  <a:lnTo>
                    <a:pt x="8472" y="13760"/>
                  </a:lnTo>
                  <a:cubicBezTo>
                    <a:pt x="8371" y="13710"/>
                    <a:pt x="8421" y="13484"/>
                    <a:pt x="8371" y="13434"/>
                  </a:cubicBezTo>
                  <a:cubicBezTo>
                    <a:pt x="8246" y="13434"/>
                    <a:pt x="8146" y="13584"/>
                    <a:pt x="8096" y="13659"/>
                  </a:cubicBezTo>
                  <a:lnTo>
                    <a:pt x="7920" y="13810"/>
                  </a:lnTo>
                  <a:cubicBezTo>
                    <a:pt x="7795" y="13935"/>
                    <a:pt x="7469" y="13935"/>
                    <a:pt x="7294" y="14035"/>
                  </a:cubicBezTo>
                  <a:cubicBezTo>
                    <a:pt x="7244" y="14035"/>
                    <a:pt x="7118" y="14111"/>
                    <a:pt x="7068" y="14161"/>
                  </a:cubicBezTo>
                  <a:cubicBezTo>
                    <a:pt x="7068" y="14211"/>
                    <a:pt x="7018" y="14336"/>
                    <a:pt x="7018" y="14386"/>
                  </a:cubicBezTo>
                  <a:cubicBezTo>
                    <a:pt x="6968" y="14436"/>
                    <a:pt x="6843" y="14612"/>
                    <a:pt x="6742" y="14662"/>
                  </a:cubicBezTo>
                  <a:cubicBezTo>
                    <a:pt x="6667" y="14662"/>
                    <a:pt x="6567" y="14562"/>
                    <a:pt x="6517" y="14487"/>
                  </a:cubicBezTo>
                  <a:cubicBezTo>
                    <a:pt x="6442" y="14436"/>
                    <a:pt x="6391" y="14261"/>
                    <a:pt x="6341" y="14261"/>
                  </a:cubicBezTo>
                  <a:cubicBezTo>
                    <a:pt x="6291" y="14211"/>
                    <a:pt x="6166" y="14211"/>
                    <a:pt x="6116" y="14211"/>
                  </a:cubicBezTo>
                  <a:cubicBezTo>
                    <a:pt x="5990" y="14211"/>
                    <a:pt x="5890" y="14386"/>
                    <a:pt x="5840" y="14386"/>
                  </a:cubicBezTo>
                  <a:cubicBezTo>
                    <a:pt x="5715" y="14487"/>
                    <a:pt x="5489" y="14562"/>
                    <a:pt x="5389" y="14662"/>
                  </a:cubicBezTo>
                  <a:cubicBezTo>
                    <a:pt x="5314" y="14712"/>
                    <a:pt x="5264" y="14888"/>
                    <a:pt x="5213" y="14938"/>
                  </a:cubicBezTo>
                  <a:cubicBezTo>
                    <a:pt x="5213" y="14938"/>
                    <a:pt x="5126" y="15025"/>
                    <a:pt x="5068" y="15025"/>
                  </a:cubicBezTo>
                  <a:cubicBezTo>
                    <a:pt x="5057" y="15025"/>
                    <a:pt x="5046" y="15021"/>
                    <a:pt x="5038" y="15013"/>
                  </a:cubicBezTo>
                  <a:cubicBezTo>
                    <a:pt x="4988" y="15013"/>
                    <a:pt x="4938" y="14888"/>
                    <a:pt x="4863" y="14888"/>
                  </a:cubicBezTo>
                  <a:cubicBezTo>
                    <a:pt x="4863" y="14852"/>
                    <a:pt x="4812" y="14817"/>
                    <a:pt x="4765" y="14817"/>
                  </a:cubicBezTo>
                  <a:cubicBezTo>
                    <a:pt x="4746" y="14817"/>
                    <a:pt x="4727" y="14823"/>
                    <a:pt x="4712" y="14837"/>
                  </a:cubicBezTo>
                  <a:cubicBezTo>
                    <a:pt x="4637" y="14837"/>
                    <a:pt x="4537" y="15013"/>
                    <a:pt x="4487" y="15013"/>
                  </a:cubicBezTo>
                  <a:cubicBezTo>
                    <a:pt x="4411" y="15013"/>
                    <a:pt x="4261" y="14938"/>
                    <a:pt x="4261" y="14837"/>
                  </a:cubicBezTo>
                  <a:cubicBezTo>
                    <a:pt x="4186" y="14787"/>
                    <a:pt x="4261" y="14612"/>
                    <a:pt x="4186" y="14487"/>
                  </a:cubicBezTo>
                  <a:cubicBezTo>
                    <a:pt x="4136" y="14436"/>
                    <a:pt x="3960" y="14261"/>
                    <a:pt x="3910" y="14211"/>
                  </a:cubicBezTo>
                  <a:cubicBezTo>
                    <a:pt x="3860" y="14211"/>
                    <a:pt x="3810" y="14161"/>
                    <a:pt x="3735" y="14161"/>
                  </a:cubicBezTo>
                  <a:cubicBezTo>
                    <a:pt x="3634" y="14211"/>
                    <a:pt x="3509" y="14261"/>
                    <a:pt x="3459" y="14336"/>
                  </a:cubicBezTo>
                  <a:cubicBezTo>
                    <a:pt x="3459" y="14386"/>
                    <a:pt x="3584" y="14612"/>
                    <a:pt x="3509" y="14662"/>
                  </a:cubicBezTo>
                  <a:cubicBezTo>
                    <a:pt x="3509" y="14712"/>
                    <a:pt x="3459" y="14837"/>
                    <a:pt x="3409" y="14888"/>
                  </a:cubicBezTo>
                  <a:cubicBezTo>
                    <a:pt x="3359" y="14938"/>
                    <a:pt x="3233" y="14938"/>
                    <a:pt x="3183" y="14938"/>
                  </a:cubicBezTo>
                  <a:cubicBezTo>
                    <a:pt x="3133" y="15013"/>
                    <a:pt x="3058" y="15113"/>
                    <a:pt x="3008" y="15113"/>
                  </a:cubicBezTo>
                  <a:cubicBezTo>
                    <a:pt x="2908" y="15163"/>
                    <a:pt x="2682" y="15163"/>
                    <a:pt x="2557" y="15238"/>
                  </a:cubicBezTo>
                  <a:cubicBezTo>
                    <a:pt x="2507" y="15238"/>
                    <a:pt x="2331" y="15238"/>
                    <a:pt x="2281" y="15163"/>
                  </a:cubicBezTo>
                  <a:lnTo>
                    <a:pt x="2005" y="15163"/>
                  </a:lnTo>
                  <a:cubicBezTo>
                    <a:pt x="1930" y="15163"/>
                    <a:pt x="1880" y="15289"/>
                    <a:pt x="1880" y="15289"/>
                  </a:cubicBezTo>
                  <a:cubicBezTo>
                    <a:pt x="1830" y="15339"/>
                    <a:pt x="1705" y="15514"/>
                    <a:pt x="1705" y="15564"/>
                  </a:cubicBezTo>
                  <a:cubicBezTo>
                    <a:pt x="1705" y="15614"/>
                    <a:pt x="1830" y="15790"/>
                    <a:pt x="1830" y="15840"/>
                  </a:cubicBezTo>
                  <a:cubicBezTo>
                    <a:pt x="1830" y="15915"/>
                    <a:pt x="1705" y="16015"/>
                    <a:pt x="1705" y="16065"/>
                  </a:cubicBezTo>
                  <a:cubicBezTo>
                    <a:pt x="1705" y="16141"/>
                    <a:pt x="1780" y="16241"/>
                    <a:pt x="1830" y="16291"/>
                  </a:cubicBezTo>
                  <a:cubicBezTo>
                    <a:pt x="1880" y="16341"/>
                    <a:pt x="2005" y="16466"/>
                    <a:pt x="2106" y="16466"/>
                  </a:cubicBezTo>
                  <a:lnTo>
                    <a:pt x="2231" y="16416"/>
                  </a:lnTo>
                  <a:cubicBezTo>
                    <a:pt x="2281" y="16466"/>
                    <a:pt x="2331" y="16567"/>
                    <a:pt x="2331" y="16642"/>
                  </a:cubicBezTo>
                  <a:cubicBezTo>
                    <a:pt x="2331" y="16692"/>
                    <a:pt x="2381" y="16792"/>
                    <a:pt x="2381" y="16867"/>
                  </a:cubicBezTo>
                  <a:lnTo>
                    <a:pt x="2381" y="16968"/>
                  </a:lnTo>
                  <a:cubicBezTo>
                    <a:pt x="2365" y="16984"/>
                    <a:pt x="2342" y="16990"/>
                    <a:pt x="2317" y="16990"/>
                  </a:cubicBezTo>
                  <a:cubicBezTo>
                    <a:pt x="2267" y="16990"/>
                    <a:pt x="2206" y="16968"/>
                    <a:pt x="2156" y="16968"/>
                  </a:cubicBezTo>
                  <a:cubicBezTo>
                    <a:pt x="2156" y="16968"/>
                    <a:pt x="2089" y="16945"/>
                    <a:pt x="2044" y="16945"/>
                  </a:cubicBezTo>
                  <a:cubicBezTo>
                    <a:pt x="2022" y="16945"/>
                    <a:pt x="2005" y="16951"/>
                    <a:pt x="2005" y="16968"/>
                  </a:cubicBezTo>
                  <a:cubicBezTo>
                    <a:pt x="2005" y="17018"/>
                    <a:pt x="2106" y="17143"/>
                    <a:pt x="2156" y="17193"/>
                  </a:cubicBezTo>
                  <a:cubicBezTo>
                    <a:pt x="2231" y="17193"/>
                    <a:pt x="2281" y="17319"/>
                    <a:pt x="2331" y="17369"/>
                  </a:cubicBezTo>
                  <a:cubicBezTo>
                    <a:pt x="2381" y="17419"/>
                    <a:pt x="2507" y="17469"/>
                    <a:pt x="2557" y="17544"/>
                  </a:cubicBezTo>
                  <a:cubicBezTo>
                    <a:pt x="2607" y="17594"/>
                    <a:pt x="2732" y="17644"/>
                    <a:pt x="2832" y="17644"/>
                  </a:cubicBezTo>
                  <a:cubicBezTo>
                    <a:pt x="2908" y="17644"/>
                    <a:pt x="2958" y="17544"/>
                    <a:pt x="3008" y="17544"/>
                  </a:cubicBezTo>
                  <a:cubicBezTo>
                    <a:pt x="3033" y="17507"/>
                    <a:pt x="3064" y="17488"/>
                    <a:pt x="3096" y="17488"/>
                  </a:cubicBezTo>
                  <a:cubicBezTo>
                    <a:pt x="3127" y="17488"/>
                    <a:pt x="3158" y="17507"/>
                    <a:pt x="3183" y="17544"/>
                  </a:cubicBezTo>
                  <a:cubicBezTo>
                    <a:pt x="3233" y="17544"/>
                    <a:pt x="3284" y="17644"/>
                    <a:pt x="3359" y="17695"/>
                  </a:cubicBezTo>
                  <a:cubicBezTo>
                    <a:pt x="3359" y="17820"/>
                    <a:pt x="3459" y="17995"/>
                    <a:pt x="3409" y="18096"/>
                  </a:cubicBezTo>
                  <a:cubicBezTo>
                    <a:pt x="3409" y="18146"/>
                    <a:pt x="3233" y="18221"/>
                    <a:pt x="3183" y="18271"/>
                  </a:cubicBezTo>
                  <a:cubicBezTo>
                    <a:pt x="3183" y="18321"/>
                    <a:pt x="3359" y="18547"/>
                    <a:pt x="3359" y="18597"/>
                  </a:cubicBezTo>
                  <a:cubicBezTo>
                    <a:pt x="3359" y="18722"/>
                    <a:pt x="3284" y="18822"/>
                    <a:pt x="3284" y="18948"/>
                  </a:cubicBezTo>
                  <a:cubicBezTo>
                    <a:pt x="3284" y="18998"/>
                    <a:pt x="3359" y="19223"/>
                    <a:pt x="3409" y="19274"/>
                  </a:cubicBezTo>
                  <a:cubicBezTo>
                    <a:pt x="3409" y="19324"/>
                    <a:pt x="3459" y="19399"/>
                    <a:pt x="3509" y="19399"/>
                  </a:cubicBezTo>
                  <a:cubicBezTo>
                    <a:pt x="3534" y="19416"/>
                    <a:pt x="3568" y="19421"/>
                    <a:pt x="3604" y="19421"/>
                  </a:cubicBezTo>
                  <a:cubicBezTo>
                    <a:pt x="3676" y="19421"/>
                    <a:pt x="3760" y="19399"/>
                    <a:pt x="3810" y="19399"/>
                  </a:cubicBezTo>
                  <a:cubicBezTo>
                    <a:pt x="3860" y="19449"/>
                    <a:pt x="3860" y="19499"/>
                    <a:pt x="3860" y="19499"/>
                  </a:cubicBezTo>
                  <a:cubicBezTo>
                    <a:pt x="3860" y="19549"/>
                    <a:pt x="3810" y="19624"/>
                    <a:pt x="3810" y="19675"/>
                  </a:cubicBezTo>
                  <a:lnTo>
                    <a:pt x="3860" y="19775"/>
                  </a:lnTo>
                  <a:cubicBezTo>
                    <a:pt x="3910" y="19775"/>
                    <a:pt x="4035" y="19725"/>
                    <a:pt x="4086" y="19725"/>
                  </a:cubicBezTo>
                  <a:cubicBezTo>
                    <a:pt x="4136" y="19725"/>
                    <a:pt x="4186" y="19775"/>
                    <a:pt x="4186" y="19775"/>
                  </a:cubicBezTo>
                  <a:cubicBezTo>
                    <a:pt x="4261" y="19900"/>
                    <a:pt x="4261" y="20076"/>
                    <a:pt x="4311" y="20126"/>
                  </a:cubicBezTo>
                  <a:cubicBezTo>
                    <a:pt x="4311" y="20226"/>
                    <a:pt x="4487" y="20301"/>
                    <a:pt x="4537" y="20351"/>
                  </a:cubicBezTo>
                  <a:cubicBezTo>
                    <a:pt x="4587" y="20351"/>
                    <a:pt x="4587" y="20401"/>
                    <a:pt x="4587" y="20401"/>
                  </a:cubicBezTo>
                  <a:lnTo>
                    <a:pt x="4612" y="20401"/>
                  </a:lnTo>
                  <a:cubicBezTo>
                    <a:pt x="4612" y="20451"/>
                    <a:pt x="4662" y="20527"/>
                    <a:pt x="4662" y="20577"/>
                  </a:cubicBezTo>
                  <a:cubicBezTo>
                    <a:pt x="4662" y="20627"/>
                    <a:pt x="4787" y="20752"/>
                    <a:pt x="4787" y="20802"/>
                  </a:cubicBezTo>
                  <a:cubicBezTo>
                    <a:pt x="4838" y="20852"/>
                    <a:pt x="4888" y="21078"/>
                    <a:pt x="4838" y="21128"/>
                  </a:cubicBezTo>
                  <a:cubicBezTo>
                    <a:pt x="4787" y="21203"/>
                    <a:pt x="4612" y="21203"/>
                    <a:pt x="4562" y="21253"/>
                  </a:cubicBezTo>
                  <a:cubicBezTo>
                    <a:pt x="4512" y="21253"/>
                    <a:pt x="4450" y="21231"/>
                    <a:pt x="4400" y="21231"/>
                  </a:cubicBezTo>
                  <a:cubicBezTo>
                    <a:pt x="4375" y="21231"/>
                    <a:pt x="4353" y="21237"/>
                    <a:pt x="4336" y="21253"/>
                  </a:cubicBezTo>
                  <a:cubicBezTo>
                    <a:pt x="4211" y="21304"/>
                    <a:pt x="4035" y="21429"/>
                    <a:pt x="4035" y="21529"/>
                  </a:cubicBezTo>
                  <a:cubicBezTo>
                    <a:pt x="3985" y="21579"/>
                    <a:pt x="4111" y="21755"/>
                    <a:pt x="4111" y="21880"/>
                  </a:cubicBezTo>
                  <a:cubicBezTo>
                    <a:pt x="4161" y="21930"/>
                    <a:pt x="4336" y="22106"/>
                    <a:pt x="4336" y="22206"/>
                  </a:cubicBezTo>
                  <a:cubicBezTo>
                    <a:pt x="4386" y="22256"/>
                    <a:pt x="4386" y="22482"/>
                    <a:pt x="4336" y="22607"/>
                  </a:cubicBezTo>
                  <a:cubicBezTo>
                    <a:pt x="4336" y="22657"/>
                    <a:pt x="4111" y="22657"/>
                    <a:pt x="4111" y="22707"/>
                  </a:cubicBezTo>
                  <a:cubicBezTo>
                    <a:pt x="4035" y="22782"/>
                    <a:pt x="4035" y="22832"/>
                    <a:pt x="3985" y="22883"/>
                  </a:cubicBezTo>
                  <a:lnTo>
                    <a:pt x="3760" y="22883"/>
                  </a:lnTo>
                  <a:cubicBezTo>
                    <a:pt x="3710" y="22883"/>
                    <a:pt x="3584" y="22832"/>
                    <a:pt x="3484" y="22832"/>
                  </a:cubicBezTo>
                  <a:cubicBezTo>
                    <a:pt x="3359" y="22832"/>
                    <a:pt x="3083" y="22883"/>
                    <a:pt x="2983" y="22883"/>
                  </a:cubicBezTo>
                  <a:cubicBezTo>
                    <a:pt x="2908" y="22933"/>
                    <a:pt x="2757" y="23008"/>
                    <a:pt x="2707" y="23108"/>
                  </a:cubicBezTo>
                  <a:cubicBezTo>
                    <a:pt x="2632" y="23158"/>
                    <a:pt x="2807" y="23334"/>
                    <a:pt x="2807" y="23459"/>
                  </a:cubicBezTo>
                  <a:cubicBezTo>
                    <a:pt x="2757" y="23509"/>
                    <a:pt x="2632" y="23559"/>
                    <a:pt x="2532" y="23559"/>
                  </a:cubicBezTo>
                  <a:cubicBezTo>
                    <a:pt x="2521" y="23570"/>
                    <a:pt x="2505" y="23574"/>
                    <a:pt x="2485" y="23574"/>
                  </a:cubicBezTo>
                  <a:cubicBezTo>
                    <a:pt x="2430" y="23574"/>
                    <a:pt x="2345" y="23545"/>
                    <a:pt x="2265" y="23545"/>
                  </a:cubicBezTo>
                  <a:cubicBezTo>
                    <a:pt x="2236" y="23545"/>
                    <a:pt x="2207" y="23549"/>
                    <a:pt x="2181" y="23559"/>
                  </a:cubicBezTo>
                  <a:cubicBezTo>
                    <a:pt x="2181" y="23609"/>
                    <a:pt x="2181" y="23735"/>
                    <a:pt x="2131" y="23735"/>
                  </a:cubicBezTo>
                  <a:cubicBezTo>
                    <a:pt x="2081" y="23785"/>
                    <a:pt x="1955" y="23835"/>
                    <a:pt x="1905" y="23910"/>
                  </a:cubicBezTo>
                  <a:cubicBezTo>
                    <a:pt x="1855" y="23910"/>
                    <a:pt x="1680" y="23960"/>
                    <a:pt x="1629" y="23960"/>
                  </a:cubicBezTo>
                  <a:cubicBezTo>
                    <a:pt x="1579" y="23910"/>
                    <a:pt x="1504" y="23735"/>
                    <a:pt x="1454" y="23685"/>
                  </a:cubicBezTo>
                  <a:cubicBezTo>
                    <a:pt x="1404" y="23685"/>
                    <a:pt x="1228" y="23609"/>
                    <a:pt x="1178" y="23609"/>
                  </a:cubicBezTo>
                  <a:cubicBezTo>
                    <a:pt x="1128" y="23685"/>
                    <a:pt x="1053" y="23785"/>
                    <a:pt x="1003" y="23785"/>
                  </a:cubicBezTo>
                  <a:cubicBezTo>
                    <a:pt x="953" y="23835"/>
                    <a:pt x="903" y="23835"/>
                    <a:pt x="827" y="23910"/>
                  </a:cubicBezTo>
                  <a:cubicBezTo>
                    <a:pt x="784" y="23910"/>
                    <a:pt x="644" y="23776"/>
                    <a:pt x="542" y="23776"/>
                  </a:cubicBezTo>
                  <a:cubicBezTo>
                    <a:pt x="528" y="23776"/>
                    <a:pt x="514" y="23779"/>
                    <a:pt x="502" y="23785"/>
                  </a:cubicBezTo>
                  <a:cubicBezTo>
                    <a:pt x="452" y="23785"/>
                    <a:pt x="276" y="23835"/>
                    <a:pt x="226" y="23910"/>
                  </a:cubicBezTo>
                  <a:cubicBezTo>
                    <a:pt x="151" y="23960"/>
                    <a:pt x="0" y="24186"/>
                    <a:pt x="0" y="24286"/>
                  </a:cubicBezTo>
                  <a:cubicBezTo>
                    <a:pt x="0" y="24361"/>
                    <a:pt x="51" y="24512"/>
                    <a:pt x="51" y="24587"/>
                  </a:cubicBezTo>
                  <a:cubicBezTo>
                    <a:pt x="101" y="24637"/>
                    <a:pt x="226" y="24737"/>
                    <a:pt x="276" y="24863"/>
                  </a:cubicBezTo>
                  <a:cubicBezTo>
                    <a:pt x="276" y="24913"/>
                    <a:pt x="276" y="25088"/>
                    <a:pt x="326" y="25188"/>
                  </a:cubicBezTo>
                  <a:cubicBezTo>
                    <a:pt x="326" y="25238"/>
                    <a:pt x="502" y="25238"/>
                    <a:pt x="552" y="25314"/>
                  </a:cubicBezTo>
                  <a:cubicBezTo>
                    <a:pt x="602" y="25314"/>
                    <a:pt x="727" y="25238"/>
                    <a:pt x="827" y="25238"/>
                  </a:cubicBezTo>
                  <a:lnTo>
                    <a:pt x="953" y="25364"/>
                  </a:lnTo>
                  <a:cubicBezTo>
                    <a:pt x="1003" y="25414"/>
                    <a:pt x="953" y="25539"/>
                    <a:pt x="953" y="25589"/>
                  </a:cubicBezTo>
                  <a:cubicBezTo>
                    <a:pt x="953" y="25639"/>
                    <a:pt x="1003" y="25815"/>
                    <a:pt x="1003" y="25865"/>
                  </a:cubicBezTo>
                  <a:cubicBezTo>
                    <a:pt x="1003" y="25915"/>
                    <a:pt x="1128" y="26091"/>
                    <a:pt x="1053" y="26141"/>
                  </a:cubicBezTo>
                  <a:cubicBezTo>
                    <a:pt x="1053" y="26216"/>
                    <a:pt x="1003" y="26316"/>
                    <a:pt x="1003" y="26366"/>
                  </a:cubicBezTo>
                  <a:lnTo>
                    <a:pt x="1003" y="26717"/>
                  </a:lnTo>
                  <a:lnTo>
                    <a:pt x="1228" y="26943"/>
                  </a:lnTo>
                  <a:cubicBezTo>
                    <a:pt x="1279" y="26993"/>
                    <a:pt x="1404" y="27168"/>
                    <a:pt x="1504" y="27168"/>
                  </a:cubicBezTo>
                  <a:cubicBezTo>
                    <a:pt x="1629" y="27218"/>
                    <a:pt x="1805" y="27218"/>
                    <a:pt x="1905" y="27269"/>
                  </a:cubicBezTo>
                  <a:cubicBezTo>
                    <a:pt x="1955" y="27269"/>
                    <a:pt x="1955" y="27444"/>
                    <a:pt x="2081" y="27494"/>
                  </a:cubicBezTo>
                  <a:cubicBezTo>
                    <a:pt x="2131" y="27494"/>
                    <a:pt x="2256" y="27494"/>
                    <a:pt x="2306" y="27444"/>
                  </a:cubicBezTo>
                  <a:cubicBezTo>
                    <a:pt x="2356" y="27394"/>
                    <a:pt x="2406" y="27269"/>
                    <a:pt x="2482" y="27218"/>
                  </a:cubicBezTo>
                  <a:lnTo>
                    <a:pt x="2707" y="27218"/>
                  </a:lnTo>
                  <a:cubicBezTo>
                    <a:pt x="2757" y="27269"/>
                    <a:pt x="2807" y="27394"/>
                    <a:pt x="2858" y="27444"/>
                  </a:cubicBezTo>
                  <a:cubicBezTo>
                    <a:pt x="2983" y="27569"/>
                    <a:pt x="3208" y="27670"/>
                    <a:pt x="3208" y="27795"/>
                  </a:cubicBezTo>
                  <a:cubicBezTo>
                    <a:pt x="3259" y="27845"/>
                    <a:pt x="3208" y="28071"/>
                    <a:pt x="3208" y="28171"/>
                  </a:cubicBezTo>
                  <a:cubicBezTo>
                    <a:pt x="3133" y="28296"/>
                    <a:pt x="3133" y="28522"/>
                    <a:pt x="3208" y="28572"/>
                  </a:cubicBezTo>
                  <a:cubicBezTo>
                    <a:pt x="3208" y="28747"/>
                    <a:pt x="3434" y="28973"/>
                    <a:pt x="3484" y="29073"/>
                  </a:cubicBezTo>
                  <a:cubicBezTo>
                    <a:pt x="3484" y="29198"/>
                    <a:pt x="3660" y="29474"/>
                    <a:pt x="3584" y="29599"/>
                  </a:cubicBezTo>
                  <a:cubicBezTo>
                    <a:pt x="3570" y="29613"/>
                    <a:pt x="3547" y="29620"/>
                    <a:pt x="3517" y="29620"/>
                  </a:cubicBezTo>
                  <a:cubicBezTo>
                    <a:pt x="3442" y="29620"/>
                    <a:pt x="3331" y="29578"/>
                    <a:pt x="3259" y="29524"/>
                  </a:cubicBezTo>
                  <a:cubicBezTo>
                    <a:pt x="3208" y="29474"/>
                    <a:pt x="3133" y="29374"/>
                    <a:pt x="3083" y="29374"/>
                  </a:cubicBezTo>
                  <a:cubicBezTo>
                    <a:pt x="3060" y="29356"/>
                    <a:pt x="3033" y="29350"/>
                    <a:pt x="3004" y="29350"/>
                  </a:cubicBezTo>
                  <a:cubicBezTo>
                    <a:pt x="2909" y="29350"/>
                    <a:pt x="2796" y="29424"/>
                    <a:pt x="2757" y="29424"/>
                  </a:cubicBezTo>
                  <a:cubicBezTo>
                    <a:pt x="2707" y="29474"/>
                    <a:pt x="2582" y="29599"/>
                    <a:pt x="2582" y="29700"/>
                  </a:cubicBezTo>
                  <a:cubicBezTo>
                    <a:pt x="2532" y="29825"/>
                    <a:pt x="2707" y="29975"/>
                    <a:pt x="2632" y="30101"/>
                  </a:cubicBezTo>
                  <a:cubicBezTo>
                    <a:pt x="2632" y="30201"/>
                    <a:pt x="2532" y="30376"/>
                    <a:pt x="2482" y="30426"/>
                  </a:cubicBezTo>
                  <a:cubicBezTo>
                    <a:pt x="2356" y="30552"/>
                    <a:pt x="2256" y="30777"/>
                    <a:pt x="2131" y="30878"/>
                  </a:cubicBezTo>
                  <a:cubicBezTo>
                    <a:pt x="2081" y="30953"/>
                    <a:pt x="1955" y="31003"/>
                    <a:pt x="1905" y="31053"/>
                  </a:cubicBezTo>
                  <a:cubicBezTo>
                    <a:pt x="1855" y="31103"/>
                    <a:pt x="1805" y="31228"/>
                    <a:pt x="1730" y="31329"/>
                  </a:cubicBezTo>
                  <a:cubicBezTo>
                    <a:pt x="1730" y="31454"/>
                    <a:pt x="1680" y="31730"/>
                    <a:pt x="1730" y="31855"/>
                  </a:cubicBezTo>
                  <a:cubicBezTo>
                    <a:pt x="1730" y="31905"/>
                    <a:pt x="1855" y="32081"/>
                    <a:pt x="1905" y="32131"/>
                  </a:cubicBezTo>
                  <a:cubicBezTo>
                    <a:pt x="1955" y="32181"/>
                    <a:pt x="2181" y="32306"/>
                    <a:pt x="2181" y="32356"/>
                  </a:cubicBezTo>
                  <a:lnTo>
                    <a:pt x="2181" y="32532"/>
                  </a:lnTo>
                  <a:cubicBezTo>
                    <a:pt x="2131" y="32582"/>
                    <a:pt x="2030" y="32632"/>
                    <a:pt x="1955" y="32682"/>
                  </a:cubicBezTo>
                  <a:cubicBezTo>
                    <a:pt x="1905" y="32757"/>
                    <a:pt x="1905" y="32858"/>
                    <a:pt x="1905" y="32983"/>
                  </a:cubicBezTo>
                  <a:cubicBezTo>
                    <a:pt x="1855" y="33083"/>
                    <a:pt x="1855" y="33309"/>
                    <a:pt x="1905" y="33434"/>
                  </a:cubicBezTo>
                  <a:cubicBezTo>
                    <a:pt x="1905" y="33534"/>
                    <a:pt x="1955" y="33885"/>
                    <a:pt x="2081" y="33985"/>
                  </a:cubicBezTo>
                  <a:cubicBezTo>
                    <a:pt x="2131" y="34036"/>
                    <a:pt x="2356" y="34036"/>
                    <a:pt x="2482" y="34111"/>
                  </a:cubicBezTo>
                  <a:cubicBezTo>
                    <a:pt x="2532" y="34161"/>
                    <a:pt x="2707" y="34336"/>
                    <a:pt x="2707" y="34437"/>
                  </a:cubicBezTo>
                  <a:lnTo>
                    <a:pt x="2707" y="34612"/>
                  </a:lnTo>
                  <a:cubicBezTo>
                    <a:pt x="2707" y="34712"/>
                    <a:pt x="2632" y="34938"/>
                    <a:pt x="2707" y="35013"/>
                  </a:cubicBezTo>
                  <a:cubicBezTo>
                    <a:pt x="2757" y="35063"/>
                    <a:pt x="2807" y="35239"/>
                    <a:pt x="2858" y="35239"/>
                  </a:cubicBezTo>
                  <a:cubicBezTo>
                    <a:pt x="2962" y="35239"/>
                    <a:pt x="3136" y="35151"/>
                    <a:pt x="3220" y="35151"/>
                  </a:cubicBezTo>
                  <a:cubicBezTo>
                    <a:pt x="3237" y="35151"/>
                    <a:pt x="3250" y="35155"/>
                    <a:pt x="3259" y="35163"/>
                  </a:cubicBezTo>
                  <a:cubicBezTo>
                    <a:pt x="3359" y="35163"/>
                    <a:pt x="3484" y="35239"/>
                    <a:pt x="3584" y="35289"/>
                  </a:cubicBezTo>
                  <a:cubicBezTo>
                    <a:pt x="3660" y="35339"/>
                    <a:pt x="3810" y="35514"/>
                    <a:pt x="3935" y="35514"/>
                  </a:cubicBezTo>
                  <a:cubicBezTo>
                    <a:pt x="3935" y="35514"/>
                    <a:pt x="3985" y="35464"/>
                    <a:pt x="3985" y="35389"/>
                  </a:cubicBezTo>
                  <a:cubicBezTo>
                    <a:pt x="4035" y="35389"/>
                    <a:pt x="4161" y="35514"/>
                    <a:pt x="4161" y="35514"/>
                  </a:cubicBezTo>
                  <a:cubicBezTo>
                    <a:pt x="4211" y="35564"/>
                    <a:pt x="4261" y="35690"/>
                    <a:pt x="4261" y="35740"/>
                  </a:cubicBezTo>
                  <a:cubicBezTo>
                    <a:pt x="4336" y="35790"/>
                    <a:pt x="4436" y="35840"/>
                    <a:pt x="4487" y="35915"/>
                  </a:cubicBezTo>
                  <a:cubicBezTo>
                    <a:pt x="4612" y="35965"/>
                    <a:pt x="4787" y="35965"/>
                    <a:pt x="4888" y="36015"/>
                  </a:cubicBezTo>
                  <a:cubicBezTo>
                    <a:pt x="4938" y="36066"/>
                    <a:pt x="5063" y="36241"/>
                    <a:pt x="5113" y="36291"/>
                  </a:cubicBezTo>
                  <a:cubicBezTo>
                    <a:pt x="5239" y="36366"/>
                    <a:pt x="5389" y="36366"/>
                    <a:pt x="5514" y="36416"/>
                  </a:cubicBezTo>
                  <a:cubicBezTo>
                    <a:pt x="5614" y="36416"/>
                    <a:pt x="5740" y="36592"/>
                    <a:pt x="5840" y="36642"/>
                  </a:cubicBezTo>
                  <a:cubicBezTo>
                    <a:pt x="5915" y="36642"/>
                    <a:pt x="6066" y="36517"/>
                    <a:pt x="6191" y="36517"/>
                  </a:cubicBezTo>
                  <a:cubicBezTo>
                    <a:pt x="6224" y="36517"/>
                    <a:pt x="6336" y="36494"/>
                    <a:pt x="6421" y="36494"/>
                  </a:cubicBezTo>
                  <a:cubicBezTo>
                    <a:pt x="6464" y="36494"/>
                    <a:pt x="6500" y="36500"/>
                    <a:pt x="6517" y="36517"/>
                  </a:cubicBezTo>
                  <a:cubicBezTo>
                    <a:pt x="6642" y="36517"/>
                    <a:pt x="6817" y="36642"/>
                    <a:pt x="6868" y="36642"/>
                  </a:cubicBezTo>
                  <a:cubicBezTo>
                    <a:pt x="6968" y="36642"/>
                    <a:pt x="7093" y="36467"/>
                    <a:pt x="7143" y="36416"/>
                  </a:cubicBezTo>
                  <a:cubicBezTo>
                    <a:pt x="7319" y="36291"/>
                    <a:pt x="7544" y="36191"/>
                    <a:pt x="7695" y="36191"/>
                  </a:cubicBezTo>
                  <a:cubicBezTo>
                    <a:pt x="7795" y="36191"/>
                    <a:pt x="7991" y="36255"/>
                    <a:pt x="8156" y="36255"/>
                  </a:cubicBezTo>
                  <a:cubicBezTo>
                    <a:pt x="8197" y="36255"/>
                    <a:pt x="8236" y="36251"/>
                    <a:pt x="8271" y="36241"/>
                  </a:cubicBezTo>
                  <a:cubicBezTo>
                    <a:pt x="8321" y="36191"/>
                    <a:pt x="8321" y="35965"/>
                    <a:pt x="8371" y="35965"/>
                  </a:cubicBezTo>
                  <a:cubicBezTo>
                    <a:pt x="8393" y="35951"/>
                    <a:pt x="8418" y="35945"/>
                    <a:pt x="8442" y="35945"/>
                  </a:cubicBezTo>
                  <a:cubicBezTo>
                    <a:pt x="8501" y="35945"/>
                    <a:pt x="8561" y="35980"/>
                    <a:pt x="8597" y="36015"/>
                  </a:cubicBezTo>
                  <a:cubicBezTo>
                    <a:pt x="8672" y="36015"/>
                    <a:pt x="8722" y="36066"/>
                    <a:pt x="8722" y="36141"/>
                  </a:cubicBezTo>
                  <a:cubicBezTo>
                    <a:pt x="8722" y="36241"/>
                    <a:pt x="8597" y="36366"/>
                    <a:pt x="8547" y="36467"/>
                  </a:cubicBezTo>
                  <a:cubicBezTo>
                    <a:pt x="8547" y="36517"/>
                    <a:pt x="8672" y="36692"/>
                    <a:pt x="8722" y="36742"/>
                  </a:cubicBezTo>
                  <a:cubicBezTo>
                    <a:pt x="8772" y="36817"/>
                    <a:pt x="8948" y="36918"/>
                    <a:pt x="8998" y="37043"/>
                  </a:cubicBezTo>
                  <a:cubicBezTo>
                    <a:pt x="8998" y="37143"/>
                    <a:pt x="8998" y="37369"/>
                    <a:pt x="8948" y="37494"/>
                  </a:cubicBezTo>
                  <a:cubicBezTo>
                    <a:pt x="8948" y="37544"/>
                    <a:pt x="8772" y="37645"/>
                    <a:pt x="8672" y="37720"/>
                  </a:cubicBezTo>
                  <a:lnTo>
                    <a:pt x="8622" y="37795"/>
                  </a:lnTo>
                  <a:cubicBezTo>
                    <a:pt x="8547" y="37845"/>
                    <a:pt x="8497" y="37895"/>
                    <a:pt x="8497" y="37945"/>
                  </a:cubicBezTo>
                  <a:cubicBezTo>
                    <a:pt x="8447" y="38071"/>
                    <a:pt x="8547" y="38171"/>
                    <a:pt x="8547" y="38296"/>
                  </a:cubicBezTo>
                  <a:cubicBezTo>
                    <a:pt x="8547" y="38346"/>
                    <a:pt x="8447" y="38522"/>
                    <a:pt x="8396" y="38572"/>
                  </a:cubicBezTo>
                  <a:cubicBezTo>
                    <a:pt x="8321" y="38622"/>
                    <a:pt x="7995" y="38697"/>
                    <a:pt x="7870" y="38747"/>
                  </a:cubicBezTo>
                  <a:cubicBezTo>
                    <a:pt x="7820" y="38797"/>
                    <a:pt x="7720" y="38923"/>
                    <a:pt x="7720" y="39023"/>
                  </a:cubicBezTo>
                  <a:cubicBezTo>
                    <a:pt x="7645" y="39073"/>
                    <a:pt x="7645" y="39249"/>
                    <a:pt x="7594" y="39374"/>
                  </a:cubicBezTo>
                  <a:cubicBezTo>
                    <a:pt x="7544" y="39424"/>
                    <a:pt x="7494" y="39524"/>
                    <a:pt x="7419" y="39599"/>
                  </a:cubicBezTo>
                  <a:cubicBezTo>
                    <a:pt x="7369" y="39650"/>
                    <a:pt x="7193" y="39750"/>
                    <a:pt x="7143" y="39825"/>
                  </a:cubicBezTo>
                  <a:cubicBezTo>
                    <a:pt x="7093" y="39875"/>
                    <a:pt x="7043" y="39975"/>
                    <a:pt x="7043" y="40051"/>
                  </a:cubicBezTo>
                  <a:cubicBezTo>
                    <a:pt x="7043" y="40101"/>
                    <a:pt x="7193" y="40201"/>
                    <a:pt x="7193" y="40276"/>
                  </a:cubicBezTo>
                  <a:lnTo>
                    <a:pt x="7193" y="40652"/>
                  </a:lnTo>
                  <a:cubicBezTo>
                    <a:pt x="7193" y="40727"/>
                    <a:pt x="7269" y="40878"/>
                    <a:pt x="7269" y="40878"/>
                  </a:cubicBezTo>
                  <a:lnTo>
                    <a:pt x="7720" y="40878"/>
                  </a:lnTo>
                  <a:cubicBezTo>
                    <a:pt x="7770" y="40828"/>
                    <a:pt x="7945" y="40777"/>
                    <a:pt x="7995" y="40777"/>
                  </a:cubicBezTo>
                  <a:cubicBezTo>
                    <a:pt x="8096" y="40777"/>
                    <a:pt x="8271" y="40828"/>
                    <a:pt x="8396" y="40878"/>
                  </a:cubicBezTo>
                  <a:lnTo>
                    <a:pt x="8722" y="40878"/>
                  </a:lnTo>
                  <a:cubicBezTo>
                    <a:pt x="8772" y="40878"/>
                    <a:pt x="8898" y="40727"/>
                    <a:pt x="8948" y="40727"/>
                  </a:cubicBezTo>
                  <a:cubicBezTo>
                    <a:pt x="9073" y="40652"/>
                    <a:pt x="9223" y="40652"/>
                    <a:pt x="9299" y="40652"/>
                  </a:cubicBezTo>
                  <a:cubicBezTo>
                    <a:pt x="9299" y="40652"/>
                    <a:pt x="9449" y="40552"/>
                    <a:pt x="9574" y="40552"/>
                  </a:cubicBezTo>
                  <a:cubicBezTo>
                    <a:pt x="9599" y="40527"/>
                    <a:pt x="9656" y="40527"/>
                    <a:pt x="9718" y="40527"/>
                  </a:cubicBezTo>
                  <a:cubicBezTo>
                    <a:pt x="9781" y="40527"/>
                    <a:pt x="9850" y="40527"/>
                    <a:pt x="9900" y="40502"/>
                  </a:cubicBezTo>
                  <a:cubicBezTo>
                    <a:pt x="10025" y="40502"/>
                    <a:pt x="10201" y="40326"/>
                    <a:pt x="10301" y="40276"/>
                  </a:cubicBezTo>
                  <a:cubicBezTo>
                    <a:pt x="10364" y="40239"/>
                    <a:pt x="10452" y="40239"/>
                    <a:pt x="10536" y="40239"/>
                  </a:cubicBezTo>
                  <a:cubicBezTo>
                    <a:pt x="10621" y="40239"/>
                    <a:pt x="10702" y="40239"/>
                    <a:pt x="10752" y="40201"/>
                  </a:cubicBezTo>
                  <a:cubicBezTo>
                    <a:pt x="10878" y="40201"/>
                    <a:pt x="11028" y="40101"/>
                    <a:pt x="11103" y="40051"/>
                  </a:cubicBezTo>
                  <a:cubicBezTo>
                    <a:pt x="11153" y="40051"/>
                    <a:pt x="11254" y="40051"/>
                    <a:pt x="11329" y="39975"/>
                  </a:cubicBezTo>
                  <a:cubicBezTo>
                    <a:pt x="11379" y="39975"/>
                    <a:pt x="11479" y="39875"/>
                    <a:pt x="11554" y="39825"/>
                  </a:cubicBezTo>
                  <a:cubicBezTo>
                    <a:pt x="11604" y="39750"/>
                    <a:pt x="11705" y="39750"/>
                    <a:pt x="11780" y="39700"/>
                  </a:cubicBezTo>
                  <a:lnTo>
                    <a:pt x="12005" y="39700"/>
                  </a:lnTo>
                  <a:cubicBezTo>
                    <a:pt x="12106" y="39650"/>
                    <a:pt x="12231" y="39474"/>
                    <a:pt x="12331" y="39424"/>
                  </a:cubicBezTo>
                  <a:cubicBezTo>
                    <a:pt x="12381" y="39299"/>
                    <a:pt x="12457" y="39198"/>
                    <a:pt x="12507" y="39148"/>
                  </a:cubicBezTo>
                  <a:cubicBezTo>
                    <a:pt x="12557" y="39073"/>
                    <a:pt x="12682" y="39023"/>
                    <a:pt x="12732" y="39023"/>
                  </a:cubicBezTo>
                  <a:cubicBezTo>
                    <a:pt x="12782" y="38973"/>
                    <a:pt x="12833" y="38923"/>
                    <a:pt x="12833" y="38848"/>
                  </a:cubicBezTo>
                  <a:cubicBezTo>
                    <a:pt x="12833" y="38797"/>
                    <a:pt x="12782" y="38747"/>
                    <a:pt x="12782" y="38697"/>
                  </a:cubicBezTo>
                  <a:cubicBezTo>
                    <a:pt x="12782" y="38572"/>
                    <a:pt x="12833" y="38346"/>
                    <a:pt x="12908" y="38296"/>
                  </a:cubicBezTo>
                  <a:cubicBezTo>
                    <a:pt x="12908" y="38171"/>
                    <a:pt x="13083" y="38071"/>
                    <a:pt x="13133" y="38020"/>
                  </a:cubicBezTo>
                  <a:cubicBezTo>
                    <a:pt x="13133" y="37945"/>
                    <a:pt x="13234" y="37845"/>
                    <a:pt x="13234" y="37795"/>
                  </a:cubicBezTo>
                  <a:cubicBezTo>
                    <a:pt x="13309" y="37720"/>
                    <a:pt x="13234" y="37494"/>
                    <a:pt x="13309" y="37394"/>
                  </a:cubicBezTo>
                  <a:cubicBezTo>
                    <a:pt x="13309" y="37344"/>
                    <a:pt x="13409" y="37218"/>
                    <a:pt x="13409" y="37168"/>
                  </a:cubicBezTo>
                  <a:cubicBezTo>
                    <a:pt x="13534" y="37043"/>
                    <a:pt x="13584" y="36817"/>
                    <a:pt x="13635" y="36717"/>
                  </a:cubicBezTo>
                  <a:cubicBezTo>
                    <a:pt x="13760" y="36592"/>
                    <a:pt x="13910" y="36442"/>
                    <a:pt x="14036" y="36366"/>
                  </a:cubicBezTo>
                  <a:cubicBezTo>
                    <a:pt x="14086" y="36316"/>
                    <a:pt x="14211" y="36316"/>
                    <a:pt x="14261" y="36316"/>
                  </a:cubicBezTo>
                  <a:cubicBezTo>
                    <a:pt x="14311" y="36316"/>
                    <a:pt x="14437" y="36216"/>
                    <a:pt x="14537" y="36216"/>
                  </a:cubicBezTo>
                  <a:cubicBezTo>
                    <a:pt x="14587" y="36141"/>
                    <a:pt x="14812" y="36141"/>
                    <a:pt x="14888" y="36091"/>
                  </a:cubicBezTo>
                  <a:cubicBezTo>
                    <a:pt x="14988" y="36041"/>
                    <a:pt x="15163" y="35815"/>
                    <a:pt x="15213" y="35690"/>
                  </a:cubicBezTo>
                  <a:cubicBezTo>
                    <a:pt x="15264" y="35589"/>
                    <a:pt x="15389" y="35414"/>
                    <a:pt x="15439" y="35364"/>
                  </a:cubicBezTo>
                  <a:cubicBezTo>
                    <a:pt x="15439" y="35289"/>
                    <a:pt x="15489" y="35138"/>
                    <a:pt x="15489" y="35063"/>
                  </a:cubicBezTo>
                  <a:cubicBezTo>
                    <a:pt x="15489" y="35013"/>
                    <a:pt x="15389" y="34913"/>
                    <a:pt x="15439" y="34838"/>
                  </a:cubicBezTo>
                  <a:cubicBezTo>
                    <a:pt x="15439" y="34787"/>
                    <a:pt x="15489" y="34687"/>
                    <a:pt x="15564" y="34612"/>
                  </a:cubicBezTo>
                  <a:cubicBezTo>
                    <a:pt x="15615" y="34562"/>
                    <a:pt x="15790" y="34512"/>
                    <a:pt x="15890" y="34462"/>
                  </a:cubicBezTo>
                  <a:cubicBezTo>
                    <a:pt x="15940" y="34386"/>
                    <a:pt x="16016" y="34286"/>
                    <a:pt x="16066" y="34286"/>
                  </a:cubicBezTo>
                  <a:cubicBezTo>
                    <a:pt x="16116" y="34236"/>
                    <a:pt x="16241" y="34236"/>
                    <a:pt x="16241" y="34236"/>
                  </a:cubicBezTo>
                  <a:cubicBezTo>
                    <a:pt x="16341" y="34161"/>
                    <a:pt x="16467" y="34061"/>
                    <a:pt x="16517" y="34010"/>
                  </a:cubicBezTo>
                  <a:cubicBezTo>
                    <a:pt x="16617" y="33935"/>
                    <a:pt x="16792" y="33935"/>
                    <a:pt x="16843" y="33885"/>
                  </a:cubicBezTo>
                  <a:cubicBezTo>
                    <a:pt x="16918" y="33835"/>
                    <a:pt x="17018" y="33660"/>
                    <a:pt x="17068" y="33609"/>
                  </a:cubicBezTo>
                  <a:cubicBezTo>
                    <a:pt x="17143" y="33559"/>
                    <a:pt x="17244" y="33559"/>
                    <a:pt x="17294" y="33559"/>
                  </a:cubicBezTo>
                  <a:cubicBezTo>
                    <a:pt x="17369" y="33559"/>
                    <a:pt x="17469" y="33484"/>
                    <a:pt x="17519" y="33434"/>
                  </a:cubicBezTo>
                  <a:cubicBezTo>
                    <a:pt x="17594" y="33384"/>
                    <a:pt x="17745" y="33208"/>
                    <a:pt x="17870" y="33208"/>
                  </a:cubicBezTo>
                  <a:cubicBezTo>
                    <a:pt x="17970" y="33158"/>
                    <a:pt x="18196" y="33158"/>
                    <a:pt x="18321" y="33158"/>
                  </a:cubicBezTo>
                  <a:cubicBezTo>
                    <a:pt x="18422" y="33158"/>
                    <a:pt x="18722" y="33158"/>
                    <a:pt x="18823" y="33208"/>
                  </a:cubicBezTo>
                  <a:cubicBezTo>
                    <a:pt x="18948" y="33259"/>
                    <a:pt x="19048" y="33434"/>
                    <a:pt x="19173" y="33434"/>
                  </a:cubicBezTo>
                  <a:cubicBezTo>
                    <a:pt x="19224" y="33484"/>
                    <a:pt x="19274" y="33559"/>
                    <a:pt x="19324" y="33559"/>
                  </a:cubicBezTo>
                  <a:cubicBezTo>
                    <a:pt x="19399" y="33484"/>
                    <a:pt x="19449" y="33434"/>
                    <a:pt x="19499" y="33434"/>
                  </a:cubicBezTo>
                  <a:cubicBezTo>
                    <a:pt x="19675" y="33434"/>
                    <a:pt x="19850" y="33609"/>
                    <a:pt x="19950" y="33609"/>
                  </a:cubicBezTo>
                  <a:cubicBezTo>
                    <a:pt x="20126" y="33660"/>
                    <a:pt x="20527" y="33660"/>
                    <a:pt x="20627" y="33710"/>
                  </a:cubicBezTo>
                  <a:cubicBezTo>
                    <a:pt x="20802" y="33710"/>
                    <a:pt x="21153" y="33885"/>
                    <a:pt x="21254" y="34010"/>
                  </a:cubicBezTo>
                  <a:cubicBezTo>
                    <a:pt x="21304" y="34010"/>
                    <a:pt x="21479" y="34010"/>
                    <a:pt x="21479" y="34061"/>
                  </a:cubicBezTo>
                  <a:cubicBezTo>
                    <a:pt x="21529" y="34111"/>
                    <a:pt x="21479" y="34236"/>
                    <a:pt x="21479" y="34286"/>
                  </a:cubicBezTo>
                  <a:cubicBezTo>
                    <a:pt x="21479" y="34336"/>
                    <a:pt x="21529" y="34462"/>
                    <a:pt x="21605" y="34512"/>
                  </a:cubicBezTo>
                  <a:cubicBezTo>
                    <a:pt x="21605" y="34562"/>
                    <a:pt x="21705" y="34562"/>
                    <a:pt x="21755" y="34612"/>
                  </a:cubicBezTo>
                  <a:cubicBezTo>
                    <a:pt x="21755" y="34687"/>
                    <a:pt x="21755" y="34787"/>
                    <a:pt x="21830" y="34787"/>
                  </a:cubicBezTo>
                  <a:cubicBezTo>
                    <a:pt x="21880" y="34838"/>
                    <a:pt x="21980" y="34838"/>
                    <a:pt x="22056" y="34838"/>
                  </a:cubicBezTo>
                  <a:cubicBezTo>
                    <a:pt x="22106" y="34838"/>
                    <a:pt x="22106" y="34737"/>
                    <a:pt x="22156" y="34687"/>
                  </a:cubicBezTo>
                  <a:cubicBezTo>
                    <a:pt x="22156" y="34612"/>
                    <a:pt x="22106" y="34512"/>
                    <a:pt x="22106" y="34462"/>
                  </a:cubicBezTo>
                  <a:cubicBezTo>
                    <a:pt x="22106" y="34386"/>
                    <a:pt x="22106" y="34286"/>
                    <a:pt x="22156" y="34286"/>
                  </a:cubicBezTo>
                  <a:cubicBezTo>
                    <a:pt x="22181" y="34261"/>
                    <a:pt x="22225" y="34249"/>
                    <a:pt x="22269" y="34249"/>
                  </a:cubicBezTo>
                  <a:cubicBezTo>
                    <a:pt x="22313" y="34249"/>
                    <a:pt x="22356" y="34261"/>
                    <a:pt x="22381" y="34286"/>
                  </a:cubicBezTo>
                  <a:cubicBezTo>
                    <a:pt x="22432" y="34286"/>
                    <a:pt x="22507" y="34336"/>
                    <a:pt x="22557" y="34386"/>
                  </a:cubicBezTo>
                  <a:cubicBezTo>
                    <a:pt x="22607" y="34462"/>
                    <a:pt x="22833" y="34512"/>
                    <a:pt x="22883" y="34512"/>
                  </a:cubicBezTo>
                  <a:cubicBezTo>
                    <a:pt x="22966" y="34512"/>
                    <a:pt x="23072" y="34489"/>
                    <a:pt x="23148" y="34489"/>
                  </a:cubicBezTo>
                  <a:cubicBezTo>
                    <a:pt x="23186" y="34489"/>
                    <a:pt x="23217" y="34495"/>
                    <a:pt x="23234" y="34512"/>
                  </a:cubicBezTo>
                  <a:cubicBezTo>
                    <a:pt x="23284" y="34562"/>
                    <a:pt x="23284" y="34737"/>
                    <a:pt x="23284" y="34737"/>
                  </a:cubicBezTo>
                  <a:cubicBezTo>
                    <a:pt x="23409" y="34838"/>
                    <a:pt x="23559" y="34913"/>
                    <a:pt x="23635" y="35013"/>
                  </a:cubicBezTo>
                  <a:cubicBezTo>
                    <a:pt x="23685" y="35063"/>
                    <a:pt x="23635" y="35239"/>
                    <a:pt x="23735" y="35289"/>
                  </a:cubicBezTo>
                  <a:cubicBezTo>
                    <a:pt x="23735" y="35314"/>
                    <a:pt x="23749" y="35322"/>
                    <a:pt x="23769" y="35322"/>
                  </a:cubicBezTo>
                  <a:cubicBezTo>
                    <a:pt x="23810" y="35322"/>
                    <a:pt x="23877" y="35289"/>
                    <a:pt x="23910" y="35289"/>
                  </a:cubicBezTo>
                  <a:cubicBezTo>
                    <a:pt x="23960" y="35364"/>
                    <a:pt x="23960" y="35464"/>
                    <a:pt x="24011" y="35464"/>
                  </a:cubicBezTo>
                  <a:cubicBezTo>
                    <a:pt x="24011" y="35514"/>
                    <a:pt x="24136" y="35514"/>
                    <a:pt x="24186" y="35514"/>
                  </a:cubicBezTo>
                  <a:cubicBezTo>
                    <a:pt x="24186" y="35539"/>
                    <a:pt x="24200" y="35548"/>
                    <a:pt x="24218" y="35548"/>
                  </a:cubicBezTo>
                  <a:cubicBezTo>
                    <a:pt x="24256" y="35548"/>
                    <a:pt x="24311" y="35514"/>
                    <a:pt x="24311" y="35514"/>
                  </a:cubicBezTo>
                  <a:cubicBezTo>
                    <a:pt x="24412" y="35514"/>
                    <a:pt x="24537" y="35589"/>
                    <a:pt x="24587" y="35589"/>
                  </a:cubicBezTo>
                  <a:cubicBezTo>
                    <a:pt x="24637" y="35640"/>
                    <a:pt x="24687" y="35740"/>
                    <a:pt x="24762" y="35815"/>
                  </a:cubicBezTo>
                  <a:cubicBezTo>
                    <a:pt x="24863" y="35865"/>
                    <a:pt x="25038" y="35915"/>
                    <a:pt x="25138" y="35990"/>
                  </a:cubicBezTo>
                  <a:cubicBezTo>
                    <a:pt x="25214" y="35990"/>
                    <a:pt x="25314" y="36041"/>
                    <a:pt x="25364" y="36091"/>
                  </a:cubicBezTo>
                  <a:cubicBezTo>
                    <a:pt x="25439" y="36141"/>
                    <a:pt x="25489" y="36266"/>
                    <a:pt x="25539" y="36316"/>
                  </a:cubicBezTo>
                  <a:cubicBezTo>
                    <a:pt x="25539" y="36366"/>
                    <a:pt x="25539" y="36542"/>
                    <a:pt x="25589" y="36592"/>
                  </a:cubicBezTo>
                  <a:cubicBezTo>
                    <a:pt x="25665" y="36667"/>
                    <a:pt x="25765" y="36767"/>
                    <a:pt x="25890" y="36767"/>
                  </a:cubicBezTo>
                  <a:cubicBezTo>
                    <a:pt x="25890" y="36767"/>
                    <a:pt x="25890" y="36717"/>
                    <a:pt x="25940" y="36717"/>
                  </a:cubicBezTo>
                  <a:cubicBezTo>
                    <a:pt x="25940" y="36667"/>
                    <a:pt x="26116" y="36667"/>
                    <a:pt x="26166" y="36667"/>
                  </a:cubicBezTo>
                  <a:cubicBezTo>
                    <a:pt x="26216" y="36667"/>
                    <a:pt x="26392" y="36817"/>
                    <a:pt x="26442" y="36893"/>
                  </a:cubicBezTo>
                  <a:cubicBezTo>
                    <a:pt x="26517" y="36993"/>
                    <a:pt x="26567" y="37269"/>
                    <a:pt x="26667" y="37344"/>
                  </a:cubicBezTo>
                  <a:cubicBezTo>
                    <a:pt x="26793" y="37444"/>
                    <a:pt x="27068" y="37569"/>
                    <a:pt x="27244" y="37619"/>
                  </a:cubicBezTo>
                  <a:cubicBezTo>
                    <a:pt x="27283" y="37659"/>
                    <a:pt x="27428" y="37743"/>
                    <a:pt x="27514" y="37743"/>
                  </a:cubicBezTo>
                  <a:cubicBezTo>
                    <a:pt x="27539" y="37743"/>
                    <a:pt x="27558" y="37736"/>
                    <a:pt x="27569" y="37720"/>
                  </a:cubicBezTo>
                  <a:cubicBezTo>
                    <a:pt x="27645" y="37720"/>
                    <a:pt x="27695" y="37619"/>
                    <a:pt x="27695" y="37569"/>
                  </a:cubicBezTo>
                  <a:cubicBezTo>
                    <a:pt x="27645" y="37494"/>
                    <a:pt x="27519" y="37394"/>
                    <a:pt x="27519" y="37344"/>
                  </a:cubicBezTo>
                  <a:cubicBezTo>
                    <a:pt x="27469" y="37269"/>
                    <a:pt x="27419" y="37168"/>
                    <a:pt x="27419" y="37168"/>
                  </a:cubicBezTo>
                  <a:cubicBezTo>
                    <a:pt x="27419" y="37118"/>
                    <a:pt x="27569" y="36993"/>
                    <a:pt x="27645" y="36993"/>
                  </a:cubicBezTo>
                  <a:cubicBezTo>
                    <a:pt x="27695" y="36993"/>
                    <a:pt x="27795" y="37118"/>
                    <a:pt x="27795" y="37168"/>
                  </a:cubicBezTo>
                  <a:cubicBezTo>
                    <a:pt x="27870" y="37218"/>
                    <a:pt x="27920" y="37394"/>
                    <a:pt x="27970" y="37444"/>
                  </a:cubicBezTo>
                  <a:cubicBezTo>
                    <a:pt x="27987" y="37461"/>
                    <a:pt x="28012" y="37466"/>
                    <a:pt x="28040" y="37466"/>
                  </a:cubicBezTo>
                  <a:cubicBezTo>
                    <a:pt x="28096" y="37466"/>
                    <a:pt x="28163" y="37444"/>
                    <a:pt x="28196" y="37444"/>
                  </a:cubicBezTo>
                  <a:lnTo>
                    <a:pt x="28422" y="37670"/>
                  </a:lnTo>
                  <a:cubicBezTo>
                    <a:pt x="28547" y="37795"/>
                    <a:pt x="28647" y="37895"/>
                    <a:pt x="28697" y="37945"/>
                  </a:cubicBezTo>
                  <a:cubicBezTo>
                    <a:pt x="28823" y="38020"/>
                    <a:pt x="29098" y="38071"/>
                    <a:pt x="29224" y="38121"/>
                  </a:cubicBezTo>
                  <a:cubicBezTo>
                    <a:pt x="29274" y="38121"/>
                    <a:pt x="29374" y="38171"/>
                    <a:pt x="29424" y="38171"/>
                  </a:cubicBezTo>
                  <a:cubicBezTo>
                    <a:pt x="29449" y="38221"/>
                    <a:pt x="29474" y="38221"/>
                    <a:pt x="29474" y="38221"/>
                  </a:cubicBezTo>
                  <a:cubicBezTo>
                    <a:pt x="29549" y="38271"/>
                    <a:pt x="29700" y="38371"/>
                    <a:pt x="29825" y="38447"/>
                  </a:cubicBezTo>
                  <a:cubicBezTo>
                    <a:pt x="29875" y="38497"/>
                    <a:pt x="30051" y="38497"/>
                    <a:pt x="30101" y="38547"/>
                  </a:cubicBezTo>
                  <a:cubicBezTo>
                    <a:pt x="30151" y="38597"/>
                    <a:pt x="30276" y="38772"/>
                    <a:pt x="30326" y="38822"/>
                  </a:cubicBezTo>
                  <a:cubicBezTo>
                    <a:pt x="30326" y="38898"/>
                    <a:pt x="30452" y="38998"/>
                    <a:pt x="30502" y="38998"/>
                  </a:cubicBezTo>
                  <a:cubicBezTo>
                    <a:pt x="30502" y="39048"/>
                    <a:pt x="30602" y="39173"/>
                    <a:pt x="30677" y="39224"/>
                  </a:cubicBezTo>
                  <a:cubicBezTo>
                    <a:pt x="30727" y="39349"/>
                    <a:pt x="30777" y="39675"/>
                    <a:pt x="30828" y="39800"/>
                  </a:cubicBezTo>
                  <a:cubicBezTo>
                    <a:pt x="30903" y="39900"/>
                    <a:pt x="31053" y="40176"/>
                    <a:pt x="31128" y="40301"/>
                  </a:cubicBezTo>
                  <a:lnTo>
                    <a:pt x="31128" y="40677"/>
                  </a:lnTo>
                  <a:cubicBezTo>
                    <a:pt x="31128" y="40752"/>
                    <a:pt x="31053" y="40903"/>
                    <a:pt x="31053" y="40978"/>
                  </a:cubicBezTo>
                  <a:cubicBezTo>
                    <a:pt x="31128" y="41078"/>
                    <a:pt x="31229" y="41304"/>
                    <a:pt x="31229" y="41429"/>
                  </a:cubicBezTo>
                  <a:lnTo>
                    <a:pt x="31229" y="41880"/>
                  </a:lnTo>
                  <a:cubicBezTo>
                    <a:pt x="31229" y="41980"/>
                    <a:pt x="31128" y="42256"/>
                    <a:pt x="31178" y="42381"/>
                  </a:cubicBezTo>
                  <a:cubicBezTo>
                    <a:pt x="31178" y="42432"/>
                    <a:pt x="31279" y="42607"/>
                    <a:pt x="31354" y="42657"/>
                  </a:cubicBezTo>
                  <a:cubicBezTo>
                    <a:pt x="31354" y="42707"/>
                    <a:pt x="31504" y="42757"/>
                    <a:pt x="31579" y="42833"/>
                  </a:cubicBezTo>
                  <a:cubicBezTo>
                    <a:pt x="31630" y="42933"/>
                    <a:pt x="31630" y="43108"/>
                    <a:pt x="31630" y="43208"/>
                  </a:cubicBezTo>
                  <a:cubicBezTo>
                    <a:pt x="31630" y="43334"/>
                    <a:pt x="31630" y="43509"/>
                    <a:pt x="31579" y="43559"/>
                  </a:cubicBezTo>
                  <a:cubicBezTo>
                    <a:pt x="31579" y="43609"/>
                    <a:pt x="31630" y="43735"/>
                    <a:pt x="31579" y="43785"/>
                  </a:cubicBezTo>
                  <a:cubicBezTo>
                    <a:pt x="31579" y="43835"/>
                    <a:pt x="31454" y="43885"/>
                    <a:pt x="31454" y="43960"/>
                  </a:cubicBezTo>
                  <a:cubicBezTo>
                    <a:pt x="31454" y="44061"/>
                    <a:pt x="31454" y="44186"/>
                    <a:pt x="31504" y="44236"/>
                  </a:cubicBezTo>
                  <a:cubicBezTo>
                    <a:pt x="31579" y="44286"/>
                    <a:pt x="31680" y="44411"/>
                    <a:pt x="31680" y="44462"/>
                  </a:cubicBezTo>
                  <a:cubicBezTo>
                    <a:pt x="31730" y="44512"/>
                    <a:pt x="31730" y="44737"/>
                    <a:pt x="31805" y="44787"/>
                  </a:cubicBezTo>
                  <a:cubicBezTo>
                    <a:pt x="31805" y="44838"/>
                    <a:pt x="31855" y="45013"/>
                    <a:pt x="31905" y="45063"/>
                  </a:cubicBezTo>
                  <a:cubicBezTo>
                    <a:pt x="32031" y="45138"/>
                    <a:pt x="32181" y="45188"/>
                    <a:pt x="32256" y="45239"/>
                  </a:cubicBezTo>
                  <a:cubicBezTo>
                    <a:pt x="32356" y="45414"/>
                    <a:pt x="32532" y="45690"/>
                    <a:pt x="32632" y="45865"/>
                  </a:cubicBezTo>
                  <a:cubicBezTo>
                    <a:pt x="32707" y="45965"/>
                    <a:pt x="32858" y="46141"/>
                    <a:pt x="32858" y="46266"/>
                  </a:cubicBezTo>
                  <a:cubicBezTo>
                    <a:pt x="32933" y="46366"/>
                    <a:pt x="32858" y="46592"/>
                    <a:pt x="32858" y="46642"/>
                  </a:cubicBezTo>
                  <a:cubicBezTo>
                    <a:pt x="32933" y="46717"/>
                    <a:pt x="32933" y="46767"/>
                    <a:pt x="32983" y="46767"/>
                  </a:cubicBezTo>
                  <a:cubicBezTo>
                    <a:pt x="33033" y="46818"/>
                    <a:pt x="33133" y="46943"/>
                    <a:pt x="33133" y="46993"/>
                  </a:cubicBezTo>
                  <a:cubicBezTo>
                    <a:pt x="33209" y="47043"/>
                    <a:pt x="33259" y="47219"/>
                    <a:pt x="33259" y="47269"/>
                  </a:cubicBezTo>
                  <a:cubicBezTo>
                    <a:pt x="33309" y="47319"/>
                    <a:pt x="33484" y="47494"/>
                    <a:pt x="33484" y="47544"/>
                  </a:cubicBezTo>
                  <a:lnTo>
                    <a:pt x="33484" y="47945"/>
                  </a:lnTo>
                  <a:cubicBezTo>
                    <a:pt x="33534" y="47995"/>
                    <a:pt x="33585" y="48121"/>
                    <a:pt x="33585" y="48171"/>
                  </a:cubicBezTo>
                  <a:cubicBezTo>
                    <a:pt x="33660" y="48396"/>
                    <a:pt x="33660" y="48848"/>
                    <a:pt x="33660" y="49073"/>
                  </a:cubicBezTo>
                  <a:cubicBezTo>
                    <a:pt x="33660" y="49249"/>
                    <a:pt x="33710" y="49625"/>
                    <a:pt x="33660" y="49800"/>
                  </a:cubicBezTo>
                  <a:cubicBezTo>
                    <a:pt x="33660" y="49850"/>
                    <a:pt x="33585" y="49975"/>
                    <a:pt x="33534" y="50026"/>
                  </a:cubicBezTo>
                  <a:cubicBezTo>
                    <a:pt x="33534" y="50076"/>
                    <a:pt x="33434" y="50251"/>
                    <a:pt x="33434" y="50301"/>
                  </a:cubicBezTo>
                  <a:cubicBezTo>
                    <a:pt x="33434" y="50427"/>
                    <a:pt x="33484" y="50577"/>
                    <a:pt x="33434" y="50702"/>
                  </a:cubicBezTo>
                  <a:cubicBezTo>
                    <a:pt x="33434" y="50702"/>
                    <a:pt x="33378" y="50680"/>
                    <a:pt x="33341" y="50680"/>
                  </a:cubicBezTo>
                  <a:cubicBezTo>
                    <a:pt x="33323" y="50680"/>
                    <a:pt x="33309" y="50686"/>
                    <a:pt x="33309" y="50702"/>
                  </a:cubicBezTo>
                  <a:cubicBezTo>
                    <a:pt x="33259" y="50702"/>
                    <a:pt x="33209" y="50878"/>
                    <a:pt x="33133" y="50928"/>
                  </a:cubicBezTo>
                  <a:cubicBezTo>
                    <a:pt x="33133" y="51028"/>
                    <a:pt x="33209" y="51153"/>
                    <a:pt x="33259" y="51204"/>
                  </a:cubicBezTo>
                  <a:cubicBezTo>
                    <a:pt x="33259" y="51254"/>
                    <a:pt x="33359" y="51379"/>
                    <a:pt x="33434" y="51429"/>
                  </a:cubicBezTo>
                  <a:cubicBezTo>
                    <a:pt x="33484" y="51479"/>
                    <a:pt x="33660" y="51605"/>
                    <a:pt x="33710" y="51605"/>
                  </a:cubicBezTo>
                  <a:cubicBezTo>
                    <a:pt x="33760" y="51605"/>
                    <a:pt x="33885" y="51479"/>
                    <a:pt x="33885" y="51479"/>
                  </a:cubicBezTo>
                  <a:cubicBezTo>
                    <a:pt x="33935" y="51429"/>
                    <a:pt x="33885" y="51329"/>
                    <a:pt x="33885" y="51254"/>
                  </a:cubicBezTo>
                  <a:cubicBezTo>
                    <a:pt x="33935" y="51204"/>
                    <a:pt x="33935" y="51103"/>
                    <a:pt x="33986" y="51103"/>
                  </a:cubicBezTo>
                  <a:cubicBezTo>
                    <a:pt x="34007" y="51090"/>
                    <a:pt x="34029" y="51085"/>
                    <a:pt x="34052" y="51085"/>
                  </a:cubicBezTo>
                  <a:cubicBezTo>
                    <a:pt x="34160" y="51085"/>
                    <a:pt x="34274" y="51212"/>
                    <a:pt x="34336" y="51254"/>
                  </a:cubicBezTo>
                  <a:cubicBezTo>
                    <a:pt x="34437" y="51254"/>
                    <a:pt x="34612" y="51153"/>
                    <a:pt x="34712" y="51153"/>
                  </a:cubicBezTo>
                  <a:cubicBezTo>
                    <a:pt x="34788" y="51204"/>
                    <a:pt x="35013" y="51204"/>
                    <a:pt x="35063" y="51254"/>
                  </a:cubicBezTo>
                  <a:cubicBezTo>
                    <a:pt x="35239" y="51329"/>
                    <a:pt x="35514" y="51429"/>
                    <a:pt x="35615" y="51554"/>
                  </a:cubicBezTo>
                  <a:cubicBezTo>
                    <a:pt x="35690" y="51605"/>
                    <a:pt x="35740" y="51705"/>
                    <a:pt x="35790" y="51780"/>
                  </a:cubicBezTo>
                  <a:cubicBezTo>
                    <a:pt x="35790" y="51830"/>
                    <a:pt x="35690" y="51930"/>
                    <a:pt x="35690" y="52056"/>
                  </a:cubicBezTo>
                  <a:cubicBezTo>
                    <a:pt x="35690" y="52106"/>
                    <a:pt x="35790" y="52206"/>
                    <a:pt x="35740" y="52281"/>
                  </a:cubicBezTo>
                  <a:cubicBezTo>
                    <a:pt x="35740" y="52381"/>
                    <a:pt x="35740" y="52557"/>
                    <a:pt x="35690" y="52607"/>
                  </a:cubicBezTo>
                  <a:cubicBezTo>
                    <a:pt x="35615" y="52657"/>
                    <a:pt x="35514" y="52732"/>
                    <a:pt x="35464" y="52782"/>
                  </a:cubicBezTo>
                  <a:lnTo>
                    <a:pt x="35464" y="52958"/>
                  </a:lnTo>
                  <a:cubicBezTo>
                    <a:pt x="35464" y="53008"/>
                    <a:pt x="35564" y="53108"/>
                    <a:pt x="35615" y="53183"/>
                  </a:cubicBezTo>
                  <a:cubicBezTo>
                    <a:pt x="35740" y="53234"/>
                    <a:pt x="35915" y="53334"/>
                    <a:pt x="36016" y="53409"/>
                  </a:cubicBezTo>
                  <a:cubicBezTo>
                    <a:pt x="36066" y="53409"/>
                    <a:pt x="36191" y="53334"/>
                    <a:pt x="36241" y="53334"/>
                  </a:cubicBezTo>
                  <a:cubicBezTo>
                    <a:pt x="36291" y="53409"/>
                    <a:pt x="36417" y="53459"/>
                    <a:pt x="36517" y="53459"/>
                  </a:cubicBezTo>
                  <a:cubicBezTo>
                    <a:pt x="36642" y="53509"/>
                    <a:pt x="36968" y="53509"/>
                    <a:pt x="37143" y="53559"/>
                  </a:cubicBezTo>
                  <a:cubicBezTo>
                    <a:pt x="37319" y="53685"/>
                    <a:pt x="37595" y="54011"/>
                    <a:pt x="37645" y="54186"/>
                  </a:cubicBezTo>
                  <a:cubicBezTo>
                    <a:pt x="37770" y="54311"/>
                    <a:pt x="37720" y="54687"/>
                    <a:pt x="37770" y="54813"/>
                  </a:cubicBezTo>
                  <a:cubicBezTo>
                    <a:pt x="37870" y="54913"/>
                    <a:pt x="38171" y="54913"/>
                    <a:pt x="38271" y="54963"/>
                  </a:cubicBezTo>
                  <a:cubicBezTo>
                    <a:pt x="38397" y="54963"/>
                    <a:pt x="38547" y="55038"/>
                    <a:pt x="38547" y="55088"/>
                  </a:cubicBezTo>
                  <a:cubicBezTo>
                    <a:pt x="38622" y="55138"/>
                    <a:pt x="38497" y="55264"/>
                    <a:pt x="38497" y="55314"/>
                  </a:cubicBezTo>
                  <a:cubicBezTo>
                    <a:pt x="38547" y="55364"/>
                    <a:pt x="38622" y="55364"/>
                    <a:pt x="38672" y="55414"/>
                  </a:cubicBezTo>
                  <a:cubicBezTo>
                    <a:pt x="38722" y="55489"/>
                    <a:pt x="38773" y="55715"/>
                    <a:pt x="38848" y="55765"/>
                  </a:cubicBezTo>
                  <a:cubicBezTo>
                    <a:pt x="38898" y="55815"/>
                    <a:pt x="38898" y="56041"/>
                    <a:pt x="38948" y="56041"/>
                  </a:cubicBezTo>
                  <a:cubicBezTo>
                    <a:pt x="38998" y="56041"/>
                    <a:pt x="39073" y="55940"/>
                    <a:pt x="39073" y="55940"/>
                  </a:cubicBezTo>
                  <a:cubicBezTo>
                    <a:pt x="39107" y="55940"/>
                    <a:pt x="39196" y="55907"/>
                    <a:pt x="39251" y="55907"/>
                  </a:cubicBezTo>
                  <a:cubicBezTo>
                    <a:pt x="39279" y="55907"/>
                    <a:pt x="39299" y="55915"/>
                    <a:pt x="39299" y="55940"/>
                  </a:cubicBezTo>
                  <a:cubicBezTo>
                    <a:pt x="39349" y="55991"/>
                    <a:pt x="39349" y="56166"/>
                    <a:pt x="39349" y="56216"/>
                  </a:cubicBezTo>
                  <a:cubicBezTo>
                    <a:pt x="39349" y="56316"/>
                    <a:pt x="39449" y="56442"/>
                    <a:pt x="39449" y="56492"/>
                  </a:cubicBezTo>
                  <a:cubicBezTo>
                    <a:pt x="39524" y="56667"/>
                    <a:pt x="39449" y="56893"/>
                    <a:pt x="39399" y="56993"/>
                  </a:cubicBezTo>
                  <a:cubicBezTo>
                    <a:pt x="39399" y="57043"/>
                    <a:pt x="39349" y="57269"/>
                    <a:pt x="39299" y="57269"/>
                  </a:cubicBezTo>
                  <a:cubicBezTo>
                    <a:pt x="39274" y="57294"/>
                    <a:pt x="39240" y="57302"/>
                    <a:pt x="39204" y="57302"/>
                  </a:cubicBezTo>
                  <a:cubicBezTo>
                    <a:pt x="39132" y="57302"/>
                    <a:pt x="39048" y="57269"/>
                    <a:pt x="38998" y="57269"/>
                  </a:cubicBezTo>
                  <a:cubicBezTo>
                    <a:pt x="38948" y="57219"/>
                    <a:pt x="38773" y="57219"/>
                    <a:pt x="38722" y="57219"/>
                  </a:cubicBezTo>
                  <a:cubicBezTo>
                    <a:pt x="38672" y="57269"/>
                    <a:pt x="38622" y="57394"/>
                    <a:pt x="38547" y="57394"/>
                  </a:cubicBezTo>
                  <a:cubicBezTo>
                    <a:pt x="38547" y="57494"/>
                    <a:pt x="38497" y="57670"/>
                    <a:pt x="38497" y="57720"/>
                  </a:cubicBezTo>
                  <a:cubicBezTo>
                    <a:pt x="38497" y="57795"/>
                    <a:pt x="38547" y="57895"/>
                    <a:pt x="38547" y="57895"/>
                  </a:cubicBezTo>
                  <a:cubicBezTo>
                    <a:pt x="38572" y="57912"/>
                    <a:pt x="38605" y="57918"/>
                    <a:pt x="38642" y="57918"/>
                  </a:cubicBezTo>
                  <a:cubicBezTo>
                    <a:pt x="38714" y="57918"/>
                    <a:pt x="38798" y="57895"/>
                    <a:pt x="38848" y="57895"/>
                  </a:cubicBezTo>
                  <a:cubicBezTo>
                    <a:pt x="38948" y="57945"/>
                    <a:pt x="39073" y="58071"/>
                    <a:pt x="39123" y="58121"/>
                  </a:cubicBezTo>
                  <a:cubicBezTo>
                    <a:pt x="39123" y="58171"/>
                    <a:pt x="39073" y="58346"/>
                    <a:pt x="39123" y="58346"/>
                  </a:cubicBezTo>
                  <a:cubicBezTo>
                    <a:pt x="39123" y="58397"/>
                    <a:pt x="39224" y="58397"/>
                    <a:pt x="39299" y="58397"/>
                  </a:cubicBezTo>
                  <a:cubicBezTo>
                    <a:pt x="39349" y="58397"/>
                    <a:pt x="39575" y="58346"/>
                    <a:pt x="39625" y="58296"/>
                  </a:cubicBezTo>
                  <a:lnTo>
                    <a:pt x="39625" y="58121"/>
                  </a:lnTo>
                  <a:cubicBezTo>
                    <a:pt x="39675" y="58071"/>
                    <a:pt x="39750" y="58021"/>
                    <a:pt x="39750" y="57945"/>
                  </a:cubicBezTo>
                  <a:cubicBezTo>
                    <a:pt x="39750" y="57895"/>
                    <a:pt x="39675" y="57795"/>
                    <a:pt x="39675" y="57720"/>
                  </a:cubicBezTo>
                  <a:cubicBezTo>
                    <a:pt x="39750" y="57670"/>
                    <a:pt x="39800" y="57670"/>
                    <a:pt x="39850" y="57620"/>
                  </a:cubicBezTo>
                  <a:lnTo>
                    <a:pt x="40427" y="57620"/>
                  </a:lnTo>
                  <a:cubicBezTo>
                    <a:pt x="40477" y="57620"/>
                    <a:pt x="40527" y="57720"/>
                    <a:pt x="40577" y="57720"/>
                  </a:cubicBezTo>
                  <a:cubicBezTo>
                    <a:pt x="40752" y="57795"/>
                    <a:pt x="41078" y="57845"/>
                    <a:pt x="41254" y="57845"/>
                  </a:cubicBezTo>
                  <a:cubicBezTo>
                    <a:pt x="41429" y="57895"/>
                    <a:pt x="41830" y="58071"/>
                    <a:pt x="42056" y="58121"/>
                  </a:cubicBezTo>
                  <a:cubicBezTo>
                    <a:pt x="42156" y="58246"/>
                    <a:pt x="42482" y="58346"/>
                    <a:pt x="42657" y="58397"/>
                  </a:cubicBezTo>
                  <a:cubicBezTo>
                    <a:pt x="42707" y="58472"/>
                    <a:pt x="42783" y="58472"/>
                    <a:pt x="42783" y="58472"/>
                  </a:cubicBezTo>
                  <a:cubicBezTo>
                    <a:pt x="42933" y="58572"/>
                    <a:pt x="43334" y="58848"/>
                    <a:pt x="43509" y="58973"/>
                  </a:cubicBezTo>
                  <a:cubicBezTo>
                    <a:pt x="43610" y="59073"/>
                    <a:pt x="43785" y="59249"/>
                    <a:pt x="43835" y="59374"/>
                  </a:cubicBezTo>
                  <a:cubicBezTo>
                    <a:pt x="43910" y="59474"/>
                    <a:pt x="43961" y="59650"/>
                    <a:pt x="43961" y="59750"/>
                  </a:cubicBezTo>
                  <a:cubicBezTo>
                    <a:pt x="44011" y="59875"/>
                    <a:pt x="44186" y="60051"/>
                    <a:pt x="44186" y="60151"/>
                  </a:cubicBezTo>
                  <a:cubicBezTo>
                    <a:pt x="44236" y="60201"/>
                    <a:pt x="44186" y="60326"/>
                    <a:pt x="44236" y="60376"/>
                  </a:cubicBezTo>
                  <a:cubicBezTo>
                    <a:pt x="44236" y="60427"/>
                    <a:pt x="44412" y="60502"/>
                    <a:pt x="44462" y="60552"/>
                  </a:cubicBezTo>
                  <a:cubicBezTo>
                    <a:pt x="44462" y="60602"/>
                    <a:pt x="44412" y="60727"/>
                    <a:pt x="44462" y="60727"/>
                  </a:cubicBezTo>
                  <a:cubicBezTo>
                    <a:pt x="44462" y="60828"/>
                    <a:pt x="44587" y="61003"/>
                    <a:pt x="44637" y="61103"/>
                  </a:cubicBezTo>
                  <a:cubicBezTo>
                    <a:pt x="44737" y="61229"/>
                    <a:pt x="44913" y="61454"/>
                    <a:pt x="45038" y="61554"/>
                  </a:cubicBezTo>
                  <a:cubicBezTo>
                    <a:pt x="45088" y="61680"/>
                    <a:pt x="45138" y="61855"/>
                    <a:pt x="45189" y="61955"/>
                  </a:cubicBezTo>
                  <a:cubicBezTo>
                    <a:pt x="45264" y="62006"/>
                    <a:pt x="45314" y="62181"/>
                    <a:pt x="45364" y="62231"/>
                  </a:cubicBezTo>
                  <a:lnTo>
                    <a:pt x="45590" y="62231"/>
                  </a:lnTo>
                  <a:cubicBezTo>
                    <a:pt x="45715" y="62231"/>
                    <a:pt x="45940" y="62131"/>
                    <a:pt x="46041" y="62131"/>
                  </a:cubicBezTo>
                  <a:cubicBezTo>
                    <a:pt x="46091" y="62131"/>
                    <a:pt x="46266" y="62231"/>
                    <a:pt x="46392" y="62231"/>
                  </a:cubicBezTo>
                  <a:cubicBezTo>
                    <a:pt x="46492" y="62356"/>
                    <a:pt x="46768" y="62582"/>
                    <a:pt x="46893" y="62632"/>
                  </a:cubicBezTo>
                  <a:cubicBezTo>
                    <a:pt x="47068" y="62808"/>
                    <a:pt x="47294" y="63133"/>
                    <a:pt x="47444" y="63259"/>
                  </a:cubicBezTo>
                  <a:cubicBezTo>
                    <a:pt x="47620" y="63359"/>
                    <a:pt x="48021" y="63484"/>
                    <a:pt x="48121" y="63635"/>
                  </a:cubicBezTo>
                  <a:cubicBezTo>
                    <a:pt x="48296" y="63760"/>
                    <a:pt x="48422" y="64086"/>
                    <a:pt x="48472" y="64211"/>
                  </a:cubicBezTo>
                  <a:cubicBezTo>
                    <a:pt x="48522" y="64387"/>
                    <a:pt x="48697" y="64662"/>
                    <a:pt x="48748" y="64838"/>
                  </a:cubicBezTo>
                  <a:cubicBezTo>
                    <a:pt x="48748" y="64938"/>
                    <a:pt x="48697" y="65163"/>
                    <a:pt x="48748" y="65289"/>
                  </a:cubicBezTo>
                  <a:cubicBezTo>
                    <a:pt x="48748" y="65389"/>
                    <a:pt x="48873" y="65514"/>
                    <a:pt x="48873" y="65615"/>
                  </a:cubicBezTo>
                  <a:cubicBezTo>
                    <a:pt x="48873" y="65665"/>
                    <a:pt x="48798" y="65790"/>
                    <a:pt x="48873" y="65840"/>
                  </a:cubicBezTo>
                  <a:cubicBezTo>
                    <a:pt x="48923" y="65966"/>
                    <a:pt x="49098" y="66016"/>
                    <a:pt x="49199" y="66016"/>
                  </a:cubicBezTo>
                  <a:cubicBezTo>
                    <a:pt x="49374" y="66116"/>
                    <a:pt x="49775" y="66191"/>
                    <a:pt x="49875" y="66241"/>
                  </a:cubicBezTo>
                  <a:cubicBezTo>
                    <a:pt x="50101" y="66341"/>
                    <a:pt x="50377" y="66642"/>
                    <a:pt x="50502" y="66742"/>
                  </a:cubicBezTo>
                  <a:cubicBezTo>
                    <a:pt x="50727" y="66918"/>
                    <a:pt x="51053" y="67244"/>
                    <a:pt x="51229" y="67419"/>
                  </a:cubicBezTo>
                  <a:cubicBezTo>
                    <a:pt x="51404" y="67595"/>
                    <a:pt x="51730" y="67996"/>
                    <a:pt x="51855" y="68221"/>
                  </a:cubicBezTo>
                  <a:cubicBezTo>
                    <a:pt x="52031" y="68447"/>
                    <a:pt x="52306" y="68948"/>
                    <a:pt x="52407" y="69174"/>
                  </a:cubicBezTo>
                  <a:cubicBezTo>
                    <a:pt x="52482" y="69274"/>
                    <a:pt x="52632" y="69625"/>
                    <a:pt x="52758" y="69675"/>
                  </a:cubicBezTo>
                  <a:lnTo>
                    <a:pt x="52983" y="69675"/>
                  </a:lnTo>
                  <a:cubicBezTo>
                    <a:pt x="53033" y="69675"/>
                    <a:pt x="53209" y="69625"/>
                    <a:pt x="53259" y="69625"/>
                  </a:cubicBezTo>
                  <a:cubicBezTo>
                    <a:pt x="53296" y="69610"/>
                    <a:pt x="53341" y="69604"/>
                    <a:pt x="53389" y="69604"/>
                  </a:cubicBezTo>
                  <a:cubicBezTo>
                    <a:pt x="53506" y="69604"/>
                    <a:pt x="53639" y="69639"/>
                    <a:pt x="53710" y="69675"/>
                  </a:cubicBezTo>
                  <a:cubicBezTo>
                    <a:pt x="53835" y="69725"/>
                    <a:pt x="53885" y="69900"/>
                    <a:pt x="53936" y="70026"/>
                  </a:cubicBezTo>
                  <a:cubicBezTo>
                    <a:pt x="53986" y="70026"/>
                    <a:pt x="54061" y="70076"/>
                    <a:pt x="54111" y="70076"/>
                  </a:cubicBezTo>
                  <a:cubicBezTo>
                    <a:pt x="54161" y="70076"/>
                    <a:pt x="54286" y="70026"/>
                    <a:pt x="54387" y="70026"/>
                  </a:cubicBezTo>
                  <a:cubicBezTo>
                    <a:pt x="54437" y="70026"/>
                    <a:pt x="54662" y="70076"/>
                    <a:pt x="54788" y="70126"/>
                  </a:cubicBezTo>
                  <a:cubicBezTo>
                    <a:pt x="54888" y="70176"/>
                    <a:pt x="55189" y="70251"/>
                    <a:pt x="55289" y="70301"/>
                  </a:cubicBezTo>
                  <a:cubicBezTo>
                    <a:pt x="55464" y="70351"/>
                    <a:pt x="55740" y="70577"/>
                    <a:pt x="55865" y="70702"/>
                  </a:cubicBezTo>
                  <a:cubicBezTo>
                    <a:pt x="56016" y="70803"/>
                    <a:pt x="56316" y="71028"/>
                    <a:pt x="56417" y="71154"/>
                  </a:cubicBezTo>
                  <a:cubicBezTo>
                    <a:pt x="56467" y="71254"/>
                    <a:pt x="56542" y="71529"/>
                    <a:pt x="56592" y="71655"/>
                  </a:cubicBezTo>
                  <a:cubicBezTo>
                    <a:pt x="56642" y="71705"/>
                    <a:pt x="56642" y="71880"/>
                    <a:pt x="56692" y="71981"/>
                  </a:cubicBezTo>
                  <a:cubicBezTo>
                    <a:pt x="56768" y="72056"/>
                    <a:pt x="56918" y="72156"/>
                    <a:pt x="57043" y="72156"/>
                  </a:cubicBezTo>
                  <a:cubicBezTo>
                    <a:pt x="57079" y="72191"/>
                    <a:pt x="57177" y="72227"/>
                    <a:pt x="57249" y="72227"/>
                  </a:cubicBezTo>
                  <a:cubicBezTo>
                    <a:pt x="57279" y="72227"/>
                    <a:pt x="57304" y="72221"/>
                    <a:pt x="57319" y="72206"/>
                  </a:cubicBezTo>
                  <a:cubicBezTo>
                    <a:pt x="57369" y="72206"/>
                    <a:pt x="57444" y="72056"/>
                    <a:pt x="57494" y="71981"/>
                  </a:cubicBezTo>
                  <a:cubicBezTo>
                    <a:pt x="57494" y="71930"/>
                    <a:pt x="57444" y="71880"/>
                    <a:pt x="57494" y="71830"/>
                  </a:cubicBezTo>
                  <a:cubicBezTo>
                    <a:pt x="57494" y="71755"/>
                    <a:pt x="57670" y="71705"/>
                    <a:pt x="57720" y="71705"/>
                  </a:cubicBezTo>
                  <a:cubicBezTo>
                    <a:pt x="57820" y="71605"/>
                    <a:pt x="58121" y="71429"/>
                    <a:pt x="58271" y="71379"/>
                  </a:cubicBezTo>
                  <a:cubicBezTo>
                    <a:pt x="58447" y="71304"/>
                    <a:pt x="58798" y="71254"/>
                    <a:pt x="58948" y="71254"/>
                  </a:cubicBezTo>
                  <a:lnTo>
                    <a:pt x="59474" y="71254"/>
                  </a:lnTo>
                  <a:cubicBezTo>
                    <a:pt x="59575" y="71304"/>
                    <a:pt x="59750" y="71379"/>
                    <a:pt x="59850" y="71429"/>
                  </a:cubicBezTo>
                  <a:cubicBezTo>
                    <a:pt x="59913" y="71454"/>
                    <a:pt x="60013" y="71454"/>
                    <a:pt x="60113" y="71454"/>
                  </a:cubicBezTo>
                  <a:cubicBezTo>
                    <a:pt x="60214" y="71454"/>
                    <a:pt x="60314" y="71454"/>
                    <a:pt x="60377" y="71479"/>
                  </a:cubicBezTo>
                  <a:cubicBezTo>
                    <a:pt x="60477" y="71529"/>
                    <a:pt x="60652" y="71705"/>
                    <a:pt x="60702" y="71755"/>
                  </a:cubicBezTo>
                  <a:cubicBezTo>
                    <a:pt x="60753" y="71830"/>
                    <a:pt x="60828" y="71880"/>
                    <a:pt x="60878" y="71880"/>
                  </a:cubicBezTo>
                  <a:cubicBezTo>
                    <a:pt x="60903" y="71905"/>
                    <a:pt x="60959" y="71905"/>
                    <a:pt x="61016" y="71905"/>
                  </a:cubicBezTo>
                  <a:cubicBezTo>
                    <a:pt x="61072" y="71905"/>
                    <a:pt x="61129" y="71905"/>
                    <a:pt x="61154" y="71930"/>
                  </a:cubicBezTo>
                  <a:cubicBezTo>
                    <a:pt x="61204" y="71930"/>
                    <a:pt x="61279" y="72056"/>
                    <a:pt x="61329" y="72106"/>
                  </a:cubicBezTo>
                  <a:cubicBezTo>
                    <a:pt x="61379" y="72106"/>
                    <a:pt x="61504" y="72206"/>
                    <a:pt x="61555" y="72206"/>
                  </a:cubicBezTo>
                  <a:cubicBezTo>
                    <a:pt x="61605" y="72206"/>
                    <a:pt x="61830" y="72156"/>
                    <a:pt x="61880" y="72106"/>
                  </a:cubicBezTo>
                  <a:cubicBezTo>
                    <a:pt x="61880" y="72056"/>
                    <a:pt x="61956" y="71930"/>
                    <a:pt x="61956" y="71930"/>
                  </a:cubicBezTo>
                  <a:cubicBezTo>
                    <a:pt x="61956" y="71880"/>
                    <a:pt x="61780" y="71880"/>
                    <a:pt x="61730" y="71830"/>
                  </a:cubicBezTo>
                  <a:cubicBezTo>
                    <a:pt x="61730" y="71755"/>
                    <a:pt x="61880" y="71655"/>
                    <a:pt x="61956" y="71605"/>
                  </a:cubicBezTo>
                  <a:cubicBezTo>
                    <a:pt x="62006" y="71605"/>
                    <a:pt x="62056" y="71479"/>
                    <a:pt x="62106" y="71479"/>
                  </a:cubicBezTo>
                  <a:cubicBezTo>
                    <a:pt x="62231" y="71479"/>
                    <a:pt x="62332" y="71529"/>
                    <a:pt x="62407" y="71529"/>
                  </a:cubicBezTo>
                  <a:cubicBezTo>
                    <a:pt x="62457" y="71529"/>
                    <a:pt x="62507" y="71605"/>
                    <a:pt x="62557" y="71605"/>
                  </a:cubicBezTo>
                  <a:cubicBezTo>
                    <a:pt x="62682" y="71605"/>
                    <a:pt x="62783" y="71479"/>
                    <a:pt x="62908" y="71479"/>
                  </a:cubicBezTo>
                  <a:cubicBezTo>
                    <a:pt x="62958" y="71479"/>
                    <a:pt x="63083" y="71529"/>
                    <a:pt x="63083" y="71605"/>
                  </a:cubicBezTo>
                  <a:cubicBezTo>
                    <a:pt x="63184" y="71655"/>
                    <a:pt x="63309" y="71705"/>
                    <a:pt x="63359" y="71830"/>
                  </a:cubicBezTo>
                  <a:cubicBezTo>
                    <a:pt x="63409" y="71705"/>
                    <a:pt x="63635" y="71655"/>
                    <a:pt x="63685" y="71605"/>
                  </a:cubicBezTo>
                  <a:cubicBezTo>
                    <a:pt x="63806" y="71532"/>
                    <a:pt x="63975" y="71482"/>
                    <a:pt x="64031" y="71434"/>
                  </a:cubicBezTo>
                  <a:lnTo>
                    <a:pt x="64031" y="71434"/>
                  </a:lnTo>
                  <a:cubicBezTo>
                    <a:pt x="64024" y="71441"/>
                    <a:pt x="64017" y="71448"/>
                    <a:pt x="64011" y="71454"/>
                  </a:cubicBezTo>
                  <a:cubicBezTo>
                    <a:pt x="63961" y="71504"/>
                    <a:pt x="63810" y="71555"/>
                    <a:pt x="63685" y="71630"/>
                  </a:cubicBezTo>
                  <a:cubicBezTo>
                    <a:pt x="63635" y="71680"/>
                    <a:pt x="63409" y="71730"/>
                    <a:pt x="63359" y="71855"/>
                  </a:cubicBezTo>
                  <a:cubicBezTo>
                    <a:pt x="63359" y="71855"/>
                    <a:pt x="63409" y="71855"/>
                    <a:pt x="63409" y="71905"/>
                  </a:cubicBezTo>
                  <a:cubicBezTo>
                    <a:pt x="63509" y="72006"/>
                    <a:pt x="63735" y="72306"/>
                    <a:pt x="63860" y="72457"/>
                  </a:cubicBezTo>
                  <a:cubicBezTo>
                    <a:pt x="64011" y="72632"/>
                    <a:pt x="64312" y="73033"/>
                    <a:pt x="64412" y="73259"/>
                  </a:cubicBezTo>
                  <a:cubicBezTo>
                    <a:pt x="64537" y="73434"/>
                    <a:pt x="64687" y="73760"/>
                    <a:pt x="64813" y="73860"/>
                  </a:cubicBezTo>
                  <a:cubicBezTo>
                    <a:pt x="64863" y="74036"/>
                    <a:pt x="64913" y="74261"/>
                    <a:pt x="64988" y="74387"/>
                  </a:cubicBezTo>
                  <a:cubicBezTo>
                    <a:pt x="65038" y="74537"/>
                    <a:pt x="65264" y="74763"/>
                    <a:pt x="65364" y="74888"/>
                  </a:cubicBezTo>
                  <a:cubicBezTo>
                    <a:pt x="65489" y="74938"/>
                    <a:pt x="65715" y="75063"/>
                    <a:pt x="65765" y="75113"/>
                  </a:cubicBezTo>
                  <a:cubicBezTo>
                    <a:pt x="65890" y="75289"/>
                    <a:pt x="66041" y="75665"/>
                    <a:pt x="66116" y="75840"/>
                  </a:cubicBezTo>
                  <a:cubicBezTo>
                    <a:pt x="66166" y="76016"/>
                    <a:pt x="66266" y="76341"/>
                    <a:pt x="66266" y="76517"/>
                  </a:cubicBezTo>
                  <a:cubicBezTo>
                    <a:pt x="66266" y="76617"/>
                    <a:pt x="66166" y="76843"/>
                    <a:pt x="66166" y="77018"/>
                  </a:cubicBezTo>
                  <a:cubicBezTo>
                    <a:pt x="66216" y="77068"/>
                    <a:pt x="66266" y="77244"/>
                    <a:pt x="66342" y="77294"/>
                  </a:cubicBezTo>
                  <a:cubicBezTo>
                    <a:pt x="66392" y="77369"/>
                    <a:pt x="66492" y="77369"/>
                    <a:pt x="66567" y="77369"/>
                  </a:cubicBezTo>
                  <a:cubicBezTo>
                    <a:pt x="66617" y="77369"/>
                    <a:pt x="66793" y="77369"/>
                    <a:pt x="66843" y="77294"/>
                  </a:cubicBezTo>
                  <a:cubicBezTo>
                    <a:pt x="66843" y="77244"/>
                    <a:pt x="66843" y="77144"/>
                    <a:pt x="66793" y="77144"/>
                  </a:cubicBezTo>
                  <a:cubicBezTo>
                    <a:pt x="66793" y="77068"/>
                    <a:pt x="66617" y="77068"/>
                    <a:pt x="66617" y="77018"/>
                  </a:cubicBezTo>
                  <a:cubicBezTo>
                    <a:pt x="66567" y="76968"/>
                    <a:pt x="66617" y="76793"/>
                    <a:pt x="66667" y="76743"/>
                  </a:cubicBezTo>
                  <a:lnTo>
                    <a:pt x="66893" y="76743"/>
                  </a:lnTo>
                  <a:cubicBezTo>
                    <a:pt x="66943" y="76743"/>
                    <a:pt x="67119" y="76743"/>
                    <a:pt x="67169" y="76793"/>
                  </a:cubicBezTo>
                  <a:cubicBezTo>
                    <a:pt x="67244" y="76793"/>
                    <a:pt x="67344" y="76968"/>
                    <a:pt x="67394" y="77018"/>
                  </a:cubicBezTo>
                  <a:cubicBezTo>
                    <a:pt x="67444" y="77018"/>
                    <a:pt x="67506" y="77040"/>
                    <a:pt x="67556" y="77040"/>
                  </a:cubicBezTo>
                  <a:cubicBezTo>
                    <a:pt x="67581" y="77040"/>
                    <a:pt x="67603" y="77035"/>
                    <a:pt x="67620" y="77018"/>
                  </a:cubicBezTo>
                  <a:cubicBezTo>
                    <a:pt x="67695" y="77018"/>
                    <a:pt x="67695" y="76918"/>
                    <a:pt x="67745" y="76843"/>
                  </a:cubicBezTo>
                  <a:cubicBezTo>
                    <a:pt x="67795" y="76793"/>
                    <a:pt x="67971" y="76617"/>
                    <a:pt x="68021" y="76567"/>
                  </a:cubicBezTo>
                  <a:cubicBezTo>
                    <a:pt x="68146" y="76517"/>
                    <a:pt x="68296" y="76392"/>
                    <a:pt x="68347" y="76392"/>
                  </a:cubicBezTo>
                  <a:cubicBezTo>
                    <a:pt x="68472" y="76392"/>
                    <a:pt x="68647" y="76517"/>
                    <a:pt x="68697" y="76567"/>
                  </a:cubicBezTo>
                  <a:cubicBezTo>
                    <a:pt x="68873" y="76617"/>
                    <a:pt x="68973" y="76918"/>
                    <a:pt x="69099" y="77018"/>
                  </a:cubicBezTo>
                  <a:cubicBezTo>
                    <a:pt x="69199" y="77144"/>
                    <a:pt x="69374" y="77369"/>
                    <a:pt x="69550" y="77419"/>
                  </a:cubicBezTo>
                  <a:cubicBezTo>
                    <a:pt x="69650" y="77469"/>
                    <a:pt x="70001" y="77419"/>
                    <a:pt x="70101" y="77519"/>
                  </a:cubicBezTo>
                  <a:cubicBezTo>
                    <a:pt x="70151" y="77595"/>
                    <a:pt x="70226" y="77695"/>
                    <a:pt x="70276" y="77745"/>
                  </a:cubicBezTo>
                  <a:cubicBezTo>
                    <a:pt x="70276" y="77820"/>
                    <a:pt x="70377" y="77971"/>
                    <a:pt x="70327" y="78096"/>
                  </a:cubicBezTo>
                  <a:cubicBezTo>
                    <a:pt x="70276" y="78146"/>
                    <a:pt x="70151" y="78146"/>
                    <a:pt x="70101" y="78196"/>
                  </a:cubicBezTo>
                  <a:cubicBezTo>
                    <a:pt x="70001" y="78271"/>
                    <a:pt x="69775" y="78422"/>
                    <a:pt x="69700" y="78547"/>
                  </a:cubicBezTo>
                  <a:cubicBezTo>
                    <a:pt x="69650" y="78647"/>
                    <a:pt x="69650" y="78873"/>
                    <a:pt x="69550" y="78923"/>
                  </a:cubicBezTo>
                  <a:cubicBezTo>
                    <a:pt x="69474" y="79048"/>
                    <a:pt x="69149" y="78998"/>
                    <a:pt x="69099" y="79048"/>
                  </a:cubicBezTo>
                  <a:cubicBezTo>
                    <a:pt x="69023" y="79098"/>
                    <a:pt x="69099" y="79274"/>
                    <a:pt x="69099" y="79324"/>
                  </a:cubicBezTo>
                  <a:cubicBezTo>
                    <a:pt x="69023" y="79449"/>
                    <a:pt x="68798" y="79550"/>
                    <a:pt x="68798" y="79600"/>
                  </a:cubicBezTo>
                  <a:cubicBezTo>
                    <a:pt x="68798" y="79675"/>
                    <a:pt x="68923" y="79775"/>
                    <a:pt x="68973" y="79825"/>
                  </a:cubicBezTo>
                  <a:cubicBezTo>
                    <a:pt x="69099" y="79825"/>
                    <a:pt x="69374" y="79775"/>
                    <a:pt x="69474" y="79675"/>
                  </a:cubicBezTo>
                  <a:cubicBezTo>
                    <a:pt x="69550" y="79675"/>
                    <a:pt x="69600" y="79499"/>
                    <a:pt x="69650" y="79449"/>
                  </a:cubicBezTo>
                  <a:cubicBezTo>
                    <a:pt x="69700" y="79374"/>
                    <a:pt x="69926" y="79274"/>
                    <a:pt x="70051" y="79224"/>
                  </a:cubicBezTo>
                  <a:cubicBezTo>
                    <a:pt x="70132" y="79163"/>
                    <a:pt x="70297" y="79085"/>
                    <a:pt x="70423" y="79085"/>
                  </a:cubicBezTo>
                  <a:cubicBezTo>
                    <a:pt x="70452" y="79085"/>
                    <a:pt x="70479" y="79089"/>
                    <a:pt x="70502" y="79098"/>
                  </a:cubicBezTo>
                  <a:cubicBezTo>
                    <a:pt x="70602" y="79098"/>
                    <a:pt x="70778" y="79224"/>
                    <a:pt x="70828" y="79274"/>
                  </a:cubicBezTo>
                  <a:cubicBezTo>
                    <a:pt x="70953" y="79274"/>
                    <a:pt x="71129" y="79224"/>
                    <a:pt x="71229" y="79224"/>
                  </a:cubicBezTo>
                  <a:cubicBezTo>
                    <a:pt x="71354" y="79149"/>
                    <a:pt x="71580" y="79048"/>
                    <a:pt x="71680" y="78998"/>
                  </a:cubicBezTo>
                  <a:cubicBezTo>
                    <a:pt x="71805" y="78998"/>
                    <a:pt x="71906" y="78823"/>
                    <a:pt x="71956" y="78823"/>
                  </a:cubicBezTo>
                  <a:cubicBezTo>
                    <a:pt x="71981" y="78806"/>
                    <a:pt x="72009" y="78800"/>
                    <a:pt x="72039" y="78800"/>
                  </a:cubicBezTo>
                  <a:cubicBezTo>
                    <a:pt x="72100" y="78800"/>
                    <a:pt x="72173" y="78823"/>
                    <a:pt x="72256" y="78823"/>
                  </a:cubicBezTo>
                  <a:cubicBezTo>
                    <a:pt x="72297" y="78823"/>
                    <a:pt x="72369" y="78887"/>
                    <a:pt x="72434" y="78887"/>
                  </a:cubicBezTo>
                  <a:cubicBezTo>
                    <a:pt x="72451" y="78887"/>
                    <a:pt x="72467" y="78883"/>
                    <a:pt x="72482" y="78873"/>
                  </a:cubicBezTo>
                  <a:cubicBezTo>
                    <a:pt x="72582" y="78873"/>
                    <a:pt x="72582" y="78697"/>
                    <a:pt x="72632" y="78647"/>
                  </a:cubicBezTo>
                  <a:cubicBezTo>
                    <a:pt x="72682" y="78597"/>
                    <a:pt x="72758" y="78422"/>
                    <a:pt x="72808" y="78372"/>
                  </a:cubicBezTo>
                  <a:cubicBezTo>
                    <a:pt x="72858" y="78372"/>
                    <a:pt x="72908" y="78422"/>
                    <a:pt x="72908" y="78422"/>
                  </a:cubicBezTo>
                  <a:cubicBezTo>
                    <a:pt x="72983" y="78422"/>
                    <a:pt x="72983" y="78321"/>
                    <a:pt x="73033" y="78271"/>
                  </a:cubicBezTo>
                  <a:cubicBezTo>
                    <a:pt x="73083" y="78271"/>
                    <a:pt x="73209" y="78271"/>
                    <a:pt x="73259" y="78321"/>
                  </a:cubicBezTo>
                  <a:lnTo>
                    <a:pt x="73259" y="78422"/>
                  </a:lnTo>
                  <a:cubicBezTo>
                    <a:pt x="73309" y="78547"/>
                    <a:pt x="73535" y="78647"/>
                    <a:pt x="73660" y="78697"/>
                  </a:cubicBezTo>
                  <a:cubicBezTo>
                    <a:pt x="73760" y="78823"/>
                    <a:pt x="73936" y="79048"/>
                    <a:pt x="73986" y="79149"/>
                  </a:cubicBezTo>
                  <a:cubicBezTo>
                    <a:pt x="74111" y="79224"/>
                    <a:pt x="74261" y="79324"/>
                    <a:pt x="74337" y="79449"/>
                  </a:cubicBezTo>
                  <a:cubicBezTo>
                    <a:pt x="74437" y="79550"/>
                    <a:pt x="74562" y="79900"/>
                    <a:pt x="74612" y="80051"/>
                  </a:cubicBezTo>
                  <a:cubicBezTo>
                    <a:pt x="74713" y="80226"/>
                    <a:pt x="74938" y="80577"/>
                    <a:pt x="75063" y="80727"/>
                  </a:cubicBezTo>
                  <a:cubicBezTo>
                    <a:pt x="75114" y="80903"/>
                    <a:pt x="75164" y="81254"/>
                    <a:pt x="75289" y="81404"/>
                  </a:cubicBezTo>
                  <a:cubicBezTo>
                    <a:pt x="75339" y="81454"/>
                    <a:pt x="75515" y="81529"/>
                    <a:pt x="75565" y="81580"/>
                  </a:cubicBezTo>
                  <a:cubicBezTo>
                    <a:pt x="75565" y="81630"/>
                    <a:pt x="75565" y="81755"/>
                    <a:pt x="75515" y="81805"/>
                  </a:cubicBezTo>
                  <a:cubicBezTo>
                    <a:pt x="75515" y="81855"/>
                    <a:pt x="75339" y="81905"/>
                    <a:pt x="75289" y="81905"/>
                  </a:cubicBezTo>
                  <a:cubicBezTo>
                    <a:pt x="75239" y="82031"/>
                    <a:pt x="75063" y="82131"/>
                    <a:pt x="75013" y="82256"/>
                  </a:cubicBezTo>
                  <a:cubicBezTo>
                    <a:pt x="74938" y="82306"/>
                    <a:pt x="74888" y="82432"/>
                    <a:pt x="74888" y="82482"/>
                  </a:cubicBezTo>
                  <a:cubicBezTo>
                    <a:pt x="74938" y="82532"/>
                    <a:pt x="75063" y="82657"/>
                    <a:pt x="75063" y="82707"/>
                  </a:cubicBezTo>
                  <a:cubicBezTo>
                    <a:pt x="75013" y="82758"/>
                    <a:pt x="74888" y="82883"/>
                    <a:pt x="74838" y="82933"/>
                  </a:cubicBezTo>
                  <a:cubicBezTo>
                    <a:pt x="74788" y="82983"/>
                    <a:pt x="74662" y="83033"/>
                    <a:pt x="74662" y="83108"/>
                  </a:cubicBezTo>
                  <a:cubicBezTo>
                    <a:pt x="74612" y="83159"/>
                    <a:pt x="74612" y="83259"/>
                    <a:pt x="74662" y="83384"/>
                  </a:cubicBezTo>
                  <a:cubicBezTo>
                    <a:pt x="74662" y="83384"/>
                    <a:pt x="74788" y="83484"/>
                    <a:pt x="74838" y="83484"/>
                  </a:cubicBezTo>
                  <a:cubicBezTo>
                    <a:pt x="74838" y="83509"/>
                    <a:pt x="74849" y="83518"/>
                    <a:pt x="74867" y="83518"/>
                  </a:cubicBezTo>
                  <a:cubicBezTo>
                    <a:pt x="74902" y="83518"/>
                    <a:pt x="74963" y="83484"/>
                    <a:pt x="75013" y="83484"/>
                  </a:cubicBezTo>
                  <a:lnTo>
                    <a:pt x="75114" y="83484"/>
                  </a:lnTo>
                  <a:cubicBezTo>
                    <a:pt x="75164" y="83560"/>
                    <a:pt x="75164" y="83610"/>
                    <a:pt x="75164" y="83610"/>
                  </a:cubicBezTo>
                  <a:cubicBezTo>
                    <a:pt x="75164" y="83660"/>
                    <a:pt x="75289" y="83660"/>
                    <a:pt x="75339" y="83660"/>
                  </a:cubicBezTo>
                  <a:lnTo>
                    <a:pt x="75565" y="83660"/>
                  </a:lnTo>
                  <a:cubicBezTo>
                    <a:pt x="75615" y="83710"/>
                    <a:pt x="75690" y="83986"/>
                    <a:pt x="75740" y="84061"/>
                  </a:cubicBezTo>
                  <a:cubicBezTo>
                    <a:pt x="75840" y="84111"/>
                    <a:pt x="76066" y="84211"/>
                    <a:pt x="76191" y="84211"/>
                  </a:cubicBezTo>
                  <a:cubicBezTo>
                    <a:pt x="76241" y="84211"/>
                    <a:pt x="76417" y="84161"/>
                    <a:pt x="76467" y="84111"/>
                  </a:cubicBezTo>
                  <a:lnTo>
                    <a:pt x="76743" y="84111"/>
                  </a:lnTo>
                  <a:cubicBezTo>
                    <a:pt x="76818" y="84111"/>
                    <a:pt x="76968" y="84161"/>
                    <a:pt x="77018" y="84211"/>
                  </a:cubicBezTo>
                  <a:cubicBezTo>
                    <a:pt x="77094" y="84286"/>
                    <a:pt x="77144" y="84387"/>
                    <a:pt x="77144" y="84437"/>
                  </a:cubicBezTo>
                  <a:cubicBezTo>
                    <a:pt x="77194" y="84512"/>
                    <a:pt x="77244" y="84662"/>
                    <a:pt x="77319" y="84662"/>
                  </a:cubicBezTo>
                  <a:cubicBezTo>
                    <a:pt x="77369" y="84738"/>
                    <a:pt x="77545" y="84738"/>
                    <a:pt x="77595" y="84738"/>
                  </a:cubicBezTo>
                  <a:lnTo>
                    <a:pt x="77820" y="84963"/>
                  </a:lnTo>
                  <a:cubicBezTo>
                    <a:pt x="77870" y="85013"/>
                    <a:pt x="78096" y="84963"/>
                    <a:pt x="78146" y="85063"/>
                  </a:cubicBezTo>
                  <a:cubicBezTo>
                    <a:pt x="78221" y="85113"/>
                    <a:pt x="78271" y="85289"/>
                    <a:pt x="78271" y="85339"/>
                  </a:cubicBezTo>
                  <a:cubicBezTo>
                    <a:pt x="78271" y="85414"/>
                    <a:pt x="78322" y="85514"/>
                    <a:pt x="78271" y="85565"/>
                  </a:cubicBezTo>
                  <a:cubicBezTo>
                    <a:pt x="78238" y="85565"/>
                    <a:pt x="78171" y="85542"/>
                    <a:pt x="78130" y="85542"/>
                  </a:cubicBezTo>
                  <a:cubicBezTo>
                    <a:pt x="78110" y="85542"/>
                    <a:pt x="78096" y="85548"/>
                    <a:pt x="78096" y="85565"/>
                  </a:cubicBezTo>
                  <a:cubicBezTo>
                    <a:pt x="78046" y="85640"/>
                    <a:pt x="78046" y="85690"/>
                    <a:pt x="78046" y="85740"/>
                  </a:cubicBezTo>
                  <a:cubicBezTo>
                    <a:pt x="78096" y="85790"/>
                    <a:pt x="78221" y="85790"/>
                    <a:pt x="78271" y="85865"/>
                  </a:cubicBezTo>
                  <a:lnTo>
                    <a:pt x="78497" y="85865"/>
                  </a:lnTo>
                  <a:cubicBezTo>
                    <a:pt x="78497" y="85865"/>
                    <a:pt x="78547" y="85690"/>
                    <a:pt x="78597" y="85690"/>
                  </a:cubicBezTo>
                  <a:cubicBezTo>
                    <a:pt x="78672" y="85690"/>
                    <a:pt x="78773" y="85740"/>
                    <a:pt x="78823" y="85790"/>
                  </a:cubicBezTo>
                  <a:cubicBezTo>
                    <a:pt x="78823" y="85865"/>
                    <a:pt x="78773" y="85966"/>
                    <a:pt x="78823" y="85966"/>
                  </a:cubicBezTo>
                  <a:cubicBezTo>
                    <a:pt x="78848" y="85982"/>
                    <a:pt x="78890" y="85988"/>
                    <a:pt x="78938" y="85988"/>
                  </a:cubicBezTo>
                  <a:cubicBezTo>
                    <a:pt x="79035" y="85988"/>
                    <a:pt x="79157" y="85966"/>
                    <a:pt x="79224" y="85966"/>
                  </a:cubicBezTo>
                  <a:cubicBezTo>
                    <a:pt x="79274" y="85966"/>
                    <a:pt x="79449" y="86091"/>
                    <a:pt x="79575" y="86091"/>
                  </a:cubicBezTo>
                  <a:cubicBezTo>
                    <a:pt x="79575" y="86091"/>
                    <a:pt x="79675" y="86016"/>
                    <a:pt x="79725" y="85966"/>
                  </a:cubicBezTo>
                  <a:cubicBezTo>
                    <a:pt x="79800" y="85915"/>
                    <a:pt x="79725" y="85740"/>
                    <a:pt x="79800" y="85690"/>
                  </a:cubicBezTo>
                  <a:cubicBezTo>
                    <a:pt x="79850" y="85565"/>
                    <a:pt x="79951" y="85464"/>
                    <a:pt x="80076" y="85414"/>
                  </a:cubicBezTo>
                  <a:lnTo>
                    <a:pt x="80176" y="85339"/>
                  </a:lnTo>
                  <a:cubicBezTo>
                    <a:pt x="80302" y="85289"/>
                    <a:pt x="80302" y="85063"/>
                    <a:pt x="80402" y="85013"/>
                  </a:cubicBezTo>
                  <a:cubicBezTo>
                    <a:pt x="80477" y="84963"/>
                    <a:pt x="80627" y="84963"/>
                    <a:pt x="80753" y="84963"/>
                  </a:cubicBezTo>
                  <a:cubicBezTo>
                    <a:pt x="80778" y="84926"/>
                    <a:pt x="80847" y="84907"/>
                    <a:pt x="80925" y="84907"/>
                  </a:cubicBezTo>
                  <a:cubicBezTo>
                    <a:pt x="81003" y="84907"/>
                    <a:pt x="81091" y="84926"/>
                    <a:pt x="81154" y="84963"/>
                  </a:cubicBezTo>
                  <a:cubicBezTo>
                    <a:pt x="81254" y="84963"/>
                    <a:pt x="81429" y="84963"/>
                    <a:pt x="81480" y="85063"/>
                  </a:cubicBezTo>
                  <a:cubicBezTo>
                    <a:pt x="81530" y="85063"/>
                    <a:pt x="81480" y="85189"/>
                    <a:pt x="81530" y="85189"/>
                  </a:cubicBezTo>
                  <a:cubicBezTo>
                    <a:pt x="81530" y="85239"/>
                    <a:pt x="81580" y="85239"/>
                    <a:pt x="81580" y="85239"/>
                  </a:cubicBezTo>
                  <a:cubicBezTo>
                    <a:pt x="81655" y="85189"/>
                    <a:pt x="81705" y="85063"/>
                    <a:pt x="81705" y="85013"/>
                  </a:cubicBezTo>
                  <a:cubicBezTo>
                    <a:pt x="81755" y="84963"/>
                    <a:pt x="81881" y="84838"/>
                    <a:pt x="81981" y="84788"/>
                  </a:cubicBezTo>
                  <a:cubicBezTo>
                    <a:pt x="82031" y="84738"/>
                    <a:pt x="82206" y="84662"/>
                    <a:pt x="82256" y="84612"/>
                  </a:cubicBezTo>
                  <a:cubicBezTo>
                    <a:pt x="82331" y="84562"/>
                    <a:pt x="82332" y="84339"/>
                    <a:pt x="82332" y="84287"/>
                  </a:cubicBezTo>
                  <a:lnTo>
                    <a:pt x="82332" y="84287"/>
                  </a:lnTo>
                  <a:cubicBezTo>
                    <a:pt x="82332" y="84363"/>
                    <a:pt x="82331" y="84562"/>
                    <a:pt x="82282" y="84637"/>
                  </a:cubicBezTo>
                  <a:cubicBezTo>
                    <a:pt x="82231" y="84687"/>
                    <a:pt x="82056" y="84738"/>
                    <a:pt x="82006" y="84788"/>
                  </a:cubicBezTo>
                  <a:cubicBezTo>
                    <a:pt x="81881" y="84863"/>
                    <a:pt x="81780" y="84963"/>
                    <a:pt x="81730" y="85013"/>
                  </a:cubicBezTo>
                  <a:cubicBezTo>
                    <a:pt x="81730" y="85088"/>
                    <a:pt x="81655" y="85189"/>
                    <a:pt x="81605" y="85239"/>
                  </a:cubicBezTo>
                  <a:cubicBezTo>
                    <a:pt x="81730" y="85314"/>
                    <a:pt x="81881" y="85364"/>
                    <a:pt x="81956" y="85414"/>
                  </a:cubicBezTo>
                  <a:cubicBezTo>
                    <a:pt x="82006" y="85540"/>
                    <a:pt x="82106" y="85765"/>
                    <a:pt x="82181" y="85865"/>
                  </a:cubicBezTo>
                  <a:cubicBezTo>
                    <a:pt x="82231" y="85991"/>
                    <a:pt x="82407" y="86091"/>
                    <a:pt x="82457" y="86141"/>
                  </a:cubicBezTo>
                  <a:cubicBezTo>
                    <a:pt x="82507" y="86266"/>
                    <a:pt x="82557" y="86442"/>
                    <a:pt x="82557" y="86542"/>
                  </a:cubicBezTo>
                  <a:cubicBezTo>
                    <a:pt x="82683" y="86667"/>
                    <a:pt x="82908" y="86818"/>
                    <a:pt x="82958" y="86943"/>
                  </a:cubicBezTo>
                  <a:lnTo>
                    <a:pt x="83008" y="86943"/>
                  </a:lnTo>
                  <a:cubicBezTo>
                    <a:pt x="83084" y="87043"/>
                    <a:pt x="83134" y="87269"/>
                    <a:pt x="83134" y="87394"/>
                  </a:cubicBezTo>
                  <a:cubicBezTo>
                    <a:pt x="83134" y="87494"/>
                    <a:pt x="83008" y="87620"/>
                    <a:pt x="83008" y="87720"/>
                  </a:cubicBezTo>
                  <a:cubicBezTo>
                    <a:pt x="83008" y="87770"/>
                    <a:pt x="83134" y="87946"/>
                    <a:pt x="83134" y="87996"/>
                  </a:cubicBezTo>
                  <a:cubicBezTo>
                    <a:pt x="83184" y="88071"/>
                    <a:pt x="83184" y="88171"/>
                    <a:pt x="83184" y="88171"/>
                  </a:cubicBezTo>
                  <a:cubicBezTo>
                    <a:pt x="83234" y="88221"/>
                    <a:pt x="83309" y="88347"/>
                    <a:pt x="83359" y="88347"/>
                  </a:cubicBezTo>
                  <a:lnTo>
                    <a:pt x="83359" y="88572"/>
                  </a:lnTo>
                  <a:cubicBezTo>
                    <a:pt x="83359" y="88622"/>
                    <a:pt x="83459" y="88748"/>
                    <a:pt x="83459" y="88798"/>
                  </a:cubicBezTo>
                  <a:cubicBezTo>
                    <a:pt x="83535" y="88898"/>
                    <a:pt x="83459" y="89199"/>
                    <a:pt x="83459" y="89349"/>
                  </a:cubicBezTo>
                  <a:cubicBezTo>
                    <a:pt x="83535" y="89474"/>
                    <a:pt x="83760" y="89700"/>
                    <a:pt x="83810" y="89800"/>
                  </a:cubicBezTo>
                  <a:cubicBezTo>
                    <a:pt x="83911" y="89976"/>
                    <a:pt x="84036" y="90377"/>
                    <a:pt x="84136" y="90602"/>
                  </a:cubicBezTo>
                  <a:cubicBezTo>
                    <a:pt x="84211" y="90702"/>
                    <a:pt x="84211" y="91003"/>
                    <a:pt x="84312" y="91103"/>
                  </a:cubicBezTo>
                  <a:cubicBezTo>
                    <a:pt x="84312" y="91154"/>
                    <a:pt x="84487" y="91229"/>
                    <a:pt x="84587" y="91279"/>
                  </a:cubicBezTo>
                  <a:cubicBezTo>
                    <a:pt x="84713" y="91329"/>
                    <a:pt x="84988" y="91504"/>
                    <a:pt x="85038" y="91680"/>
                  </a:cubicBezTo>
                  <a:cubicBezTo>
                    <a:pt x="85164" y="91780"/>
                    <a:pt x="85164" y="92056"/>
                    <a:pt x="85214" y="92181"/>
                  </a:cubicBezTo>
                  <a:cubicBezTo>
                    <a:pt x="85339" y="92357"/>
                    <a:pt x="85715" y="92582"/>
                    <a:pt x="85840" y="92733"/>
                  </a:cubicBezTo>
                  <a:cubicBezTo>
                    <a:pt x="85941" y="92908"/>
                    <a:pt x="85941" y="93309"/>
                    <a:pt x="86016" y="93484"/>
                  </a:cubicBezTo>
                  <a:cubicBezTo>
                    <a:pt x="86066" y="93635"/>
                    <a:pt x="86241" y="93936"/>
                    <a:pt x="86292" y="94086"/>
                  </a:cubicBezTo>
                  <a:cubicBezTo>
                    <a:pt x="86342" y="94261"/>
                    <a:pt x="86342" y="94612"/>
                    <a:pt x="86392" y="94838"/>
                  </a:cubicBezTo>
                  <a:cubicBezTo>
                    <a:pt x="86392" y="94988"/>
                    <a:pt x="86567" y="95389"/>
                    <a:pt x="86567" y="95565"/>
                  </a:cubicBezTo>
                  <a:cubicBezTo>
                    <a:pt x="86617" y="95790"/>
                    <a:pt x="86567" y="96116"/>
                    <a:pt x="86617" y="96291"/>
                  </a:cubicBezTo>
                  <a:cubicBezTo>
                    <a:pt x="86617" y="96392"/>
                    <a:pt x="86743" y="96567"/>
                    <a:pt x="86793" y="96692"/>
                  </a:cubicBezTo>
                  <a:cubicBezTo>
                    <a:pt x="86793" y="96793"/>
                    <a:pt x="86793" y="96968"/>
                    <a:pt x="86843" y="97068"/>
                  </a:cubicBezTo>
                  <a:cubicBezTo>
                    <a:pt x="86918" y="97194"/>
                    <a:pt x="87018" y="97419"/>
                    <a:pt x="87069" y="97469"/>
                  </a:cubicBezTo>
                  <a:cubicBezTo>
                    <a:pt x="87194" y="97595"/>
                    <a:pt x="87369" y="97645"/>
                    <a:pt x="87419" y="97745"/>
                  </a:cubicBezTo>
                  <a:cubicBezTo>
                    <a:pt x="87520" y="97870"/>
                    <a:pt x="87595" y="98146"/>
                    <a:pt x="87695" y="98271"/>
                  </a:cubicBezTo>
                  <a:cubicBezTo>
                    <a:pt x="87745" y="98322"/>
                    <a:pt x="87921" y="98322"/>
                    <a:pt x="87971" y="98372"/>
                  </a:cubicBezTo>
                  <a:cubicBezTo>
                    <a:pt x="88096" y="98422"/>
                    <a:pt x="88196" y="98647"/>
                    <a:pt x="88272" y="98723"/>
                  </a:cubicBezTo>
                  <a:cubicBezTo>
                    <a:pt x="88322" y="98948"/>
                    <a:pt x="88272" y="99324"/>
                    <a:pt x="88272" y="99550"/>
                  </a:cubicBezTo>
                  <a:cubicBezTo>
                    <a:pt x="88272" y="99775"/>
                    <a:pt x="88146" y="100176"/>
                    <a:pt x="88046" y="100352"/>
                  </a:cubicBezTo>
                  <a:cubicBezTo>
                    <a:pt x="87971" y="100527"/>
                    <a:pt x="87745" y="100753"/>
                    <a:pt x="87645" y="100853"/>
                  </a:cubicBezTo>
                  <a:cubicBezTo>
                    <a:pt x="87595" y="100903"/>
                    <a:pt x="87419" y="101028"/>
                    <a:pt x="87294" y="101028"/>
                  </a:cubicBezTo>
                  <a:cubicBezTo>
                    <a:pt x="87194" y="101028"/>
                    <a:pt x="86918" y="100903"/>
                    <a:pt x="86793" y="100903"/>
                  </a:cubicBezTo>
                  <a:cubicBezTo>
                    <a:pt x="86693" y="100903"/>
                    <a:pt x="86467" y="100978"/>
                    <a:pt x="86342" y="101028"/>
                  </a:cubicBezTo>
                  <a:cubicBezTo>
                    <a:pt x="86241" y="101028"/>
                    <a:pt x="86016" y="101129"/>
                    <a:pt x="85891" y="101204"/>
                  </a:cubicBezTo>
                  <a:cubicBezTo>
                    <a:pt x="85790" y="101254"/>
                    <a:pt x="85665" y="101530"/>
                    <a:pt x="85565" y="101580"/>
                  </a:cubicBezTo>
                  <a:cubicBezTo>
                    <a:pt x="85490" y="101655"/>
                    <a:pt x="85339" y="101655"/>
                    <a:pt x="85264" y="101705"/>
                  </a:cubicBezTo>
                  <a:cubicBezTo>
                    <a:pt x="85164" y="101755"/>
                    <a:pt x="84888" y="101981"/>
                    <a:pt x="84813" y="102156"/>
                  </a:cubicBezTo>
                  <a:cubicBezTo>
                    <a:pt x="84713" y="102256"/>
                    <a:pt x="84537" y="102557"/>
                    <a:pt x="84587" y="102657"/>
                  </a:cubicBezTo>
                  <a:cubicBezTo>
                    <a:pt x="84662" y="102708"/>
                    <a:pt x="84813" y="102708"/>
                    <a:pt x="84888" y="102783"/>
                  </a:cubicBezTo>
                  <a:cubicBezTo>
                    <a:pt x="84988" y="102783"/>
                    <a:pt x="85038" y="102933"/>
                    <a:pt x="85114" y="103008"/>
                  </a:cubicBezTo>
                  <a:cubicBezTo>
                    <a:pt x="85214" y="103109"/>
                    <a:pt x="85565" y="103159"/>
                    <a:pt x="85615" y="103334"/>
                  </a:cubicBezTo>
                  <a:cubicBezTo>
                    <a:pt x="85715" y="103459"/>
                    <a:pt x="85715" y="103785"/>
                    <a:pt x="85665" y="103961"/>
                  </a:cubicBezTo>
                  <a:cubicBezTo>
                    <a:pt x="85665" y="104111"/>
                    <a:pt x="85389" y="104337"/>
                    <a:pt x="85389" y="104512"/>
                  </a:cubicBezTo>
                  <a:cubicBezTo>
                    <a:pt x="85389" y="104562"/>
                    <a:pt x="85490" y="104738"/>
                    <a:pt x="85490" y="104788"/>
                  </a:cubicBezTo>
                  <a:cubicBezTo>
                    <a:pt x="85490" y="104963"/>
                    <a:pt x="85264" y="105239"/>
                    <a:pt x="85214" y="105414"/>
                  </a:cubicBezTo>
                  <a:cubicBezTo>
                    <a:pt x="85164" y="105540"/>
                    <a:pt x="85038" y="105690"/>
                    <a:pt x="85038" y="105815"/>
                  </a:cubicBezTo>
                  <a:cubicBezTo>
                    <a:pt x="84988" y="105991"/>
                    <a:pt x="84988" y="106442"/>
                    <a:pt x="84888" y="106592"/>
                  </a:cubicBezTo>
                  <a:cubicBezTo>
                    <a:pt x="84813" y="106718"/>
                    <a:pt x="84587" y="106943"/>
                    <a:pt x="84437" y="106993"/>
                  </a:cubicBezTo>
                  <a:cubicBezTo>
                    <a:pt x="84374" y="107018"/>
                    <a:pt x="84274" y="107018"/>
                    <a:pt x="84174" y="107018"/>
                  </a:cubicBezTo>
                  <a:cubicBezTo>
                    <a:pt x="84074" y="107018"/>
                    <a:pt x="83973" y="107018"/>
                    <a:pt x="83911" y="107043"/>
                  </a:cubicBezTo>
                  <a:cubicBezTo>
                    <a:pt x="83860" y="107119"/>
                    <a:pt x="83760" y="107394"/>
                    <a:pt x="83635" y="107444"/>
                  </a:cubicBezTo>
                  <a:cubicBezTo>
                    <a:pt x="83585" y="107495"/>
                    <a:pt x="83409" y="107495"/>
                    <a:pt x="83359" y="107570"/>
                  </a:cubicBezTo>
                  <a:lnTo>
                    <a:pt x="83359" y="107845"/>
                  </a:lnTo>
                  <a:cubicBezTo>
                    <a:pt x="83409" y="107946"/>
                    <a:pt x="83585" y="108246"/>
                    <a:pt x="83585" y="108397"/>
                  </a:cubicBezTo>
                  <a:cubicBezTo>
                    <a:pt x="83585" y="108572"/>
                    <a:pt x="83535" y="108848"/>
                    <a:pt x="83535" y="109023"/>
                  </a:cubicBezTo>
                  <a:cubicBezTo>
                    <a:pt x="83535" y="109149"/>
                    <a:pt x="83535" y="109475"/>
                    <a:pt x="83585" y="109650"/>
                  </a:cubicBezTo>
                  <a:lnTo>
                    <a:pt x="83585" y="110201"/>
                  </a:lnTo>
                  <a:cubicBezTo>
                    <a:pt x="83635" y="110377"/>
                    <a:pt x="83860" y="110652"/>
                    <a:pt x="83986" y="110778"/>
                  </a:cubicBezTo>
                  <a:cubicBezTo>
                    <a:pt x="84086" y="110878"/>
                    <a:pt x="84437" y="111053"/>
                    <a:pt x="84587" y="111179"/>
                  </a:cubicBezTo>
                  <a:cubicBezTo>
                    <a:pt x="84713" y="111179"/>
                    <a:pt x="84938" y="111329"/>
                    <a:pt x="85038" y="111329"/>
                  </a:cubicBezTo>
                  <a:cubicBezTo>
                    <a:pt x="85264" y="111329"/>
                    <a:pt x="85665" y="111104"/>
                    <a:pt x="85891" y="111053"/>
                  </a:cubicBezTo>
                  <a:cubicBezTo>
                    <a:pt x="86016" y="111003"/>
                    <a:pt x="86342" y="110953"/>
                    <a:pt x="86467" y="110953"/>
                  </a:cubicBezTo>
                  <a:cubicBezTo>
                    <a:pt x="86660" y="110953"/>
                    <a:pt x="86964" y="111064"/>
                    <a:pt x="87158" y="111064"/>
                  </a:cubicBezTo>
                  <a:cubicBezTo>
                    <a:pt x="87190" y="111064"/>
                    <a:pt x="87219" y="111061"/>
                    <a:pt x="87244" y="111053"/>
                  </a:cubicBezTo>
                  <a:cubicBezTo>
                    <a:pt x="87419" y="111053"/>
                    <a:pt x="87745" y="110828"/>
                    <a:pt x="87871" y="110728"/>
                  </a:cubicBezTo>
                  <a:cubicBezTo>
                    <a:pt x="87971" y="110602"/>
                    <a:pt x="88096" y="110277"/>
                    <a:pt x="88196" y="110101"/>
                  </a:cubicBezTo>
                  <a:cubicBezTo>
                    <a:pt x="88272" y="109926"/>
                    <a:pt x="88422" y="109525"/>
                    <a:pt x="88422" y="109374"/>
                  </a:cubicBezTo>
                  <a:cubicBezTo>
                    <a:pt x="88497" y="109074"/>
                    <a:pt x="88272" y="108522"/>
                    <a:pt x="88372" y="108246"/>
                  </a:cubicBezTo>
                  <a:cubicBezTo>
                    <a:pt x="88422" y="107946"/>
                    <a:pt x="88873" y="107620"/>
                    <a:pt x="89048" y="107394"/>
                  </a:cubicBezTo>
                  <a:cubicBezTo>
                    <a:pt x="89224" y="107119"/>
                    <a:pt x="89500" y="106542"/>
                    <a:pt x="89725" y="106266"/>
                  </a:cubicBezTo>
                  <a:cubicBezTo>
                    <a:pt x="89775" y="106216"/>
                    <a:pt x="89951" y="105991"/>
                    <a:pt x="90076" y="105916"/>
                  </a:cubicBezTo>
                  <a:cubicBezTo>
                    <a:pt x="90126" y="105865"/>
                    <a:pt x="90352" y="105865"/>
                    <a:pt x="90452" y="105815"/>
                  </a:cubicBezTo>
                  <a:cubicBezTo>
                    <a:pt x="90627" y="105765"/>
                    <a:pt x="90928" y="105640"/>
                    <a:pt x="91028" y="105540"/>
                  </a:cubicBezTo>
                  <a:cubicBezTo>
                    <a:pt x="91154" y="105414"/>
                    <a:pt x="91304" y="105189"/>
                    <a:pt x="91429" y="105089"/>
                  </a:cubicBezTo>
                  <a:cubicBezTo>
                    <a:pt x="91480" y="105013"/>
                    <a:pt x="91705" y="104863"/>
                    <a:pt x="91830" y="104738"/>
                  </a:cubicBezTo>
                  <a:cubicBezTo>
                    <a:pt x="91931" y="104637"/>
                    <a:pt x="92106" y="104462"/>
                    <a:pt x="92106" y="104337"/>
                  </a:cubicBezTo>
                  <a:cubicBezTo>
                    <a:pt x="92156" y="104236"/>
                    <a:pt x="92156" y="104061"/>
                    <a:pt x="92106" y="103961"/>
                  </a:cubicBezTo>
                  <a:cubicBezTo>
                    <a:pt x="92106" y="103835"/>
                    <a:pt x="91981" y="103610"/>
                    <a:pt x="91981" y="103459"/>
                  </a:cubicBezTo>
                  <a:cubicBezTo>
                    <a:pt x="91981" y="103384"/>
                    <a:pt x="91931" y="103234"/>
                    <a:pt x="91931" y="103159"/>
                  </a:cubicBezTo>
                  <a:cubicBezTo>
                    <a:pt x="91931" y="103058"/>
                    <a:pt x="91881" y="102833"/>
                    <a:pt x="91830" y="102657"/>
                  </a:cubicBezTo>
                  <a:cubicBezTo>
                    <a:pt x="91830" y="102557"/>
                    <a:pt x="91705" y="102332"/>
                    <a:pt x="91705" y="102206"/>
                  </a:cubicBezTo>
                  <a:cubicBezTo>
                    <a:pt x="91655" y="102031"/>
                    <a:pt x="91705" y="101655"/>
                    <a:pt x="91655" y="101479"/>
                  </a:cubicBezTo>
                  <a:cubicBezTo>
                    <a:pt x="91655" y="101354"/>
                    <a:pt x="91480" y="101204"/>
                    <a:pt x="91429" y="101078"/>
                  </a:cubicBezTo>
                  <a:cubicBezTo>
                    <a:pt x="91429" y="101028"/>
                    <a:pt x="91480" y="100903"/>
                    <a:pt x="91530" y="100853"/>
                  </a:cubicBezTo>
                  <a:lnTo>
                    <a:pt x="91530" y="100627"/>
                  </a:lnTo>
                  <a:cubicBezTo>
                    <a:pt x="91530" y="100577"/>
                    <a:pt x="91655" y="100402"/>
                    <a:pt x="91655" y="100352"/>
                  </a:cubicBezTo>
                  <a:cubicBezTo>
                    <a:pt x="91705" y="100302"/>
                    <a:pt x="91705" y="100076"/>
                    <a:pt x="91705" y="99951"/>
                  </a:cubicBezTo>
                  <a:cubicBezTo>
                    <a:pt x="91755" y="99901"/>
                    <a:pt x="91881" y="99725"/>
                    <a:pt x="91931" y="99625"/>
                  </a:cubicBezTo>
                  <a:cubicBezTo>
                    <a:pt x="92056" y="99500"/>
                    <a:pt x="92282" y="99224"/>
                    <a:pt x="92432" y="99099"/>
                  </a:cubicBezTo>
                  <a:cubicBezTo>
                    <a:pt x="92658" y="98873"/>
                    <a:pt x="93184" y="98547"/>
                    <a:pt x="93460" y="98372"/>
                  </a:cubicBezTo>
                  <a:cubicBezTo>
                    <a:pt x="93685" y="98271"/>
                    <a:pt x="94312" y="98096"/>
                    <a:pt x="94587" y="97971"/>
                  </a:cubicBezTo>
                  <a:cubicBezTo>
                    <a:pt x="94637" y="97971"/>
                    <a:pt x="94813" y="97921"/>
                    <a:pt x="94863" y="97921"/>
                  </a:cubicBezTo>
                  <a:lnTo>
                    <a:pt x="95314" y="97921"/>
                  </a:lnTo>
                  <a:cubicBezTo>
                    <a:pt x="95364" y="97870"/>
                    <a:pt x="95490" y="97820"/>
                    <a:pt x="95540" y="97820"/>
                  </a:cubicBezTo>
                  <a:cubicBezTo>
                    <a:pt x="95590" y="97820"/>
                    <a:pt x="95665" y="97870"/>
                    <a:pt x="95665" y="97921"/>
                  </a:cubicBezTo>
                  <a:cubicBezTo>
                    <a:pt x="95715" y="97921"/>
                    <a:pt x="95715" y="98046"/>
                    <a:pt x="95715" y="98096"/>
                  </a:cubicBezTo>
                  <a:cubicBezTo>
                    <a:pt x="95765" y="98146"/>
                    <a:pt x="95891" y="98322"/>
                    <a:pt x="95941" y="98322"/>
                  </a:cubicBezTo>
                  <a:cubicBezTo>
                    <a:pt x="95991" y="98322"/>
                    <a:pt x="96041" y="98271"/>
                    <a:pt x="96041" y="98196"/>
                  </a:cubicBezTo>
                  <a:cubicBezTo>
                    <a:pt x="96041" y="98146"/>
                    <a:pt x="95991" y="98096"/>
                    <a:pt x="96041" y="98046"/>
                  </a:cubicBezTo>
                  <a:lnTo>
                    <a:pt x="96166" y="98046"/>
                  </a:lnTo>
                  <a:cubicBezTo>
                    <a:pt x="96216" y="98046"/>
                    <a:pt x="96267" y="98046"/>
                    <a:pt x="96342" y="98096"/>
                  </a:cubicBezTo>
                  <a:cubicBezTo>
                    <a:pt x="96375" y="98096"/>
                    <a:pt x="96431" y="98074"/>
                    <a:pt x="96487" y="98074"/>
                  </a:cubicBezTo>
                  <a:cubicBezTo>
                    <a:pt x="96514" y="98074"/>
                    <a:pt x="96542" y="98079"/>
                    <a:pt x="96567" y="98096"/>
                  </a:cubicBezTo>
                  <a:cubicBezTo>
                    <a:pt x="96617" y="98096"/>
                    <a:pt x="96567" y="98196"/>
                    <a:pt x="96567" y="98196"/>
                  </a:cubicBezTo>
                  <a:cubicBezTo>
                    <a:pt x="96567" y="98271"/>
                    <a:pt x="96668" y="98271"/>
                    <a:pt x="96668" y="98271"/>
                  </a:cubicBezTo>
                  <a:cubicBezTo>
                    <a:pt x="96718" y="98271"/>
                    <a:pt x="96718" y="98146"/>
                    <a:pt x="96793" y="98096"/>
                  </a:cubicBezTo>
                  <a:cubicBezTo>
                    <a:pt x="96793" y="98096"/>
                    <a:pt x="96843" y="98046"/>
                    <a:pt x="96893" y="97971"/>
                  </a:cubicBezTo>
                  <a:cubicBezTo>
                    <a:pt x="96893" y="97971"/>
                    <a:pt x="96893" y="97820"/>
                    <a:pt x="96943" y="97745"/>
                  </a:cubicBezTo>
                  <a:cubicBezTo>
                    <a:pt x="96943" y="97695"/>
                    <a:pt x="97069" y="97595"/>
                    <a:pt x="97119" y="97520"/>
                  </a:cubicBezTo>
                  <a:cubicBezTo>
                    <a:pt x="97144" y="97494"/>
                    <a:pt x="97200" y="97494"/>
                    <a:pt x="97250" y="97494"/>
                  </a:cubicBezTo>
                  <a:cubicBezTo>
                    <a:pt x="97300" y="97494"/>
                    <a:pt x="97344" y="97494"/>
                    <a:pt x="97344" y="97469"/>
                  </a:cubicBezTo>
                  <a:cubicBezTo>
                    <a:pt x="97394" y="97369"/>
                    <a:pt x="97244" y="97244"/>
                    <a:pt x="97244" y="97194"/>
                  </a:cubicBezTo>
                  <a:lnTo>
                    <a:pt x="97244" y="96918"/>
                  </a:lnTo>
                  <a:cubicBezTo>
                    <a:pt x="97244" y="96793"/>
                    <a:pt x="97344" y="96692"/>
                    <a:pt x="97394" y="96617"/>
                  </a:cubicBezTo>
                  <a:cubicBezTo>
                    <a:pt x="97470" y="96567"/>
                    <a:pt x="97570" y="96567"/>
                    <a:pt x="97570" y="96567"/>
                  </a:cubicBezTo>
                  <a:cubicBezTo>
                    <a:pt x="97620" y="96517"/>
                    <a:pt x="97620" y="96392"/>
                    <a:pt x="97620" y="96342"/>
                  </a:cubicBezTo>
                  <a:lnTo>
                    <a:pt x="97520" y="96291"/>
                  </a:lnTo>
                  <a:cubicBezTo>
                    <a:pt x="97470" y="96291"/>
                    <a:pt x="97394" y="96467"/>
                    <a:pt x="97344" y="96467"/>
                  </a:cubicBezTo>
                  <a:cubicBezTo>
                    <a:pt x="97344" y="96467"/>
                    <a:pt x="97294" y="96342"/>
                    <a:pt x="97244" y="96342"/>
                  </a:cubicBezTo>
                  <a:cubicBezTo>
                    <a:pt x="97169" y="96291"/>
                    <a:pt x="97018" y="96241"/>
                    <a:pt x="96943" y="96166"/>
                  </a:cubicBezTo>
                  <a:cubicBezTo>
                    <a:pt x="96893" y="96066"/>
                    <a:pt x="96943" y="95890"/>
                    <a:pt x="96893" y="95840"/>
                  </a:cubicBezTo>
                  <a:cubicBezTo>
                    <a:pt x="96893" y="95740"/>
                    <a:pt x="96668" y="95665"/>
                    <a:pt x="96617" y="95565"/>
                  </a:cubicBezTo>
                  <a:cubicBezTo>
                    <a:pt x="96567" y="95439"/>
                    <a:pt x="96617" y="95214"/>
                    <a:pt x="96617" y="95164"/>
                  </a:cubicBezTo>
                  <a:cubicBezTo>
                    <a:pt x="96617" y="95063"/>
                    <a:pt x="96617" y="94938"/>
                    <a:pt x="96668" y="94888"/>
                  </a:cubicBezTo>
                  <a:cubicBezTo>
                    <a:pt x="96668" y="94763"/>
                    <a:pt x="96793" y="94612"/>
                    <a:pt x="96793" y="94537"/>
                  </a:cubicBezTo>
                  <a:cubicBezTo>
                    <a:pt x="96843" y="94437"/>
                    <a:pt x="96893" y="94261"/>
                    <a:pt x="96843" y="94161"/>
                  </a:cubicBezTo>
                  <a:cubicBezTo>
                    <a:pt x="96793" y="94086"/>
                    <a:pt x="96668" y="94086"/>
                    <a:pt x="96617" y="94036"/>
                  </a:cubicBezTo>
                  <a:cubicBezTo>
                    <a:pt x="96567" y="93986"/>
                    <a:pt x="96442" y="93760"/>
                    <a:pt x="96392" y="93635"/>
                  </a:cubicBezTo>
                  <a:cubicBezTo>
                    <a:pt x="96342" y="93535"/>
                    <a:pt x="96342" y="93259"/>
                    <a:pt x="96342" y="93083"/>
                  </a:cubicBezTo>
                  <a:cubicBezTo>
                    <a:pt x="96342" y="92958"/>
                    <a:pt x="96392" y="92733"/>
                    <a:pt x="96392" y="92632"/>
                  </a:cubicBezTo>
                  <a:cubicBezTo>
                    <a:pt x="96442" y="92507"/>
                    <a:pt x="96567" y="92281"/>
                    <a:pt x="96567" y="92181"/>
                  </a:cubicBezTo>
                  <a:cubicBezTo>
                    <a:pt x="96617" y="92131"/>
                    <a:pt x="96668" y="92006"/>
                    <a:pt x="96617" y="91956"/>
                  </a:cubicBezTo>
                  <a:lnTo>
                    <a:pt x="96442" y="91956"/>
                  </a:lnTo>
                  <a:cubicBezTo>
                    <a:pt x="96392" y="91905"/>
                    <a:pt x="96267" y="91905"/>
                    <a:pt x="96216" y="91905"/>
                  </a:cubicBezTo>
                  <a:cubicBezTo>
                    <a:pt x="96116" y="91830"/>
                    <a:pt x="95891" y="91730"/>
                    <a:pt x="95815" y="91680"/>
                  </a:cubicBezTo>
                  <a:cubicBezTo>
                    <a:pt x="95715" y="91605"/>
                    <a:pt x="95590" y="91379"/>
                    <a:pt x="95540" y="91279"/>
                  </a:cubicBezTo>
                  <a:cubicBezTo>
                    <a:pt x="95490" y="91229"/>
                    <a:pt x="95314" y="91053"/>
                    <a:pt x="95264" y="91003"/>
                  </a:cubicBezTo>
                  <a:lnTo>
                    <a:pt x="94988" y="91003"/>
                  </a:lnTo>
                  <a:cubicBezTo>
                    <a:pt x="94988" y="90928"/>
                    <a:pt x="94863" y="90878"/>
                    <a:pt x="94813" y="90828"/>
                  </a:cubicBezTo>
                  <a:cubicBezTo>
                    <a:pt x="94688" y="90778"/>
                    <a:pt x="94462" y="90702"/>
                    <a:pt x="94362" y="90652"/>
                  </a:cubicBezTo>
                  <a:cubicBezTo>
                    <a:pt x="94186" y="90602"/>
                    <a:pt x="93861" y="90427"/>
                    <a:pt x="93685" y="90327"/>
                  </a:cubicBezTo>
                  <a:cubicBezTo>
                    <a:pt x="93560" y="90201"/>
                    <a:pt x="93409" y="89875"/>
                    <a:pt x="93234" y="89750"/>
                  </a:cubicBezTo>
                  <a:cubicBezTo>
                    <a:pt x="93109" y="89700"/>
                    <a:pt x="92883" y="89525"/>
                    <a:pt x="92783" y="89525"/>
                  </a:cubicBezTo>
                  <a:cubicBezTo>
                    <a:pt x="92658" y="89525"/>
                    <a:pt x="92507" y="89575"/>
                    <a:pt x="92382" y="89575"/>
                  </a:cubicBezTo>
                  <a:cubicBezTo>
                    <a:pt x="92332" y="89575"/>
                    <a:pt x="92206" y="89525"/>
                    <a:pt x="92156" y="89525"/>
                  </a:cubicBezTo>
                  <a:cubicBezTo>
                    <a:pt x="92106" y="89575"/>
                    <a:pt x="91981" y="89650"/>
                    <a:pt x="91881" y="89650"/>
                  </a:cubicBezTo>
                  <a:cubicBezTo>
                    <a:pt x="91755" y="89700"/>
                    <a:pt x="91429" y="89700"/>
                    <a:pt x="91254" y="89700"/>
                  </a:cubicBezTo>
                  <a:cubicBezTo>
                    <a:pt x="91079" y="89650"/>
                    <a:pt x="90853" y="89349"/>
                    <a:pt x="90678" y="89249"/>
                  </a:cubicBezTo>
                  <a:cubicBezTo>
                    <a:pt x="90627" y="89199"/>
                    <a:pt x="90452" y="89124"/>
                    <a:pt x="90402" y="89073"/>
                  </a:cubicBezTo>
                  <a:cubicBezTo>
                    <a:pt x="90352" y="88973"/>
                    <a:pt x="90402" y="88672"/>
                    <a:pt x="90402" y="88522"/>
                  </a:cubicBezTo>
                  <a:cubicBezTo>
                    <a:pt x="90352" y="88347"/>
                    <a:pt x="89951" y="88121"/>
                    <a:pt x="89901" y="87895"/>
                  </a:cubicBezTo>
                  <a:cubicBezTo>
                    <a:pt x="89901" y="87720"/>
                    <a:pt x="89901" y="87344"/>
                    <a:pt x="89951" y="87169"/>
                  </a:cubicBezTo>
                  <a:cubicBezTo>
                    <a:pt x="90001" y="86993"/>
                    <a:pt x="90302" y="86818"/>
                    <a:pt x="90402" y="86717"/>
                  </a:cubicBezTo>
                  <a:cubicBezTo>
                    <a:pt x="90452" y="86592"/>
                    <a:pt x="90627" y="86367"/>
                    <a:pt x="90678" y="86266"/>
                  </a:cubicBezTo>
                  <a:cubicBezTo>
                    <a:pt x="90753" y="86141"/>
                    <a:pt x="90753" y="85815"/>
                    <a:pt x="90803" y="85690"/>
                  </a:cubicBezTo>
                  <a:cubicBezTo>
                    <a:pt x="90853" y="85640"/>
                    <a:pt x="91028" y="85540"/>
                    <a:pt x="91028" y="85414"/>
                  </a:cubicBezTo>
                  <a:cubicBezTo>
                    <a:pt x="91028" y="85364"/>
                    <a:pt x="90928" y="85314"/>
                    <a:pt x="90853" y="85239"/>
                  </a:cubicBezTo>
                  <a:cubicBezTo>
                    <a:pt x="90853" y="85189"/>
                    <a:pt x="90853" y="85013"/>
                    <a:pt x="90803" y="84963"/>
                  </a:cubicBezTo>
                  <a:cubicBezTo>
                    <a:pt x="90803" y="84863"/>
                    <a:pt x="90678" y="84738"/>
                    <a:pt x="90627" y="84637"/>
                  </a:cubicBezTo>
                  <a:cubicBezTo>
                    <a:pt x="90627" y="84512"/>
                    <a:pt x="90577" y="84236"/>
                    <a:pt x="90627" y="84061"/>
                  </a:cubicBezTo>
                  <a:cubicBezTo>
                    <a:pt x="90627" y="84011"/>
                    <a:pt x="90803" y="83835"/>
                    <a:pt x="90853" y="83785"/>
                  </a:cubicBezTo>
                  <a:cubicBezTo>
                    <a:pt x="90853" y="83735"/>
                    <a:pt x="90903" y="83660"/>
                    <a:pt x="90903" y="83610"/>
                  </a:cubicBezTo>
                  <a:lnTo>
                    <a:pt x="90928" y="83610"/>
                  </a:lnTo>
                  <a:cubicBezTo>
                    <a:pt x="90978" y="83560"/>
                    <a:pt x="90978" y="83560"/>
                    <a:pt x="90978" y="83509"/>
                  </a:cubicBezTo>
                  <a:cubicBezTo>
                    <a:pt x="91028" y="83459"/>
                    <a:pt x="91204" y="83284"/>
                    <a:pt x="91254" y="83159"/>
                  </a:cubicBezTo>
                  <a:cubicBezTo>
                    <a:pt x="91379" y="83058"/>
                    <a:pt x="91480" y="82833"/>
                    <a:pt x="91605" y="82657"/>
                  </a:cubicBezTo>
                  <a:cubicBezTo>
                    <a:pt x="91605" y="82607"/>
                    <a:pt x="91705" y="82432"/>
                    <a:pt x="91780" y="82382"/>
                  </a:cubicBezTo>
                  <a:cubicBezTo>
                    <a:pt x="91780" y="82332"/>
                    <a:pt x="91830" y="82332"/>
                    <a:pt x="91830" y="82256"/>
                  </a:cubicBezTo>
                  <a:cubicBezTo>
                    <a:pt x="91881" y="82206"/>
                    <a:pt x="91780" y="82031"/>
                    <a:pt x="91830" y="81931"/>
                  </a:cubicBezTo>
                  <a:cubicBezTo>
                    <a:pt x="91830" y="81805"/>
                    <a:pt x="92006" y="81655"/>
                    <a:pt x="92056" y="81529"/>
                  </a:cubicBezTo>
                  <a:cubicBezTo>
                    <a:pt x="92106" y="81429"/>
                    <a:pt x="92106" y="81078"/>
                    <a:pt x="92156" y="80978"/>
                  </a:cubicBezTo>
                  <a:cubicBezTo>
                    <a:pt x="92231" y="80853"/>
                    <a:pt x="92382" y="80753"/>
                    <a:pt x="92457" y="80702"/>
                  </a:cubicBezTo>
                  <a:cubicBezTo>
                    <a:pt x="92507" y="80627"/>
                    <a:pt x="92607" y="80402"/>
                    <a:pt x="92683" y="80301"/>
                  </a:cubicBezTo>
                  <a:cubicBezTo>
                    <a:pt x="92733" y="80176"/>
                    <a:pt x="92908" y="79900"/>
                    <a:pt x="93008" y="79675"/>
                  </a:cubicBezTo>
                  <a:cubicBezTo>
                    <a:pt x="93008" y="79675"/>
                    <a:pt x="93008" y="79675"/>
                    <a:pt x="93008" y="79650"/>
                  </a:cubicBezTo>
                  <a:cubicBezTo>
                    <a:pt x="93059" y="79550"/>
                    <a:pt x="93109" y="79499"/>
                    <a:pt x="93159" y="79424"/>
                  </a:cubicBezTo>
                  <a:cubicBezTo>
                    <a:pt x="93284" y="79199"/>
                    <a:pt x="93560" y="78823"/>
                    <a:pt x="93785" y="78697"/>
                  </a:cubicBezTo>
                  <a:cubicBezTo>
                    <a:pt x="93886" y="78597"/>
                    <a:pt x="94186" y="78422"/>
                    <a:pt x="94337" y="78372"/>
                  </a:cubicBezTo>
                  <a:cubicBezTo>
                    <a:pt x="94512" y="78296"/>
                    <a:pt x="94863" y="78246"/>
                    <a:pt x="94963" y="78246"/>
                  </a:cubicBezTo>
                  <a:cubicBezTo>
                    <a:pt x="95089" y="78246"/>
                    <a:pt x="95364" y="78246"/>
                    <a:pt x="95414" y="78296"/>
                  </a:cubicBezTo>
                  <a:cubicBezTo>
                    <a:pt x="95465" y="78372"/>
                    <a:pt x="95465" y="78597"/>
                    <a:pt x="95540" y="78647"/>
                  </a:cubicBezTo>
                  <a:cubicBezTo>
                    <a:pt x="95590" y="78672"/>
                    <a:pt x="95659" y="78685"/>
                    <a:pt x="95721" y="78685"/>
                  </a:cubicBezTo>
                  <a:cubicBezTo>
                    <a:pt x="95784" y="78685"/>
                    <a:pt x="95841" y="78672"/>
                    <a:pt x="95866" y="78647"/>
                  </a:cubicBezTo>
                  <a:cubicBezTo>
                    <a:pt x="95916" y="78597"/>
                    <a:pt x="96041" y="78472"/>
                    <a:pt x="96091" y="78422"/>
                  </a:cubicBezTo>
                  <a:cubicBezTo>
                    <a:pt x="96141" y="78422"/>
                    <a:pt x="96216" y="78296"/>
                    <a:pt x="96267" y="78296"/>
                  </a:cubicBezTo>
                  <a:cubicBezTo>
                    <a:pt x="96284" y="78288"/>
                    <a:pt x="96304" y="78284"/>
                    <a:pt x="96326" y="78284"/>
                  </a:cubicBezTo>
                  <a:cubicBezTo>
                    <a:pt x="96397" y="78284"/>
                    <a:pt x="96487" y="78321"/>
                    <a:pt x="96569" y="78321"/>
                  </a:cubicBezTo>
                  <a:cubicBezTo>
                    <a:pt x="96604" y="78321"/>
                    <a:pt x="96637" y="78315"/>
                    <a:pt x="96668" y="78296"/>
                  </a:cubicBezTo>
                  <a:cubicBezTo>
                    <a:pt x="96718" y="78296"/>
                    <a:pt x="96818" y="78246"/>
                    <a:pt x="96893" y="78246"/>
                  </a:cubicBezTo>
                  <a:cubicBezTo>
                    <a:pt x="96943" y="78296"/>
                    <a:pt x="96993" y="78472"/>
                    <a:pt x="96993" y="78522"/>
                  </a:cubicBezTo>
                  <a:cubicBezTo>
                    <a:pt x="96993" y="78597"/>
                    <a:pt x="96943" y="78697"/>
                    <a:pt x="96943" y="78748"/>
                  </a:cubicBezTo>
                  <a:lnTo>
                    <a:pt x="96668" y="78748"/>
                  </a:lnTo>
                  <a:cubicBezTo>
                    <a:pt x="96637" y="78766"/>
                    <a:pt x="96601" y="78772"/>
                    <a:pt x="96563" y="78772"/>
                  </a:cubicBezTo>
                  <a:cubicBezTo>
                    <a:pt x="96471" y="78772"/>
                    <a:pt x="96368" y="78735"/>
                    <a:pt x="96308" y="78735"/>
                  </a:cubicBezTo>
                  <a:cubicBezTo>
                    <a:pt x="96290" y="78735"/>
                    <a:pt x="96275" y="78739"/>
                    <a:pt x="96267" y="78748"/>
                  </a:cubicBezTo>
                  <a:cubicBezTo>
                    <a:pt x="96216" y="78748"/>
                    <a:pt x="96141" y="78873"/>
                    <a:pt x="96141" y="78923"/>
                  </a:cubicBezTo>
                  <a:cubicBezTo>
                    <a:pt x="96141" y="78973"/>
                    <a:pt x="96216" y="79098"/>
                    <a:pt x="96216" y="79149"/>
                  </a:cubicBezTo>
                  <a:lnTo>
                    <a:pt x="96216" y="79274"/>
                  </a:lnTo>
                  <a:cubicBezTo>
                    <a:pt x="96141" y="79324"/>
                    <a:pt x="95916" y="79324"/>
                    <a:pt x="95866" y="79374"/>
                  </a:cubicBezTo>
                  <a:lnTo>
                    <a:pt x="95866" y="79499"/>
                  </a:lnTo>
                  <a:cubicBezTo>
                    <a:pt x="95866" y="79550"/>
                    <a:pt x="95866" y="79725"/>
                    <a:pt x="95916" y="79775"/>
                  </a:cubicBezTo>
                  <a:cubicBezTo>
                    <a:pt x="95991" y="79775"/>
                    <a:pt x="96041" y="79650"/>
                    <a:pt x="96091" y="79650"/>
                  </a:cubicBezTo>
                  <a:cubicBezTo>
                    <a:pt x="96116" y="79625"/>
                    <a:pt x="96173" y="79612"/>
                    <a:pt x="96238" y="79612"/>
                  </a:cubicBezTo>
                  <a:cubicBezTo>
                    <a:pt x="96304" y="79612"/>
                    <a:pt x="96379" y="79625"/>
                    <a:pt x="96442" y="79650"/>
                  </a:cubicBezTo>
                  <a:cubicBezTo>
                    <a:pt x="96542" y="79650"/>
                    <a:pt x="96768" y="79825"/>
                    <a:pt x="96893" y="79875"/>
                  </a:cubicBezTo>
                  <a:cubicBezTo>
                    <a:pt x="96960" y="79875"/>
                    <a:pt x="97060" y="79853"/>
                    <a:pt x="97134" y="79853"/>
                  </a:cubicBezTo>
                  <a:cubicBezTo>
                    <a:pt x="97172" y="79853"/>
                    <a:pt x="97202" y="79859"/>
                    <a:pt x="97219" y="79875"/>
                  </a:cubicBezTo>
                  <a:cubicBezTo>
                    <a:pt x="97344" y="79875"/>
                    <a:pt x="97570" y="80051"/>
                    <a:pt x="97670" y="80101"/>
                  </a:cubicBezTo>
                  <a:cubicBezTo>
                    <a:pt x="97720" y="80176"/>
                    <a:pt x="97846" y="80276"/>
                    <a:pt x="97896" y="80276"/>
                  </a:cubicBezTo>
                  <a:cubicBezTo>
                    <a:pt x="97929" y="80276"/>
                    <a:pt x="97996" y="80254"/>
                    <a:pt x="98066" y="80254"/>
                  </a:cubicBezTo>
                  <a:cubicBezTo>
                    <a:pt x="98102" y="80254"/>
                    <a:pt x="98138" y="80260"/>
                    <a:pt x="98171" y="80276"/>
                  </a:cubicBezTo>
                  <a:cubicBezTo>
                    <a:pt x="98247" y="80276"/>
                    <a:pt x="98347" y="80452"/>
                    <a:pt x="98397" y="80502"/>
                  </a:cubicBezTo>
                  <a:cubicBezTo>
                    <a:pt x="98447" y="80502"/>
                    <a:pt x="98531" y="80480"/>
                    <a:pt x="98603" y="80480"/>
                  </a:cubicBezTo>
                  <a:cubicBezTo>
                    <a:pt x="98639" y="80480"/>
                    <a:pt x="98673" y="80485"/>
                    <a:pt x="98698" y="80502"/>
                  </a:cubicBezTo>
                  <a:cubicBezTo>
                    <a:pt x="98748" y="80502"/>
                    <a:pt x="98848" y="80627"/>
                    <a:pt x="98923" y="80677"/>
                  </a:cubicBezTo>
                  <a:cubicBezTo>
                    <a:pt x="98973" y="80677"/>
                    <a:pt x="99074" y="80627"/>
                    <a:pt x="99149" y="80552"/>
                  </a:cubicBezTo>
                  <a:cubicBezTo>
                    <a:pt x="99216" y="80552"/>
                    <a:pt x="99394" y="80585"/>
                    <a:pt x="99535" y="80585"/>
                  </a:cubicBezTo>
                  <a:cubicBezTo>
                    <a:pt x="99605" y="80585"/>
                    <a:pt x="99667" y="80577"/>
                    <a:pt x="99700" y="80552"/>
                  </a:cubicBezTo>
                  <a:cubicBezTo>
                    <a:pt x="99750" y="80552"/>
                    <a:pt x="99876" y="80502"/>
                    <a:pt x="99926" y="80452"/>
                  </a:cubicBezTo>
                  <a:lnTo>
                    <a:pt x="100502" y="80452"/>
                  </a:lnTo>
                  <a:cubicBezTo>
                    <a:pt x="100552" y="80402"/>
                    <a:pt x="100728" y="80326"/>
                    <a:pt x="100778" y="80326"/>
                  </a:cubicBezTo>
                  <a:cubicBezTo>
                    <a:pt x="100828" y="80326"/>
                    <a:pt x="100953" y="80452"/>
                    <a:pt x="101003" y="80452"/>
                  </a:cubicBezTo>
                  <a:cubicBezTo>
                    <a:pt x="101037" y="80469"/>
                    <a:pt x="101093" y="80474"/>
                    <a:pt x="101158" y="80474"/>
                  </a:cubicBezTo>
                  <a:cubicBezTo>
                    <a:pt x="101287" y="80474"/>
                    <a:pt x="101455" y="80452"/>
                    <a:pt x="101555" y="80452"/>
                  </a:cubicBezTo>
                  <a:cubicBezTo>
                    <a:pt x="101652" y="80491"/>
                    <a:pt x="101811" y="80575"/>
                    <a:pt x="101924" y="80575"/>
                  </a:cubicBezTo>
                  <a:cubicBezTo>
                    <a:pt x="101955" y="80575"/>
                    <a:pt x="101984" y="80569"/>
                    <a:pt x="102006" y="80552"/>
                  </a:cubicBezTo>
                  <a:cubicBezTo>
                    <a:pt x="102081" y="80552"/>
                    <a:pt x="102131" y="80452"/>
                    <a:pt x="102181" y="80452"/>
                  </a:cubicBezTo>
                  <a:cubicBezTo>
                    <a:pt x="102232" y="80502"/>
                    <a:pt x="102232" y="80677"/>
                    <a:pt x="102307" y="80677"/>
                  </a:cubicBezTo>
                  <a:cubicBezTo>
                    <a:pt x="102357" y="80727"/>
                    <a:pt x="102582" y="80677"/>
                    <a:pt x="102633" y="80778"/>
                  </a:cubicBezTo>
                  <a:cubicBezTo>
                    <a:pt x="102633" y="80778"/>
                    <a:pt x="102582" y="80828"/>
                    <a:pt x="102582" y="80903"/>
                  </a:cubicBezTo>
                  <a:cubicBezTo>
                    <a:pt x="102582" y="81003"/>
                    <a:pt x="102683" y="81128"/>
                    <a:pt x="102758" y="81229"/>
                  </a:cubicBezTo>
                  <a:cubicBezTo>
                    <a:pt x="102758" y="81354"/>
                    <a:pt x="102808" y="81504"/>
                    <a:pt x="102808" y="81630"/>
                  </a:cubicBezTo>
                  <a:cubicBezTo>
                    <a:pt x="102808" y="81680"/>
                    <a:pt x="102758" y="81905"/>
                    <a:pt x="102808" y="81956"/>
                  </a:cubicBezTo>
                  <a:cubicBezTo>
                    <a:pt x="102820" y="81973"/>
                    <a:pt x="102835" y="81980"/>
                    <a:pt x="102853" y="81980"/>
                  </a:cubicBezTo>
                  <a:cubicBezTo>
                    <a:pt x="102912" y="81980"/>
                    <a:pt x="102995" y="81905"/>
                    <a:pt x="103034" y="81905"/>
                  </a:cubicBezTo>
                  <a:cubicBezTo>
                    <a:pt x="103084" y="81905"/>
                    <a:pt x="103209" y="81956"/>
                    <a:pt x="103259" y="82031"/>
                  </a:cubicBezTo>
                  <a:cubicBezTo>
                    <a:pt x="103309" y="82081"/>
                    <a:pt x="103359" y="82256"/>
                    <a:pt x="103359" y="82357"/>
                  </a:cubicBezTo>
                  <a:cubicBezTo>
                    <a:pt x="103435" y="82482"/>
                    <a:pt x="103585" y="82707"/>
                    <a:pt x="103585" y="82808"/>
                  </a:cubicBezTo>
                  <a:cubicBezTo>
                    <a:pt x="103635" y="82933"/>
                    <a:pt x="103585" y="83159"/>
                    <a:pt x="103585" y="83259"/>
                  </a:cubicBezTo>
                  <a:cubicBezTo>
                    <a:pt x="103585" y="83309"/>
                    <a:pt x="103710" y="83434"/>
                    <a:pt x="103710" y="83484"/>
                  </a:cubicBezTo>
                  <a:cubicBezTo>
                    <a:pt x="103760" y="83610"/>
                    <a:pt x="103810" y="83760"/>
                    <a:pt x="103760" y="83835"/>
                  </a:cubicBezTo>
                  <a:cubicBezTo>
                    <a:pt x="103735" y="83860"/>
                    <a:pt x="103691" y="83860"/>
                    <a:pt x="103654" y="83860"/>
                  </a:cubicBezTo>
                  <a:cubicBezTo>
                    <a:pt x="103616" y="83860"/>
                    <a:pt x="103585" y="83860"/>
                    <a:pt x="103585" y="83885"/>
                  </a:cubicBezTo>
                  <a:cubicBezTo>
                    <a:pt x="103535" y="83936"/>
                    <a:pt x="103710" y="84111"/>
                    <a:pt x="103760" y="84161"/>
                  </a:cubicBezTo>
                  <a:cubicBezTo>
                    <a:pt x="103810" y="84211"/>
                    <a:pt x="103936" y="84211"/>
                    <a:pt x="103986" y="84286"/>
                  </a:cubicBezTo>
                  <a:cubicBezTo>
                    <a:pt x="103986" y="84286"/>
                    <a:pt x="103986" y="84437"/>
                    <a:pt x="104036" y="84437"/>
                  </a:cubicBezTo>
                  <a:cubicBezTo>
                    <a:pt x="104086" y="84612"/>
                    <a:pt x="104387" y="84838"/>
                    <a:pt x="104487" y="84963"/>
                  </a:cubicBezTo>
                  <a:cubicBezTo>
                    <a:pt x="104612" y="85013"/>
                    <a:pt x="104713" y="85063"/>
                    <a:pt x="104838" y="85063"/>
                  </a:cubicBezTo>
                  <a:cubicBezTo>
                    <a:pt x="104938" y="85113"/>
                    <a:pt x="105164" y="85239"/>
                    <a:pt x="105289" y="85339"/>
                  </a:cubicBezTo>
                  <a:cubicBezTo>
                    <a:pt x="105389" y="85389"/>
                    <a:pt x="105565" y="85690"/>
                    <a:pt x="105665" y="85740"/>
                  </a:cubicBezTo>
                  <a:cubicBezTo>
                    <a:pt x="105740" y="85740"/>
                    <a:pt x="105790" y="85615"/>
                    <a:pt x="105841" y="85615"/>
                  </a:cubicBezTo>
                  <a:cubicBezTo>
                    <a:pt x="105929" y="85579"/>
                    <a:pt x="106093" y="85544"/>
                    <a:pt x="106217" y="85544"/>
                  </a:cubicBezTo>
                  <a:cubicBezTo>
                    <a:pt x="106268" y="85544"/>
                    <a:pt x="106312" y="85550"/>
                    <a:pt x="106342" y="85565"/>
                  </a:cubicBezTo>
                  <a:cubicBezTo>
                    <a:pt x="106417" y="85565"/>
                    <a:pt x="106567" y="85615"/>
                    <a:pt x="106643" y="85690"/>
                  </a:cubicBezTo>
                  <a:cubicBezTo>
                    <a:pt x="106743" y="85740"/>
                    <a:pt x="106868" y="85966"/>
                    <a:pt x="106918" y="86016"/>
                  </a:cubicBezTo>
                  <a:cubicBezTo>
                    <a:pt x="106968" y="86066"/>
                    <a:pt x="107144" y="86066"/>
                    <a:pt x="107194" y="86141"/>
                  </a:cubicBezTo>
                  <a:cubicBezTo>
                    <a:pt x="107244" y="86141"/>
                    <a:pt x="107369" y="86066"/>
                    <a:pt x="107420" y="86066"/>
                  </a:cubicBezTo>
                  <a:cubicBezTo>
                    <a:pt x="107545" y="85966"/>
                    <a:pt x="107545" y="85740"/>
                    <a:pt x="107545" y="85615"/>
                  </a:cubicBezTo>
                  <a:cubicBezTo>
                    <a:pt x="107545" y="85514"/>
                    <a:pt x="107470" y="85339"/>
                    <a:pt x="107470" y="85239"/>
                  </a:cubicBezTo>
                  <a:cubicBezTo>
                    <a:pt x="107470" y="85113"/>
                    <a:pt x="107545" y="84838"/>
                    <a:pt x="107545" y="84738"/>
                  </a:cubicBezTo>
                  <a:cubicBezTo>
                    <a:pt x="107470" y="84612"/>
                    <a:pt x="107369" y="84512"/>
                    <a:pt x="107369" y="84387"/>
                  </a:cubicBezTo>
                  <a:cubicBezTo>
                    <a:pt x="107319" y="84337"/>
                    <a:pt x="107369" y="84111"/>
                    <a:pt x="107420" y="83986"/>
                  </a:cubicBezTo>
                  <a:cubicBezTo>
                    <a:pt x="107420" y="83885"/>
                    <a:pt x="107420" y="83610"/>
                    <a:pt x="107470" y="83484"/>
                  </a:cubicBezTo>
                  <a:cubicBezTo>
                    <a:pt x="107545" y="83434"/>
                    <a:pt x="107770" y="83434"/>
                    <a:pt x="107821" y="83384"/>
                  </a:cubicBezTo>
                  <a:cubicBezTo>
                    <a:pt x="107821" y="83259"/>
                    <a:pt x="107770" y="83159"/>
                    <a:pt x="107821" y="83083"/>
                  </a:cubicBezTo>
                  <a:cubicBezTo>
                    <a:pt x="107821" y="83033"/>
                    <a:pt x="107921" y="82933"/>
                    <a:pt x="107921" y="82858"/>
                  </a:cubicBezTo>
                  <a:cubicBezTo>
                    <a:pt x="107996" y="82758"/>
                    <a:pt x="107996" y="82482"/>
                    <a:pt x="108046" y="82357"/>
                  </a:cubicBezTo>
                  <a:cubicBezTo>
                    <a:pt x="108096" y="82306"/>
                    <a:pt x="108272" y="82181"/>
                    <a:pt x="108322" y="82081"/>
                  </a:cubicBezTo>
                  <a:cubicBezTo>
                    <a:pt x="108322" y="81956"/>
                    <a:pt x="108322" y="81730"/>
                    <a:pt x="108272" y="81630"/>
                  </a:cubicBezTo>
                  <a:cubicBezTo>
                    <a:pt x="108222" y="81504"/>
                    <a:pt x="108046" y="81404"/>
                    <a:pt x="107996" y="81354"/>
                  </a:cubicBezTo>
                  <a:lnTo>
                    <a:pt x="107770" y="80903"/>
                  </a:lnTo>
                  <a:lnTo>
                    <a:pt x="107770" y="80452"/>
                  </a:lnTo>
                  <a:cubicBezTo>
                    <a:pt x="107695" y="80276"/>
                    <a:pt x="107470" y="80051"/>
                    <a:pt x="107369" y="79951"/>
                  </a:cubicBezTo>
                  <a:cubicBezTo>
                    <a:pt x="107319" y="79875"/>
                    <a:pt x="107144" y="79775"/>
                    <a:pt x="107094" y="79725"/>
                  </a:cubicBezTo>
                  <a:cubicBezTo>
                    <a:pt x="106968" y="79600"/>
                    <a:pt x="106793" y="79324"/>
                    <a:pt x="106693" y="79199"/>
                  </a:cubicBezTo>
                  <a:cubicBezTo>
                    <a:pt x="106517" y="79098"/>
                    <a:pt x="106191" y="78823"/>
                    <a:pt x="106016" y="78647"/>
                  </a:cubicBezTo>
                  <a:cubicBezTo>
                    <a:pt x="105891" y="78522"/>
                    <a:pt x="105615" y="78246"/>
                    <a:pt x="105515" y="78196"/>
                  </a:cubicBezTo>
                  <a:cubicBezTo>
                    <a:pt x="105289" y="78021"/>
                    <a:pt x="104888" y="77920"/>
                    <a:pt x="104713" y="77795"/>
                  </a:cubicBezTo>
                  <a:cubicBezTo>
                    <a:pt x="104487" y="77745"/>
                    <a:pt x="104161" y="77469"/>
                    <a:pt x="104036" y="77344"/>
                  </a:cubicBezTo>
                  <a:cubicBezTo>
                    <a:pt x="103986" y="77294"/>
                    <a:pt x="103861" y="77118"/>
                    <a:pt x="103810" y="77068"/>
                  </a:cubicBezTo>
                  <a:cubicBezTo>
                    <a:pt x="103710" y="77018"/>
                    <a:pt x="103359" y="76943"/>
                    <a:pt x="103309" y="76843"/>
                  </a:cubicBezTo>
                  <a:cubicBezTo>
                    <a:pt x="103259" y="76717"/>
                    <a:pt x="103359" y="76517"/>
                    <a:pt x="103359" y="76442"/>
                  </a:cubicBezTo>
                  <a:cubicBezTo>
                    <a:pt x="103309" y="76341"/>
                    <a:pt x="103134" y="76291"/>
                    <a:pt x="103084" y="76166"/>
                  </a:cubicBezTo>
                  <a:cubicBezTo>
                    <a:pt x="103084" y="76116"/>
                    <a:pt x="103134" y="75940"/>
                    <a:pt x="103084" y="75940"/>
                  </a:cubicBezTo>
                  <a:cubicBezTo>
                    <a:pt x="103069" y="75926"/>
                    <a:pt x="103044" y="75920"/>
                    <a:pt x="103014" y="75920"/>
                  </a:cubicBezTo>
                  <a:cubicBezTo>
                    <a:pt x="102942" y="75920"/>
                    <a:pt x="102843" y="75955"/>
                    <a:pt x="102808" y="75991"/>
                  </a:cubicBezTo>
                  <a:cubicBezTo>
                    <a:pt x="102758" y="75991"/>
                    <a:pt x="102633" y="76116"/>
                    <a:pt x="102582" y="76116"/>
                  </a:cubicBezTo>
                  <a:cubicBezTo>
                    <a:pt x="102532" y="76116"/>
                    <a:pt x="102457" y="75991"/>
                    <a:pt x="102457" y="75940"/>
                  </a:cubicBezTo>
                  <a:cubicBezTo>
                    <a:pt x="102457" y="75890"/>
                    <a:pt x="102582" y="75840"/>
                    <a:pt x="102582" y="75765"/>
                  </a:cubicBezTo>
                  <a:cubicBezTo>
                    <a:pt x="102633" y="75715"/>
                    <a:pt x="102633" y="75615"/>
                    <a:pt x="102582" y="75539"/>
                  </a:cubicBezTo>
                  <a:cubicBezTo>
                    <a:pt x="102457" y="75489"/>
                    <a:pt x="102181" y="75489"/>
                    <a:pt x="102081" y="75489"/>
                  </a:cubicBezTo>
                  <a:cubicBezTo>
                    <a:pt x="101956" y="75489"/>
                    <a:pt x="101680" y="75539"/>
                    <a:pt x="101555" y="75539"/>
                  </a:cubicBezTo>
                  <a:cubicBezTo>
                    <a:pt x="101455" y="75489"/>
                    <a:pt x="101179" y="75389"/>
                    <a:pt x="101054" y="75314"/>
                  </a:cubicBezTo>
                  <a:cubicBezTo>
                    <a:pt x="100828" y="75214"/>
                    <a:pt x="100377" y="74938"/>
                    <a:pt x="100151" y="74813"/>
                  </a:cubicBezTo>
                  <a:cubicBezTo>
                    <a:pt x="99976" y="74763"/>
                    <a:pt x="99650" y="74637"/>
                    <a:pt x="99475" y="74587"/>
                  </a:cubicBezTo>
                  <a:cubicBezTo>
                    <a:pt x="99199" y="74537"/>
                    <a:pt x="98698" y="74487"/>
                    <a:pt x="98472" y="74362"/>
                  </a:cubicBezTo>
                  <a:cubicBezTo>
                    <a:pt x="98247" y="74311"/>
                    <a:pt x="97896" y="74036"/>
                    <a:pt x="97720" y="73910"/>
                  </a:cubicBezTo>
                  <a:cubicBezTo>
                    <a:pt x="97495" y="73735"/>
                    <a:pt x="96993" y="73459"/>
                    <a:pt x="96768" y="73284"/>
                  </a:cubicBezTo>
                  <a:cubicBezTo>
                    <a:pt x="96492" y="73133"/>
                    <a:pt x="96041" y="72682"/>
                    <a:pt x="95815" y="72507"/>
                  </a:cubicBezTo>
                  <a:cubicBezTo>
                    <a:pt x="95690" y="72457"/>
                    <a:pt x="95465" y="72281"/>
                    <a:pt x="95364" y="72231"/>
                  </a:cubicBezTo>
                  <a:cubicBezTo>
                    <a:pt x="95189" y="72106"/>
                    <a:pt x="94863" y="71956"/>
                    <a:pt x="94688" y="71880"/>
                  </a:cubicBezTo>
                  <a:cubicBezTo>
                    <a:pt x="94562" y="71830"/>
                    <a:pt x="94337" y="71780"/>
                    <a:pt x="94236" y="71730"/>
                  </a:cubicBezTo>
                  <a:cubicBezTo>
                    <a:pt x="94011" y="71655"/>
                    <a:pt x="93610" y="71504"/>
                    <a:pt x="93434" y="71429"/>
                  </a:cubicBezTo>
                  <a:cubicBezTo>
                    <a:pt x="93209" y="71379"/>
                    <a:pt x="92783" y="71279"/>
                    <a:pt x="92557" y="71204"/>
                  </a:cubicBezTo>
                  <a:cubicBezTo>
                    <a:pt x="92432" y="71154"/>
                    <a:pt x="92206" y="70978"/>
                    <a:pt x="92106" y="70978"/>
                  </a:cubicBezTo>
                  <a:cubicBezTo>
                    <a:pt x="91881" y="70928"/>
                    <a:pt x="91429" y="70978"/>
                    <a:pt x="91254" y="70878"/>
                  </a:cubicBezTo>
                  <a:cubicBezTo>
                    <a:pt x="91028" y="70828"/>
                    <a:pt x="90753" y="70602"/>
                    <a:pt x="90527" y="70527"/>
                  </a:cubicBezTo>
                  <a:cubicBezTo>
                    <a:pt x="90402" y="70477"/>
                    <a:pt x="90126" y="70427"/>
                    <a:pt x="89951" y="70427"/>
                  </a:cubicBezTo>
                  <a:lnTo>
                    <a:pt x="89550" y="70427"/>
                  </a:lnTo>
                  <a:cubicBezTo>
                    <a:pt x="89500" y="70377"/>
                    <a:pt x="89449" y="70251"/>
                    <a:pt x="89399" y="70251"/>
                  </a:cubicBezTo>
                  <a:cubicBezTo>
                    <a:pt x="89324" y="70201"/>
                    <a:pt x="89099" y="70201"/>
                    <a:pt x="89048" y="70201"/>
                  </a:cubicBezTo>
                  <a:lnTo>
                    <a:pt x="88823" y="69976"/>
                  </a:lnTo>
                  <a:cubicBezTo>
                    <a:pt x="88773" y="69925"/>
                    <a:pt x="88597" y="69850"/>
                    <a:pt x="88497" y="69850"/>
                  </a:cubicBezTo>
                  <a:cubicBezTo>
                    <a:pt x="88422" y="69850"/>
                    <a:pt x="88272" y="69850"/>
                    <a:pt x="88196" y="69800"/>
                  </a:cubicBezTo>
                  <a:cubicBezTo>
                    <a:pt x="88096" y="69800"/>
                    <a:pt x="87971" y="69575"/>
                    <a:pt x="87871" y="69524"/>
                  </a:cubicBezTo>
                  <a:cubicBezTo>
                    <a:pt x="87745" y="69474"/>
                    <a:pt x="87470" y="69474"/>
                    <a:pt x="87369" y="69399"/>
                  </a:cubicBezTo>
                  <a:cubicBezTo>
                    <a:pt x="87244" y="69399"/>
                    <a:pt x="87018" y="69249"/>
                    <a:pt x="86918" y="69174"/>
                  </a:cubicBezTo>
                  <a:cubicBezTo>
                    <a:pt x="86743" y="69123"/>
                    <a:pt x="86392" y="69073"/>
                    <a:pt x="86292" y="69023"/>
                  </a:cubicBezTo>
                  <a:cubicBezTo>
                    <a:pt x="86116" y="68948"/>
                    <a:pt x="86016" y="68672"/>
                    <a:pt x="85840" y="68622"/>
                  </a:cubicBezTo>
                  <a:cubicBezTo>
                    <a:pt x="85740" y="68622"/>
                    <a:pt x="85576" y="68686"/>
                    <a:pt x="85488" y="68686"/>
                  </a:cubicBezTo>
                  <a:cubicBezTo>
                    <a:pt x="85467" y="68686"/>
                    <a:pt x="85449" y="68682"/>
                    <a:pt x="85439" y="68672"/>
                  </a:cubicBezTo>
                  <a:cubicBezTo>
                    <a:pt x="85164" y="68622"/>
                    <a:pt x="84662" y="68271"/>
                    <a:pt x="84437" y="68171"/>
                  </a:cubicBezTo>
                  <a:cubicBezTo>
                    <a:pt x="84211" y="68046"/>
                    <a:pt x="83635" y="67945"/>
                    <a:pt x="83459" y="67770"/>
                  </a:cubicBezTo>
                  <a:cubicBezTo>
                    <a:pt x="83359" y="67670"/>
                    <a:pt x="83134" y="67394"/>
                    <a:pt x="83084" y="67269"/>
                  </a:cubicBezTo>
                  <a:cubicBezTo>
                    <a:pt x="82908" y="66993"/>
                    <a:pt x="82683" y="66492"/>
                    <a:pt x="82683" y="66191"/>
                  </a:cubicBezTo>
                  <a:cubicBezTo>
                    <a:pt x="82632" y="66091"/>
                    <a:pt x="82683" y="65815"/>
                    <a:pt x="82733" y="65690"/>
                  </a:cubicBezTo>
                  <a:cubicBezTo>
                    <a:pt x="82783" y="65590"/>
                    <a:pt x="83008" y="65464"/>
                    <a:pt x="83084" y="65364"/>
                  </a:cubicBezTo>
                  <a:cubicBezTo>
                    <a:pt x="83184" y="65239"/>
                    <a:pt x="83459" y="65063"/>
                    <a:pt x="83585" y="64963"/>
                  </a:cubicBezTo>
                  <a:cubicBezTo>
                    <a:pt x="83685" y="64913"/>
                    <a:pt x="83911" y="64838"/>
                    <a:pt x="84036" y="64737"/>
                  </a:cubicBezTo>
                  <a:cubicBezTo>
                    <a:pt x="84086" y="64687"/>
                    <a:pt x="84136" y="64462"/>
                    <a:pt x="84261" y="64336"/>
                  </a:cubicBezTo>
                  <a:cubicBezTo>
                    <a:pt x="84312" y="64286"/>
                    <a:pt x="84587" y="64161"/>
                    <a:pt x="84713" y="64061"/>
                  </a:cubicBezTo>
                  <a:cubicBezTo>
                    <a:pt x="84813" y="64011"/>
                    <a:pt x="84938" y="63835"/>
                    <a:pt x="84988" y="63735"/>
                  </a:cubicBezTo>
                  <a:cubicBezTo>
                    <a:pt x="85114" y="63610"/>
                    <a:pt x="85214" y="63434"/>
                    <a:pt x="85264" y="63334"/>
                  </a:cubicBezTo>
                  <a:cubicBezTo>
                    <a:pt x="85264" y="63158"/>
                    <a:pt x="85114" y="62933"/>
                    <a:pt x="85038" y="62757"/>
                  </a:cubicBezTo>
                  <a:cubicBezTo>
                    <a:pt x="85038" y="62707"/>
                    <a:pt x="85038" y="62607"/>
                    <a:pt x="84988" y="62532"/>
                  </a:cubicBezTo>
                  <a:cubicBezTo>
                    <a:pt x="84988" y="62432"/>
                    <a:pt x="84888" y="62156"/>
                    <a:pt x="84763" y="62031"/>
                  </a:cubicBezTo>
                  <a:cubicBezTo>
                    <a:pt x="84662" y="61930"/>
                    <a:pt x="84362" y="61805"/>
                    <a:pt x="84261" y="61755"/>
                  </a:cubicBezTo>
                  <a:cubicBezTo>
                    <a:pt x="84086" y="61705"/>
                    <a:pt x="83860" y="61479"/>
                    <a:pt x="83760" y="61479"/>
                  </a:cubicBezTo>
                  <a:cubicBezTo>
                    <a:pt x="83721" y="61466"/>
                    <a:pt x="83677" y="61461"/>
                    <a:pt x="83630" y="61461"/>
                  </a:cubicBezTo>
                  <a:cubicBezTo>
                    <a:pt x="83403" y="61461"/>
                    <a:pt x="83103" y="61588"/>
                    <a:pt x="82958" y="61630"/>
                  </a:cubicBezTo>
                  <a:cubicBezTo>
                    <a:pt x="82783" y="61630"/>
                    <a:pt x="82507" y="61705"/>
                    <a:pt x="82407" y="61755"/>
                  </a:cubicBezTo>
                  <a:cubicBezTo>
                    <a:pt x="82231" y="61755"/>
                    <a:pt x="82006" y="61855"/>
                    <a:pt x="81906" y="61930"/>
                  </a:cubicBezTo>
                  <a:cubicBezTo>
                    <a:pt x="81680" y="61981"/>
                    <a:pt x="81229" y="62081"/>
                    <a:pt x="81003" y="62156"/>
                  </a:cubicBezTo>
                  <a:cubicBezTo>
                    <a:pt x="80920" y="62156"/>
                    <a:pt x="80769" y="62178"/>
                    <a:pt x="80626" y="62178"/>
                  </a:cubicBezTo>
                  <a:cubicBezTo>
                    <a:pt x="80555" y="62178"/>
                    <a:pt x="80485" y="62173"/>
                    <a:pt x="80427" y="62156"/>
                  </a:cubicBezTo>
                  <a:cubicBezTo>
                    <a:pt x="80327" y="62156"/>
                    <a:pt x="80101" y="61981"/>
                    <a:pt x="79976" y="61981"/>
                  </a:cubicBezTo>
                  <a:cubicBezTo>
                    <a:pt x="79876" y="61981"/>
                    <a:pt x="79650" y="62081"/>
                    <a:pt x="79525" y="62081"/>
                  </a:cubicBezTo>
                  <a:lnTo>
                    <a:pt x="78848" y="62306"/>
                  </a:lnTo>
                  <a:cubicBezTo>
                    <a:pt x="78572" y="62382"/>
                    <a:pt x="77996" y="62482"/>
                    <a:pt x="77720" y="62482"/>
                  </a:cubicBezTo>
                  <a:cubicBezTo>
                    <a:pt x="77495" y="62482"/>
                    <a:pt x="77094" y="62432"/>
                    <a:pt x="76868" y="62432"/>
                  </a:cubicBezTo>
                  <a:cubicBezTo>
                    <a:pt x="76592" y="62432"/>
                    <a:pt x="76091" y="62432"/>
                    <a:pt x="75865" y="62382"/>
                  </a:cubicBezTo>
                  <a:lnTo>
                    <a:pt x="75640" y="62382"/>
                  </a:lnTo>
                  <a:cubicBezTo>
                    <a:pt x="75515" y="62432"/>
                    <a:pt x="75414" y="62532"/>
                    <a:pt x="75364" y="62607"/>
                  </a:cubicBezTo>
                  <a:cubicBezTo>
                    <a:pt x="75239" y="62707"/>
                    <a:pt x="75139" y="62933"/>
                    <a:pt x="75063" y="63058"/>
                  </a:cubicBezTo>
                  <a:lnTo>
                    <a:pt x="75063" y="63334"/>
                  </a:lnTo>
                  <a:cubicBezTo>
                    <a:pt x="75063" y="63434"/>
                    <a:pt x="75189" y="63660"/>
                    <a:pt x="75189" y="63835"/>
                  </a:cubicBezTo>
                  <a:cubicBezTo>
                    <a:pt x="75189" y="63885"/>
                    <a:pt x="75013" y="64011"/>
                    <a:pt x="75013" y="64111"/>
                  </a:cubicBezTo>
                  <a:cubicBezTo>
                    <a:pt x="74963" y="64236"/>
                    <a:pt x="74963" y="64462"/>
                    <a:pt x="75013" y="64562"/>
                  </a:cubicBezTo>
                  <a:cubicBezTo>
                    <a:pt x="75038" y="64587"/>
                    <a:pt x="75038" y="64612"/>
                    <a:pt x="75063" y="64612"/>
                  </a:cubicBezTo>
                  <a:cubicBezTo>
                    <a:pt x="75038" y="64612"/>
                    <a:pt x="74988" y="64587"/>
                    <a:pt x="74988" y="64537"/>
                  </a:cubicBezTo>
                  <a:cubicBezTo>
                    <a:pt x="74938" y="64437"/>
                    <a:pt x="74938" y="64211"/>
                    <a:pt x="74988" y="64086"/>
                  </a:cubicBezTo>
                  <a:cubicBezTo>
                    <a:pt x="74988" y="63986"/>
                    <a:pt x="75164" y="63860"/>
                    <a:pt x="75164" y="63810"/>
                  </a:cubicBezTo>
                  <a:cubicBezTo>
                    <a:pt x="75164" y="63635"/>
                    <a:pt x="75038" y="63409"/>
                    <a:pt x="75038" y="63309"/>
                  </a:cubicBezTo>
                  <a:lnTo>
                    <a:pt x="75038" y="63008"/>
                  </a:lnTo>
                  <a:cubicBezTo>
                    <a:pt x="75089" y="62908"/>
                    <a:pt x="75214" y="62682"/>
                    <a:pt x="75314" y="62557"/>
                  </a:cubicBezTo>
                  <a:cubicBezTo>
                    <a:pt x="75364" y="62507"/>
                    <a:pt x="75490" y="62407"/>
                    <a:pt x="75590" y="62331"/>
                  </a:cubicBezTo>
                  <a:cubicBezTo>
                    <a:pt x="75364" y="62231"/>
                    <a:pt x="75038" y="62181"/>
                    <a:pt x="74863" y="62056"/>
                  </a:cubicBezTo>
                  <a:cubicBezTo>
                    <a:pt x="74763" y="62006"/>
                    <a:pt x="74587" y="61880"/>
                    <a:pt x="74487" y="61780"/>
                  </a:cubicBezTo>
                  <a:cubicBezTo>
                    <a:pt x="74362" y="61730"/>
                    <a:pt x="74136" y="61504"/>
                    <a:pt x="74036" y="61429"/>
                  </a:cubicBezTo>
                  <a:cubicBezTo>
                    <a:pt x="73948" y="61404"/>
                    <a:pt x="73835" y="61404"/>
                    <a:pt x="73729" y="61404"/>
                  </a:cubicBezTo>
                  <a:cubicBezTo>
                    <a:pt x="73622" y="61404"/>
                    <a:pt x="73522" y="61404"/>
                    <a:pt x="73459" y="61379"/>
                  </a:cubicBezTo>
                  <a:cubicBezTo>
                    <a:pt x="73359" y="61379"/>
                    <a:pt x="73259" y="61279"/>
                    <a:pt x="73134" y="61204"/>
                  </a:cubicBezTo>
                  <a:cubicBezTo>
                    <a:pt x="72958" y="61153"/>
                    <a:pt x="72632" y="61153"/>
                    <a:pt x="72457" y="61053"/>
                  </a:cubicBezTo>
                  <a:cubicBezTo>
                    <a:pt x="72407" y="61053"/>
                    <a:pt x="72357" y="61003"/>
                    <a:pt x="72307" y="60928"/>
                  </a:cubicBezTo>
                  <a:cubicBezTo>
                    <a:pt x="72281" y="60903"/>
                    <a:pt x="72256" y="60878"/>
                    <a:pt x="72256" y="60878"/>
                  </a:cubicBezTo>
                  <a:cubicBezTo>
                    <a:pt x="72156" y="60828"/>
                    <a:pt x="71931" y="60778"/>
                    <a:pt x="71805" y="60727"/>
                  </a:cubicBezTo>
                  <a:cubicBezTo>
                    <a:pt x="71755" y="60652"/>
                    <a:pt x="71580" y="60552"/>
                    <a:pt x="71530" y="60427"/>
                  </a:cubicBezTo>
                  <a:cubicBezTo>
                    <a:pt x="71479" y="60326"/>
                    <a:pt x="71479" y="60051"/>
                    <a:pt x="71530" y="59925"/>
                  </a:cubicBezTo>
                  <a:cubicBezTo>
                    <a:pt x="71530" y="59825"/>
                    <a:pt x="71580" y="59650"/>
                    <a:pt x="71580" y="59600"/>
                  </a:cubicBezTo>
                  <a:cubicBezTo>
                    <a:pt x="71580" y="59474"/>
                    <a:pt x="71530" y="59374"/>
                    <a:pt x="71479" y="59299"/>
                  </a:cubicBezTo>
                  <a:cubicBezTo>
                    <a:pt x="71446" y="59299"/>
                    <a:pt x="71379" y="59332"/>
                    <a:pt x="71338" y="59332"/>
                  </a:cubicBezTo>
                  <a:cubicBezTo>
                    <a:pt x="71318" y="59332"/>
                    <a:pt x="71304" y="59324"/>
                    <a:pt x="71304" y="59299"/>
                  </a:cubicBezTo>
                  <a:cubicBezTo>
                    <a:pt x="71204" y="59299"/>
                    <a:pt x="70978" y="59199"/>
                    <a:pt x="70903" y="59199"/>
                  </a:cubicBezTo>
                  <a:cubicBezTo>
                    <a:pt x="70803" y="59148"/>
                    <a:pt x="70627" y="59148"/>
                    <a:pt x="70577" y="59073"/>
                  </a:cubicBezTo>
                  <a:cubicBezTo>
                    <a:pt x="70402" y="59023"/>
                    <a:pt x="70176" y="58848"/>
                    <a:pt x="70001" y="58798"/>
                  </a:cubicBezTo>
                  <a:cubicBezTo>
                    <a:pt x="69951" y="58747"/>
                    <a:pt x="69725" y="58747"/>
                    <a:pt x="69625" y="58697"/>
                  </a:cubicBezTo>
                  <a:cubicBezTo>
                    <a:pt x="69500" y="58572"/>
                    <a:pt x="69399" y="58296"/>
                    <a:pt x="69274" y="58171"/>
                  </a:cubicBezTo>
                  <a:cubicBezTo>
                    <a:pt x="69174" y="58121"/>
                    <a:pt x="68998" y="58021"/>
                    <a:pt x="68873" y="57945"/>
                  </a:cubicBezTo>
                  <a:cubicBezTo>
                    <a:pt x="68773" y="57845"/>
                    <a:pt x="68597" y="57670"/>
                    <a:pt x="68497" y="57569"/>
                  </a:cubicBezTo>
                  <a:cubicBezTo>
                    <a:pt x="68422" y="57494"/>
                    <a:pt x="68372" y="57269"/>
                    <a:pt x="68322" y="57219"/>
                  </a:cubicBezTo>
                  <a:cubicBezTo>
                    <a:pt x="68196" y="57118"/>
                    <a:pt x="67971" y="56993"/>
                    <a:pt x="67870" y="56943"/>
                  </a:cubicBezTo>
                  <a:cubicBezTo>
                    <a:pt x="67745" y="56893"/>
                    <a:pt x="67595" y="56767"/>
                    <a:pt x="67469" y="56717"/>
                  </a:cubicBezTo>
                  <a:cubicBezTo>
                    <a:pt x="67244" y="56542"/>
                    <a:pt x="66793" y="56316"/>
                    <a:pt x="66567" y="56091"/>
                  </a:cubicBezTo>
                  <a:cubicBezTo>
                    <a:pt x="66392" y="55940"/>
                    <a:pt x="66066" y="55489"/>
                    <a:pt x="65890" y="55264"/>
                  </a:cubicBezTo>
                  <a:cubicBezTo>
                    <a:pt x="65840" y="55188"/>
                    <a:pt x="65665" y="54913"/>
                    <a:pt x="65565" y="54813"/>
                  </a:cubicBezTo>
                  <a:cubicBezTo>
                    <a:pt x="65489" y="54687"/>
                    <a:pt x="65264" y="54512"/>
                    <a:pt x="65164" y="54361"/>
                  </a:cubicBezTo>
                  <a:cubicBezTo>
                    <a:pt x="65114" y="54236"/>
                    <a:pt x="64988" y="53910"/>
                    <a:pt x="64888" y="53735"/>
                  </a:cubicBezTo>
                  <a:cubicBezTo>
                    <a:pt x="64813" y="53559"/>
                    <a:pt x="64587" y="53284"/>
                    <a:pt x="64487" y="53108"/>
                  </a:cubicBezTo>
                  <a:cubicBezTo>
                    <a:pt x="64362" y="52883"/>
                    <a:pt x="64136" y="52432"/>
                    <a:pt x="64086" y="52206"/>
                  </a:cubicBezTo>
                  <a:cubicBezTo>
                    <a:pt x="64036" y="52056"/>
                    <a:pt x="63911" y="51705"/>
                    <a:pt x="63911" y="51529"/>
                  </a:cubicBezTo>
                  <a:cubicBezTo>
                    <a:pt x="63860" y="51479"/>
                    <a:pt x="63860" y="51429"/>
                    <a:pt x="63860" y="51304"/>
                  </a:cubicBezTo>
                  <a:cubicBezTo>
                    <a:pt x="63760" y="51379"/>
                    <a:pt x="63685" y="51429"/>
                    <a:pt x="63635" y="51429"/>
                  </a:cubicBezTo>
                  <a:cubicBezTo>
                    <a:pt x="63618" y="51446"/>
                    <a:pt x="63587" y="51451"/>
                    <a:pt x="63552" y="51451"/>
                  </a:cubicBezTo>
                  <a:cubicBezTo>
                    <a:pt x="63482" y="51451"/>
                    <a:pt x="63393" y="51429"/>
                    <a:pt x="63359" y="51429"/>
                  </a:cubicBezTo>
                  <a:cubicBezTo>
                    <a:pt x="63296" y="51454"/>
                    <a:pt x="63228" y="51454"/>
                    <a:pt x="63165" y="51454"/>
                  </a:cubicBezTo>
                  <a:cubicBezTo>
                    <a:pt x="63102" y="51454"/>
                    <a:pt x="63046" y="51454"/>
                    <a:pt x="63008" y="51479"/>
                  </a:cubicBezTo>
                  <a:cubicBezTo>
                    <a:pt x="62958" y="51479"/>
                    <a:pt x="62858" y="51605"/>
                    <a:pt x="62783" y="51655"/>
                  </a:cubicBezTo>
                  <a:cubicBezTo>
                    <a:pt x="62733" y="51705"/>
                    <a:pt x="62682" y="51705"/>
                    <a:pt x="62632" y="51755"/>
                  </a:cubicBezTo>
                  <a:lnTo>
                    <a:pt x="62332" y="51755"/>
                  </a:lnTo>
                  <a:cubicBezTo>
                    <a:pt x="62281" y="51755"/>
                    <a:pt x="62181" y="51830"/>
                    <a:pt x="62106" y="51880"/>
                  </a:cubicBezTo>
                  <a:cubicBezTo>
                    <a:pt x="62056" y="51980"/>
                    <a:pt x="62106" y="52156"/>
                    <a:pt x="62056" y="52206"/>
                  </a:cubicBezTo>
                  <a:cubicBezTo>
                    <a:pt x="62056" y="52281"/>
                    <a:pt x="61956" y="52331"/>
                    <a:pt x="61956" y="52381"/>
                  </a:cubicBezTo>
                  <a:lnTo>
                    <a:pt x="61956" y="52657"/>
                  </a:lnTo>
                  <a:cubicBezTo>
                    <a:pt x="61880" y="52707"/>
                    <a:pt x="61830" y="52782"/>
                    <a:pt x="61830" y="52833"/>
                  </a:cubicBezTo>
                  <a:cubicBezTo>
                    <a:pt x="61780" y="52883"/>
                    <a:pt x="61605" y="52883"/>
                    <a:pt x="61555" y="52883"/>
                  </a:cubicBezTo>
                  <a:lnTo>
                    <a:pt x="61254" y="52883"/>
                  </a:lnTo>
                  <a:cubicBezTo>
                    <a:pt x="61204" y="52833"/>
                    <a:pt x="61103" y="52782"/>
                    <a:pt x="61028" y="52707"/>
                  </a:cubicBezTo>
                  <a:cubicBezTo>
                    <a:pt x="60978" y="52707"/>
                    <a:pt x="60803" y="52657"/>
                    <a:pt x="60702" y="52657"/>
                  </a:cubicBezTo>
                  <a:cubicBezTo>
                    <a:pt x="60652" y="52657"/>
                    <a:pt x="60527" y="52707"/>
                    <a:pt x="60477" y="52782"/>
                  </a:cubicBezTo>
                  <a:cubicBezTo>
                    <a:pt x="60427" y="52833"/>
                    <a:pt x="60352" y="52933"/>
                    <a:pt x="60352" y="53058"/>
                  </a:cubicBezTo>
                  <a:cubicBezTo>
                    <a:pt x="60301" y="53058"/>
                    <a:pt x="60251" y="53108"/>
                    <a:pt x="60251" y="53158"/>
                  </a:cubicBezTo>
                  <a:lnTo>
                    <a:pt x="60251" y="53459"/>
                  </a:lnTo>
                  <a:cubicBezTo>
                    <a:pt x="60251" y="53559"/>
                    <a:pt x="60201" y="53735"/>
                    <a:pt x="60126" y="53785"/>
                  </a:cubicBezTo>
                  <a:cubicBezTo>
                    <a:pt x="60076" y="53835"/>
                    <a:pt x="59900" y="53960"/>
                    <a:pt x="59850" y="53960"/>
                  </a:cubicBezTo>
                  <a:cubicBezTo>
                    <a:pt x="59800" y="54011"/>
                    <a:pt x="59625" y="54061"/>
                    <a:pt x="59575" y="54136"/>
                  </a:cubicBezTo>
                  <a:cubicBezTo>
                    <a:pt x="59525" y="54186"/>
                    <a:pt x="59449" y="54286"/>
                    <a:pt x="59399" y="54361"/>
                  </a:cubicBezTo>
                  <a:cubicBezTo>
                    <a:pt x="59399" y="54386"/>
                    <a:pt x="59299" y="54412"/>
                    <a:pt x="59249" y="54437"/>
                  </a:cubicBezTo>
                  <a:lnTo>
                    <a:pt x="59249" y="54412"/>
                  </a:lnTo>
                  <a:lnTo>
                    <a:pt x="59199" y="54412"/>
                  </a:lnTo>
                  <a:cubicBezTo>
                    <a:pt x="59274" y="54361"/>
                    <a:pt x="59399" y="54361"/>
                    <a:pt x="59399" y="54311"/>
                  </a:cubicBezTo>
                  <a:cubicBezTo>
                    <a:pt x="59449" y="54261"/>
                    <a:pt x="59499" y="54136"/>
                    <a:pt x="59550" y="54086"/>
                  </a:cubicBezTo>
                  <a:cubicBezTo>
                    <a:pt x="59625" y="54036"/>
                    <a:pt x="59775" y="53985"/>
                    <a:pt x="59850" y="53910"/>
                  </a:cubicBezTo>
                  <a:cubicBezTo>
                    <a:pt x="59900" y="53910"/>
                    <a:pt x="60076" y="53810"/>
                    <a:pt x="60126" y="53760"/>
                  </a:cubicBezTo>
                  <a:cubicBezTo>
                    <a:pt x="60176" y="53685"/>
                    <a:pt x="60226" y="53534"/>
                    <a:pt x="60226" y="53409"/>
                  </a:cubicBezTo>
                  <a:lnTo>
                    <a:pt x="60226" y="53133"/>
                  </a:lnTo>
                  <a:cubicBezTo>
                    <a:pt x="60226" y="53083"/>
                    <a:pt x="60301" y="53033"/>
                    <a:pt x="60352" y="53033"/>
                  </a:cubicBezTo>
                  <a:cubicBezTo>
                    <a:pt x="60352" y="52908"/>
                    <a:pt x="60402" y="52808"/>
                    <a:pt x="60452" y="52732"/>
                  </a:cubicBezTo>
                  <a:cubicBezTo>
                    <a:pt x="60527" y="52682"/>
                    <a:pt x="60627" y="52632"/>
                    <a:pt x="60677" y="52632"/>
                  </a:cubicBezTo>
                  <a:cubicBezTo>
                    <a:pt x="60803" y="52632"/>
                    <a:pt x="60978" y="52682"/>
                    <a:pt x="61028" y="52682"/>
                  </a:cubicBezTo>
                  <a:cubicBezTo>
                    <a:pt x="61078" y="52732"/>
                    <a:pt x="61179" y="52808"/>
                    <a:pt x="61254" y="52858"/>
                  </a:cubicBezTo>
                  <a:lnTo>
                    <a:pt x="61530" y="52858"/>
                  </a:lnTo>
                  <a:cubicBezTo>
                    <a:pt x="61580" y="52858"/>
                    <a:pt x="61755" y="52858"/>
                    <a:pt x="61805" y="52808"/>
                  </a:cubicBezTo>
                  <a:cubicBezTo>
                    <a:pt x="61805" y="52732"/>
                    <a:pt x="61855" y="52682"/>
                    <a:pt x="61931" y="52632"/>
                  </a:cubicBezTo>
                  <a:lnTo>
                    <a:pt x="61931" y="52356"/>
                  </a:lnTo>
                  <a:cubicBezTo>
                    <a:pt x="61931" y="52281"/>
                    <a:pt x="62031" y="52231"/>
                    <a:pt x="62031" y="52181"/>
                  </a:cubicBezTo>
                  <a:cubicBezTo>
                    <a:pt x="62081" y="52131"/>
                    <a:pt x="62031" y="51955"/>
                    <a:pt x="62081" y="51830"/>
                  </a:cubicBezTo>
                  <a:cubicBezTo>
                    <a:pt x="62156" y="51780"/>
                    <a:pt x="62256" y="51730"/>
                    <a:pt x="62306" y="51730"/>
                  </a:cubicBezTo>
                  <a:lnTo>
                    <a:pt x="62607" y="51730"/>
                  </a:lnTo>
                  <a:cubicBezTo>
                    <a:pt x="62657" y="51680"/>
                    <a:pt x="62707" y="51680"/>
                    <a:pt x="62758" y="51605"/>
                  </a:cubicBezTo>
                  <a:cubicBezTo>
                    <a:pt x="62808" y="51554"/>
                    <a:pt x="62933" y="51454"/>
                    <a:pt x="62983" y="51454"/>
                  </a:cubicBezTo>
                  <a:cubicBezTo>
                    <a:pt x="63008" y="51429"/>
                    <a:pt x="63065" y="51429"/>
                    <a:pt x="63130" y="51429"/>
                  </a:cubicBezTo>
                  <a:cubicBezTo>
                    <a:pt x="63196" y="51429"/>
                    <a:pt x="63271" y="51429"/>
                    <a:pt x="63334" y="51404"/>
                  </a:cubicBezTo>
                  <a:cubicBezTo>
                    <a:pt x="63367" y="51404"/>
                    <a:pt x="63457" y="51426"/>
                    <a:pt x="63527" y="51426"/>
                  </a:cubicBezTo>
                  <a:cubicBezTo>
                    <a:pt x="63562" y="51426"/>
                    <a:pt x="63593" y="51421"/>
                    <a:pt x="63610" y="51404"/>
                  </a:cubicBezTo>
                  <a:cubicBezTo>
                    <a:pt x="63660" y="51404"/>
                    <a:pt x="63710" y="51329"/>
                    <a:pt x="63835" y="51279"/>
                  </a:cubicBezTo>
                  <a:cubicBezTo>
                    <a:pt x="63785" y="51178"/>
                    <a:pt x="63785" y="51103"/>
                    <a:pt x="63710" y="51003"/>
                  </a:cubicBezTo>
                  <a:cubicBezTo>
                    <a:pt x="63660" y="50777"/>
                    <a:pt x="63384" y="50326"/>
                    <a:pt x="63259" y="50051"/>
                  </a:cubicBezTo>
                  <a:cubicBezTo>
                    <a:pt x="63209" y="49925"/>
                    <a:pt x="63033" y="49599"/>
                    <a:pt x="63033" y="49374"/>
                  </a:cubicBezTo>
                  <a:cubicBezTo>
                    <a:pt x="62983" y="49249"/>
                    <a:pt x="63033" y="48923"/>
                    <a:pt x="62983" y="48797"/>
                  </a:cubicBezTo>
                  <a:cubicBezTo>
                    <a:pt x="62983" y="48647"/>
                    <a:pt x="62883" y="48346"/>
                    <a:pt x="62808" y="48246"/>
                  </a:cubicBezTo>
                  <a:cubicBezTo>
                    <a:pt x="62707" y="47920"/>
                    <a:pt x="62382" y="47344"/>
                    <a:pt x="62256" y="47018"/>
                  </a:cubicBezTo>
                  <a:cubicBezTo>
                    <a:pt x="62156" y="46792"/>
                    <a:pt x="62031" y="46291"/>
                    <a:pt x="61931" y="46066"/>
                  </a:cubicBezTo>
                  <a:cubicBezTo>
                    <a:pt x="61855" y="45940"/>
                    <a:pt x="61705" y="45765"/>
                    <a:pt x="61630" y="45665"/>
                  </a:cubicBezTo>
                  <a:cubicBezTo>
                    <a:pt x="61530" y="45489"/>
                    <a:pt x="61354" y="45088"/>
                    <a:pt x="61254" y="44938"/>
                  </a:cubicBezTo>
                  <a:cubicBezTo>
                    <a:pt x="61254" y="44813"/>
                    <a:pt x="61254" y="44487"/>
                    <a:pt x="61129" y="44361"/>
                  </a:cubicBezTo>
                  <a:cubicBezTo>
                    <a:pt x="61078" y="44211"/>
                    <a:pt x="60853" y="44036"/>
                    <a:pt x="60803" y="43860"/>
                  </a:cubicBezTo>
                  <a:cubicBezTo>
                    <a:pt x="60753" y="43810"/>
                    <a:pt x="60677" y="43635"/>
                    <a:pt x="60677" y="43534"/>
                  </a:cubicBezTo>
                  <a:cubicBezTo>
                    <a:pt x="60677" y="43409"/>
                    <a:pt x="60803" y="43259"/>
                    <a:pt x="60753" y="43133"/>
                  </a:cubicBezTo>
                  <a:cubicBezTo>
                    <a:pt x="60753" y="43083"/>
                    <a:pt x="60527" y="42958"/>
                    <a:pt x="60452" y="42908"/>
                  </a:cubicBezTo>
                  <a:cubicBezTo>
                    <a:pt x="60352" y="42858"/>
                    <a:pt x="60226" y="42807"/>
                    <a:pt x="60176" y="42682"/>
                  </a:cubicBezTo>
                  <a:cubicBezTo>
                    <a:pt x="60126" y="42632"/>
                    <a:pt x="60126" y="42507"/>
                    <a:pt x="60126" y="42457"/>
                  </a:cubicBezTo>
                  <a:cubicBezTo>
                    <a:pt x="60076" y="42406"/>
                    <a:pt x="59900" y="42281"/>
                    <a:pt x="59850" y="42281"/>
                  </a:cubicBezTo>
                  <a:cubicBezTo>
                    <a:pt x="59775" y="42231"/>
                    <a:pt x="59625" y="42231"/>
                    <a:pt x="59499" y="42231"/>
                  </a:cubicBezTo>
                  <a:cubicBezTo>
                    <a:pt x="59449" y="42281"/>
                    <a:pt x="59399" y="42457"/>
                    <a:pt x="59349" y="42507"/>
                  </a:cubicBezTo>
                  <a:cubicBezTo>
                    <a:pt x="59174" y="42507"/>
                    <a:pt x="58898" y="42281"/>
                    <a:pt x="58723" y="42231"/>
                  </a:cubicBezTo>
                  <a:cubicBezTo>
                    <a:pt x="58597" y="42181"/>
                    <a:pt x="58372" y="42131"/>
                    <a:pt x="58321" y="42056"/>
                  </a:cubicBezTo>
                  <a:cubicBezTo>
                    <a:pt x="58146" y="42005"/>
                    <a:pt x="57870" y="41830"/>
                    <a:pt x="57695" y="41730"/>
                  </a:cubicBezTo>
                  <a:cubicBezTo>
                    <a:pt x="57645" y="41680"/>
                    <a:pt x="57494" y="41504"/>
                    <a:pt x="57419" y="41404"/>
                  </a:cubicBezTo>
                  <a:cubicBezTo>
                    <a:pt x="57319" y="41329"/>
                    <a:pt x="57144" y="41178"/>
                    <a:pt x="57043" y="41103"/>
                  </a:cubicBezTo>
                  <a:cubicBezTo>
                    <a:pt x="56918" y="41053"/>
                    <a:pt x="56692" y="40953"/>
                    <a:pt x="56642" y="40878"/>
                  </a:cubicBezTo>
                  <a:cubicBezTo>
                    <a:pt x="56467" y="40777"/>
                    <a:pt x="56241" y="40427"/>
                    <a:pt x="56141" y="40326"/>
                  </a:cubicBezTo>
                  <a:cubicBezTo>
                    <a:pt x="55915" y="40151"/>
                    <a:pt x="55464" y="39925"/>
                    <a:pt x="55289" y="39825"/>
                  </a:cubicBezTo>
                  <a:cubicBezTo>
                    <a:pt x="55113" y="39700"/>
                    <a:pt x="54838" y="39474"/>
                    <a:pt x="54662" y="39374"/>
                  </a:cubicBezTo>
                  <a:cubicBezTo>
                    <a:pt x="54512" y="39148"/>
                    <a:pt x="54111" y="38747"/>
                    <a:pt x="53885" y="38647"/>
                  </a:cubicBezTo>
                  <a:cubicBezTo>
                    <a:pt x="53785" y="38572"/>
                    <a:pt x="53560" y="38472"/>
                    <a:pt x="53384" y="38421"/>
                  </a:cubicBezTo>
                  <a:lnTo>
                    <a:pt x="53108" y="38421"/>
                  </a:lnTo>
                  <a:cubicBezTo>
                    <a:pt x="53039" y="38515"/>
                    <a:pt x="53034" y="38629"/>
                    <a:pt x="53033" y="38725"/>
                  </a:cubicBezTo>
                  <a:lnTo>
                    <a:pt x="53033" y="38725"/>
                  </a:lnTo>
                  <a:cubicBezTo>
                    <a:pt x="53033" y="38724"/>
                    <a:pt x="53033" y="38723"/>
                    <a:pt x="53033" y="38722"/>
                  </a:cubicBezTo>
                  <a:cubicBezTo>
                    <a:pt x="53033" y="38597"/>
                    <a:pt x="53033" y="38497"/>
                    <a:pt x="53083" y="38371"/>
                  </a:cubicBezTo>
                  <a:cubicBezTo>
                    <a:pt x="52958" y="38371"/>
                    <a:pt x="52858" y="38321"/>
                    <a:pt x="52808" y="38321"/>
                  </a:cubicBezTo>
                  <a:cubicBezTo>
                    <a:pt x="52682" y="38321"/>
                    <a:pt x="52582" y="38321"/>
                    <a:pt x="52507" y="38271"/>
                  </a:cubicBezTo>
                  <a:cubicBezTo>
                    <a:pt x="52357" y="38196"/>
                    <a:pt x="52131" y="38096"/>
                    <a:pt x="52006" y="37970"/>
                  </a:cubicBezTo>
                  <a:cubicBezTo>
                    <a:pt x="51830" y="37870"/>
                    <a:pt x="51555" y="37469"/>
                    <a:pt x="51379" y="37294"/>
                  </a:cubicBezTo>
                  <a:cubicBezTo>
                    <a:pt x="51279" y="37193"/>
                    <a:pt x="51003" y="37018"/>
                    <a:pt x="50878" y="36918"/>
                  </a:cubicBezTo>
                  <a:cubicBezTo>
                    <a:pt x="50702" y="36742"/>
                    <a:pt x="50552" y="36341"/>
                    <a:pt x="50427" y="36166"/>
                  </a:cubicBezTo>
                  <a:cubicBezTo>
                    <a:pt x="50377" y="36066"/>
                    <a:pt x="50201" y="35840"/>
                    <a:pt x="50101" y="35715"/>
                  </a:cubicBezTo>
                  <a:cubicBezTo>
                    <a:pt x="49976" y="35539"/>
                    <a:pt x="49700" y="35264"/>
                    <a:pt x="49600" y="35088"/>
                  </a:cubicBezTo>
                  <a:cubicBezTo>
                    <a:pt x="49524" y="34988"/>
                    <a:pt x="49374" y="34712"/>
                    <a:pt x="49299" y="34537"/>
                  </a:cubicBezTo>
                  <a:cubicBezTo>
                    <a:pt x="49249" y="34361"/>
                    <a:pt x="49149" y="33910"/>
                    <a:pt x="49073" y="33685"/>
                  </a:cubicBezTo>
                  <a:cubicBezTo>
                    <a:pt x="49023" y="33459"/>
                    <a:pt x="48923" y="33058"/>
                    <a:pt x="48848" y="32832"/>
                  </a:cubicBezTo>
                  <a:cubicBezTo>
                    <a:pt x="48798" y="32607"/>
                    <a:pt x="48622" y="32206"/>
                    <a:pt x="48572" y="31980"/>
                  </a:cubicBezTo>
                  <a:cubicBezTo>
                    <a:pt x="48572" y="31880"/>
                    <a:pt x="48522" y="31604"/>
                    <a:pt x="48572" y="31479"/>
                  </a:cubicBezTo>
                  <a:cubicBezTo>
                    <a:pt x="48572" y="31379"/>
                    <a:pt x="48622" y="31203"/>
                    <a:pt x="48622" y="31078"/>
                  </a:cubicBezTo>
                  <a:cubicBezTo>
                    <a:pt x="48622" y="31028"/>
                    <a:pt x="48622" y="30853"/>
                    <a:pt x="48572" y="30752"/>
                  </a:cubicBezTo>
                  <a:cubicBezTo>
                    <a:pt x="48572" y="30702"/>
                    <a:pt x="48522" y="30527"/>
                    <a:pt x="48472" y="30527"/>
                  </a:cubicBezTo>
                  <a:cubicBezTo>
                    <a:pt x="48457" y="30517"/>
                    <a:pt x="48441" y="30513"/>
                    <a:pt x="48424" y="30513"/>
                  </a:cubicBezTo>
                  <a:cubicBezTo>
                    <a:pt x="48359" y="30513"/>
                    <a:pt x="48286" y="30577"/>
                    <a:pt x="48246" y="30577"/>
                  </a:cubicBezTo>
                  <a:cubicBezTo>
                    <a:pt x="48246" y="30627"/>
                    <a:pt x="48171" y="30752"/>
                    <a:pt x="48171" y="30752"/>
                  </a:cubicBezTo>
                  <a:cubicBezTo>
                    <a:pt x="48121" y="30802"/>
                    <a:pt x="47946" y="30802"/>
                    <a:pt x="47895" y="30802"/>
                  </a:cubicBezTo>
                  <a:cubicBezTo>
                    <a:pt x="47845" y="30853"/>
                    <a:pt x="47720" y="30978"/>
                    <a:pt x="47620" y="30978"/>
                  </a:cubicBezTo>
                  <a:lnTo>
                    <a:pt x="47444" y="30978"/>
                  </a:lnTo>
                  <a:cubicBezTo>
                    <a:pt x="47444" y="30928"/>
                    <a:pt x="47494" y="30802"/>
                    <a:pt x="47444" y="30752"/>
                  </a:cubicBezTo>
                  <a:cubicBezTo>
                    <a:pt x="47394" y="30752"/>
                    <a:pt x="47344" y="30802"/>
                    <a:pt x="47269" y="30802"/>
                  </a:cubicBezTo>
                  <a:cubicBezTo>
                    <a:pt x="47269" y="30853"/>
                    <a:pt x="47344" y="30978"/>
                    <a:pt x="47344" y="30978"/>
                  </a:cubicBezTo>
                  <a:cubicBezTo>
                    <a:pt x="47344" y="31028"/>
                    <a:pt x="47269" y="31078"/>
                    <a:pt x="47219" y="31078"/>
                  </a:cubicBezTo>
                  <a:cubicBezTo>
                    <a:pt x="47208" y="31095"/>
                    <a:pt x="47193" y="31102"/>
                    <a:pt x="47176" y="31102"/>
                  </a:cubicBezTo>
                  <a:cubicBezTo>
                    <a:pt x="47117" y="31102"/>
                    <a:pt x="47032" y="31017"/>
                    <a:pt x="46993" y="30978"/>
                  </a:cubicBezTo>
                  <a:cubicBezTo>
                    <a:pt x="46943" y="30853"/>
                    <a:pt x="46818" y="30702"/>
                    <a:pt x="46818" y="30627"/>
                  </a:cubicBezTo>
                  <a:cubicBezTo>
                    <a:pt x="46768" y="30527"/>
                    <a:pt x="46768" y="30301"/>
                    <a:pt x="46818" y="30176"/>
                  </a:cubicBezTo>
                  <a:cubicBezTo>
                    <a:pt x="46893" y="30126"/>
                    <a:pt x="46993" y="30076"/>
                    <a:pt x="47043" y="30076"/>
                  </a:cubicBezTo>
                  <a:cubicBezTo>
                    <a:pt x="47118" y="30076"/>
                    <a:pt x="47169" y="30126"/>
                    <a:pt x="47219" y="30126"/>
                  </a:cubicBezTo>
                  <a:cubicBezTo>
                    <a:pt x="47269" y="30126"/>
                    <a:pt x="47394" y="30126"/>
                    <a:pt x="47394" y="30076"/>
                  </a:cubicBezTo>
                  <a:cubicBezTo>
                    <a:pt x="47444" y="30025"/>
                    <a:pt x="47344" y="29850"/>
                    <a:pt x="47394" y="29800"/>
                  </a:cubicBezTo>
                  <a:cubicBezTo>
                    <a:pt x="47428" y="29800"/>
                    <a:pt x="47494" y="29766"/>
                    <a:pt x="47535" y="29766"/>
                  </a:cubicBezTo>
                  <a:cubicBezTo>
                    <a:pt x="47556" y="29766"/>
                    <a:pt x="47570" y="29775"/>
                    <a:pt x="47570" y="29800"/>
                  </a:cubicBezTo>
                  <a:cubicBezTo>
                    <a:pt x="47620" y="29800"/>
                    <a:pt x="47670" y="29850"/>
                    <a:pt x="47670" y="29900"/>
                  </a:cubicBezTo>
                  <a:cubicBezTo>
                    <a:pt x="47670" y="29950"/>
                    <a:pt x="47620" y="30025"/>
                    <a:pt x="47620" y="30076"/>
                  </a:cubicBezTo>
                  <a:cubicBezTo>
                    <a:pt x="47570" y="30076"/>
                    <a:pt x="47570" y="30176"/>
                    <a:pt x="47620" y="30251"/>
                  </a:cubicBezTo>
                  <a:cubicBezTo>
                    <a:pt x="47620" y="30286"/>
                    <a:pt x="47670" y="30322"/>
                    <a:pt x="47726" y="30322"/>
                  </a:cubicBezTo>
                  <a:cubicBezTo>
                    <a:pt x="47749" y="30322"/>
                    <a:pt x="47773" y="30316"/>
                    <a:pt x="47795" y="30301"/>
                  </a:cubicBezTo>
                  <a:cubicBezTo>
                    <a:pt x="47845" y="30301"/>
                    <a:pt x="47795" y="30176"/>
                    <a:pt x="47845" y="30176"/>
                  </a:cubicBezTo>
                  <a:cubicBezTo>
                    <a:pt x="47855" y="30171"/>
                    <a:pt x="47865" y="30169"/>
                    <a:pt x="47874" y="30169"/>
                  </a:cubicBezTo>
                  <a:cubicBezTo>
                    <a:pt x="47960" y="30169"/>
                    <a:pt x="48026" y="30356"/>
                    <a:pt x="48071" y="30401"/>
                  </a:cubicBezTo>
                  <a:cubicBezTo>
                    <a:pt x="48071" y="30401"/>
                    <a:pt x="48093" y="30435"/>
                    <a:pt x="48123" y="30435"/>
                  </a:cubicBezTo>
                  <a:cubicBezTo>
                    <a:pt x="48138" y="30435"/>
                    <a:pt x="48154" y="30426"/>
                    <a:pt x="48171" y="30401"/>
                  </a:cubicBezTo>
                  <a:cubicBezTo>
                    <a:pt x="48246" y="30401"/>
                    <a:pt x="48296" y="30301"/>
                    <a:pt x="48296" y="30251"/>
                  </a:cubicBezTo>
                  <a:cubicBezTo>
                    <a:pt x="48296" y="30126"/>
                    <a:pt x="48246" y="30025"/>
                    <a:pt x="48171" y="29950"/>
                  </a:cubicBezTo>
                  <a:lnTo>
                    <a:pt x="48171" y="29624"/>
                  </a:lnTo>
                  <a:cubicBezTo>
                    <a:pt x="48171" y="29499"/>
                    <a:pt x="48071" y="29223"/>
                    <a:pt x="48121" y="29123"/>
                  </a:cubicBezTo>
                  <a:cubicBezTo>
                    <a:pt x="48121" y="28998"/>
                    <a:pt x="48246" y="28898"/>
                    <a:pt x="48246" y="28772"/>
                  </a:cubicBezTo>
                  <a:cubicBezTo>
                    <a:pt x="48246" y="28772"/>
                    <a:pt x="48171" y="28672"/>
                    <a:pt x="48121" y="28672"/>
                  </a:cubicBezTo>
                  <a:cubicBezTo>
                    <a:pt x="48109" y="28655"/>
                    <a:pt x="48091" y="28648"/>
                    <a:pt x="48069" y="28648"/>
                  </a:cubicBezTo>
                  <a:cubicBezTo>
                    <a:pt x="47997" y="28648"/>
                    <a:pt x="47884" y="28722"/>
                    <a:pt x="47845" y="28722"/>
                  </a:cubicBezTo>
                  <a:cubicBezTo>
                    <a:pt x="47795" y="28722"/>
                    <a:pt x="47670" y="28547"/>
                    <a:pt x="47670" y="28497"/>
                  </a:cubicBezTo>
                  <a:cubicBezTo>
                    <a:pt x="47670" y="28446"/>
                    <a:pt x="47795" y="28321"/>
                    <a:pt x="47845" y="28271"/>
                  </a:cubicBezTo>
                  <a:lnTo>
                    <a:pt x="48021" y="28271"/>
                  </a:lnTo>
                  <a:cubicBezTo>
                    <a:pt x="48071" y="28321"/>
                    <a:pt x="48071" y="28371"/>
                    <a:pt x="48121" y="28446"/>
                  </a:cubicBezTo>
                  <a:lnTo>
                    <a:pt x="48246" y="28446"/>
                  </a:lnTo>
                  <a:cubicBezTo>
                    <a:pt x="48296" y="28446"/>
                    <a:pt x="48347" y="28371"/>
                    <a:pt x="48347" y="28321"/>
                  </a:cubicBezTo>
                  <a:cubicBezTo>
                    <a:pt x="48397" y="28271"/>
                    <a:pt x="48296" y="28096"/>
                    <a:pt x="48296" y="28045"/>
                  </a:cubicBezTo>
                  <a:lnTo>
                    <a:pt x="48296" y="27920"/>
                  </a:lnTo>
                  <a:cubicBezTo>
                    <a:pt x="48347" y="27870"/>
                    <a:pt x="48347" y="27870"/>
                    <a:pt x="48397" y="27820"/>
                  </a:cubicBezTo>
                  <a:cubicBezTo>
                    <a:pt x="48347" y="27695"/>
                    <a:pt x="48347" y="27644"/>
                    <a:pt x="48296" y="27594"/>
                  </a:cubicBezTo>
                  <a:cubicBezTo>
                    <a:pt x="48246" y="27419"/>
                    <a:pt x="48021" y="27243"/>
                    <a:pt x="47895" y="27143"/>
                  </a:cubicBezTo>
                  <a:cubicBezTo>
                    <a:pt x="47846" y="27019"/>
                    <a:pt x="47672" y="26795"/>
                    <a:pt x="47571" y="26743"/>
                  </a:cubicBezTo>
                  <a:lnTo>
                    <a:pt x="47571" y="26743"/>
                  </a:lnTo>
                  <a:cubicBezTo>
                    <a:pt x="47672" y="26795"/>
                    <a:pt x="47846" y="27019"/>
                    <a:pt x="47895" y="27118"/>
                  </a:cubicBezTo>
                  <a:cubicBezTo>
                    <a:pt x="48021" y="27243"/>
                    <a:pt x="48246" y="27419"/>
                    <a:pt x="48296" y="27569"/>
                  </a:cubicBezTo>
                  <a:cubicBezTo>
                    <a:pt x="48347" y="27644"/>
                    <a:pt x="48347" y="27695"/>
                    <a:pt x="48397" y="27795"/>
                  </a:cubicBezTo>
                  <a:cubicBezTo>
                    <a:pt x="48397" y="27795"/>
                    <a:pt x="48472" y="27745"/>
                    <a:pt x="48522" y="27745"/>
                  </a:cubicBezTo>
                  <a:cubicBezTo>
                    <a:pt x="48572" y="27695"/>
                    <a:pt x="48697" y="27695"/>
                    <a:pt x="48748" y="27695"/>
                  </a:cubicBezTo>
                  <a:cubicBezTo>
                    <a:pt x="48798" y="27695"/>
                    <a:pt x="48798" y="27795"/>
                    <a:pt x="48798" y="27795"/>
                  </a:cubicBezTo>
                  <a:cubicBezTo>
                    <a:pt x="48848" y="27870"/>
                    <a:pt x="48923" y="27920"/>
                    <a:pt x="48973" y="27920"/>
                  </a:cubicBezTo>
                  <a:cubicBezTo>
                    <a:pt x="49023" y="27970"/>
                    <a:pt x="49023" y="28196"/>
                    <a:pt x="49073" y="28246"/>
                  </a:cubicBezTo>
                  <a:cubicBezTo>
                    <a:pt x="49149" y="28246"/>
                    <a:pt x="49249" y="28321"/>
                    <a:pt x="49299" y="28321"/>
                  </a:cubicBezTo>
                  <a:cubicBezTo>
                    <a:pt x="49424" y="28246"/>
                    <a:pt x="49474" y="28096"/>
                    <a:pt x="49524" y="28020"/>
                  </a:cubicBezTo>
                  <a:cubicBezTo>
                    <a:pt x="49600" y="27970"/>
                    <a:pt x="49650" y="27870"/>
                    <a:pt x="49650" y="27795"/>
                  </a:cubicBezTo>
                  <a:cubicBezTo>
                    <a:pt x="49600" y="27745"/>
                    <a:pt x="49424" y="27695"/>
                    <a:pt x="49424" y="27644"/>
                  </a:cubicBezTo>
                  <a:cubicBezTo>
                    <a:pt x="49424" y="27569"/>
                    <a:pt x="49524" y="27569"/>
                    <a:pt x="49524" y="27519"/>
                  </a:cubicBezTo>
                  <a:cubicBezTo>
                    <a:pt x="49524" y="27469"/>
                    <a:pt x="49600" y="27344"/>
                    <a:pt x="49524" y="27294"/>
                  </a:cubicBezTo>
                  <a:lnTo>
                    <a:pt x="49424" y="27294"/>
                  </a:lnTo>
                  <a:cubicBezTo>
                    <a:pt x="49374" y="27294"/>
                    <a:pt x="49374" y="27193"/>
                    <a:pt x="49374" y="27118"/>
                  </a:cubicBezTo>
                  <a:cubicBezTo>
                    <a:pt x="49374" y="27068"/>
                    <a:pt x="49424" y="27018"/>
                    <a:pt x="49474" y="27018"/>
                  </a:cubicBezTo>
                  <a:cubicBezTo>
                    <a:pt x="49524" y="26968"/>
                    <a:pt x="49524" y="26842"/>
                    <a:pt x="49600" y="26842"/>
                  </a:cubicBezTo>
                  <a:cubicBezTo>
                    <a:pt x="49614" y="26828"/>
                    <a:pt x="49632" y="26822"/>
                    <a:pt x="49650" y="26822"/>
                  </a:cubicBezTo>
                  <a:cubicBezTo>
                    <a:pt x="49698" y="26822"/>
                    <a:pt x="49750" y="26863"/>
                    <a:pt x="49750" y="26918"/>
                  </a:cubicBezTo>
                  <a:cubicBezTo>
                    <a:pt x="49825" y="26968"/>
                    <a:pt x="49825" y="27118"/>
                    <a:pt x="49750" y="27243"/>
                  </a:cubicBezTo>
                  <a:cubicBezTo>
                    <a:pt x="49750" y="27294"/>
                    <a:pt x="49700" y="27344"/>
                    <a:pt x="49700" y="27469"/>
                  </a:cubicBezTo>
                  <a:cubicBezTo>
                    <a:pt x="49700" y="27469"/>
                    <a:pt x="49750" y="27569"/>
                    <a:pt x="49825" y="27644"/>
                  </a:cubicBezTo>
                  <a:cubicBezTo>
                    <a:pt x="49875" y="27644"/>
                    <a:pt x="50051" y="27644"/>
                    <a:pt x="50101" y="27569"/>
                  </a:cubicBezTo>
                  <a:cubicBezTo>
                    <a:pt x="50151" y="27569"/>
                    <a:pt x="50201" y="27469"/>
                    <a:pt x="50201" y="27419"/>
                  </a:cubicBezTo>
                  <a:cubicBezTo>
                    <a:pt x="50276" y="27344"/>
                    <a:pt x="50276" y="27193"/>
                    <a:pt x="50276" y="27118"/>
                  </a:cubicBezTo>
                  <a:cubicBezTo>
                    <a:pt x="50276" y="27068"/>
                    <a:pt x="50201" y="26918"/>
                    <a:pt x="50276" y="26842"/>
                  </a:cubicBezTo>
                  <a:cubicBezTo>
                    <a:pt x="50276" y="26792"/>
                    <a:pt x="50326" y="26692"/>
                    <a:pt x="50326" y="26617"/>
                  </a:cubicBezTo>
                  <a:cubicBezTo>
                    <a:pt x="50377" y="26567"/>
                    <a:pt x="50427" y="26517"/>
                    <a:pt x="50427" y="26467"/>
                  </a:cubicBezTo>
                  <a:cubicBezTo>
                    <a:pt x="50427" y="26391"/>
                    <a:pt x="50427" y="26341"/>
                    <a:pt x="50377" y="26291"/>
                  </a:cubicBezTo>
                  <a:cubicBezTo>
                    <a:pt x="50326" y="26241"/>
                    <a:pt x="50201" y="26241"/>
                    <a:pt x="50151" y="26166"/>
                  </a:cubicBezTo>
                  <a:cubicBezTo>
                    <a:pt x="50151" y="26166"/>
                    <a:pt x="50151" y="26015"/>
                    <a:pt x="50101" y="26015"/>
                  </a:cubicBezTo>
                  <a:cubicBezTo>
                    <a:pt x="50101" y="25940"/>
                    <a:pt x="50051" y="25940"/>
                    <a:pt x="49976" y="25940"/>
                  </a:cubicBezTo>
                  <a:cubicBezTo>
                    <a:pt x="49925" y="25940"/>
                    <a:pt x="49875" y="26015"/>
                    <a:pt x="49825" y="26066"/>
                  </a:cubicBezTo>
                  <a:lnTo>
                    <a:pt x="49650" y="26066"/>
                  </a:lnTo>
                  <a:cubicBezTo>
                    <a:pt x="49600" y="26015"/>
                    <a:pt x="49600" y="25890"/>
                    <a:pt x="49600" y="25840"/>
                  </a:cubicBezTo>
                  <a:cubicBezTo>
                    <a:pt x="49600" y="25840"/>
                    <a:pt x="49650" y="25790"/>
                    <a:pt x="49700" y="25790"/>
                  </a:cubicBezTo>
                  <a:cubicBezTo>
                    <a:pt x="49717" y="25765"/>
                    <a:pt x="49742" y="25756"/>
                    <a:pt x="49770" y="25756"/>
                  </a:cubicBezTo>
                  <a:cubicBezTo>
                    <a:pt x="49825" y="25756"/>
                    <a:pt x="49892" y="25790"/>
                    <a:pt x="49925" y="25790"/>
                  </a:cubicBezTo>
                  <a:cubicBezTo>
                    <a:pt x="49959" y="25790"/>
                    <a:pt x="50003" y="25812"/>
                    <a:pt x="50044" y="25812"/>
                  </a:cubicBezTo>
                  <a:cubicBezTo>
                    <a:pt x="50065" y="25812"/>
                    <a:pt x="50084" y="25807"/>
                    <a:pt x="50101" y="25790"/>
                  </a:cubicBezTo>
                  <a:cubicBezTo>
                    <a:pt x="50101" y="25790"/>
                    <a:pt x="50101" y="25715"/>
                    <a:pt x="50051" y="25665"/>
                  </a:cubicBezTo>
                  <a:cubicBezTo>
                    <a:pt x="50051" y="25614"/>
                    <a:pt x="49925" y="25564"/>
                    <a:pt x="49875" y="25489"/>
                  </a:cubicBezTo>
                  <a:cubicBezTo>
                    <a:pt x="49825" y="25389"/>
                    <a:pt x="49600" y="25339"/>
                    <a:pt x="49474" y="25213"/>
                  </a:cubicBezTo>
                  <a:cubicBezTo>
                    <a:pt x="49424" y="25163"/>
                    <a:pt x="49374" y="25113"/>
                    <a:pt x="49299" y="25038"/>
                  </a:cubicBezTo>
                  <a:cubicBezTo>
                    <a:pt x="49299" y="24988"/>
                    <a:pt x="49199" y="24938"/>
                    <a:pt x="49149" y="24938"/>
                  </a:cubicBezTo>
                  <a:cubicBezTo>
                    <a:pt x="49073" y="24938"/>
                    <a:pt x="49023" y="25038"/>
                    <a:pt x="48973" y="25038"/>
                  </a:cubicBezTo>
                  <a:cubicBezTo>
                    <a:pt x="48923" y="25038"/>
                    <a:pt x="48848" y="24988"/>
                    <a:pt x="48848" y="24938"/>
                  </a:cubicBezTo>
                  <a:cubicBezTo>
                    <a:pt x="48798" y="24938"/>
                    <a:pt x="48748" y="24762"/>
                    <a:pt x="48748" y="24762"/>
                  </a:cubicBezTo>
                  <a:cubicBezTo>
                    <a:pt x="48697" y="24712"/>
                    <a:pt x="48572" y="24662"/>
                    <a:pt x="48572" y="24662"/>
                  </a:cubicBezTo>
                  <a:cubicBezTo>
                    <a:pt x="48522" y="24712"/>
                    <a:pt x="48522" y="24812"/>
                    <a:pt x="48472" y="24812"/>
                  </a:cubicBezTo>
                  <a:cubicBezTo>
                    <a:pt x="48472" y="24812"/>
                    <a:pt x="48416" y="24846"/>
                    <a:pt x="48379" y="24846"/>
                  </a:cubicBezTo>
                  <a:cubicBezTo>
                    <a:pt x="48360" y="24846"/>
                    <a:pt x="48347" y="24837"/>
                    <a:pt x="48347" y="24812"/>
                  </a:cubicBezTo>
                  <a:cubicBezTo>
                    <a:pt x="48296" y="24812"/>
                    <a:pt x="48347" y="24762"/>
                    <a:pt x="48347" y="24712"/>
                  </a:cubicBezTo>
                  <a:cubicBezTo>
                    <a:pt x="48347" y="24712"/>
                    <a:pt x="48397" y="24662"/>
                    <a:pt x="48397" y="24587"/>
                  </a:cubicBezTo>
                  <a:cubicBezTo>
                    <a:pt x="48347" y="24537"/>
                    <a:pt x="48296" y="24487"/>
                    <a:pt x="48246" y="24436"/>
                  </a:cubicBezTo>
                  <a:cubicBezTo>
                    <a:pt x="48246" y="24361"/>
                    <a:pt x="48246" y="24261"/>
                    <a:pt x="48296" y="24211"/>
                  </a:cubicBezTo>
                  <a:cubicBezTo>
                    <a:pt x="48296" y="24211"/>
                    <a:pt x="48341" y="24189"/>
                    <a:pt x="48393" y="24189"/>
                  </a:cubicBezTo>
                  <a:cubicBezTo>
                    <a:pt x="48419" y="24189"/>
                    <a:pt x="48447" y="24194"/>
                    <a:pt x="48472" y="24211"/>
                  </a:cubicBezTo>
                  <a:lnTo>
                    <a:pt x="48472" y="24311"/>
                  </a:lnTo>
                  <a:cubicBezTo>
                    <a:pt x="48522" y="24361"/>
                    <a:pt x="48572" y="24436"/>
                    <a:pt x="48622" y="24436"/>
                  </a:cubicBezTo>
                  <a:cubicBezTo>
                    <a:pt x="48697" y="24436"/>
                    <a:pt x="48697" y="24361"/>
                    <a:pt x="48748" y="24311"/>
                  </a:cubicBezTo>
                  <a:cubicBezTo>
                    <a:pt x="48748" y="24261"/>
                    <a:pt x="48697" y="24161"/>
                    <a:pt x="48697" y="24086"/>
                  </a:cubicBezTo>
                  <a:cubicBezTo>
                    <a:pt x="48697" y="24086"/>
                    <a:pt x="48798" y="24035"/>
                    <a:pt x="48798" y="23985"/>
                  </a:cubicBezTo>
                  <a:cubicBezTo>
                    <a:pt x="48798" y="23935"/>
                    <a:pt x="48748" y="23860"/>
                    <a:pt x="48748" y="23810"/>
                  </a:cubicBezTo>
                  <a:lnTo>
                    <a:pt x="48622" y="23760"/>
                  </a:lnTo>
                  <a:cubicBezTo>
                    <a:pt x="48622" y="23710"/>
                    <a:pt x="48622" y="23584"/>
                    <a:pt x="48572" y="23534"/>
                  </a:cubicBezTo>
                  <a:cubicBezTo>
                    <a:pt x="48572" y="23509"/>
                    <a:pt x="48560" y="23509"/>
                    <a:pt x="48541" y="23509"/>
                  </a:cubicBezTo>
                  <a:cubicBezTo>
                    <a:pt x="48522" y="23509"/>
                    <a:pt x="48497" y="23509"/>
                    <a:pt x="48472" y="23484"/>
                  </a:cubicBezTo>
                  <a:cubicBezTo>
                    <a:pt x="48472" y="23484"/>
                    <a:pt x="48522" y="23359"/>
                    <a:pt x="48472" y="23359"/>
                  </a:cubicBezTo>
                  <a:cubicBezTo>
                    <a:pt x="48472" y="23259"/>
                    <a:pt x="48397" y="23133"/>
                    <a:pt x="48397" y="23033"/>
                  </a:cubicBezTo>
                  <a:cubicBezTo>
                    <a:pt x="48397" y="22958"/>
                    <a:pt x="48472" y="22857"/>
                    <a:pt x="48522" y="22807"/>
                  </a:cubicBezTo>
                  <a:cubicBezTo>
                    <a:pt x="48522" y="22807"/>
                    <a:pt x="48572" y="22682"/>
                    <a:pt x="48572" y="22632"/>
                  </a:cubicBezTo>
                  <a:cubicBezTo>
                    <a:pt x="48572" y="22582"/>
                    <a:pt x="48522" y="22507"/>
                    <a:pt x="48522" y="22456"/>
                  </a:cubicBezTo>
                  <a:cubicBezTo>
                    <a:pt x="48522" y="22406"/>
                    <a:pt x="48572" y="22231"/>
                    <a:pt x="48572" y="22131"/>
                  </a:cubicBezTo>
                  <a:cubicBezTo>
                    <a:pt x="48572" y="22055"/>
                    <a:pt x="48622" y="21905"/>
                    <a:pt x="48622" y="21780"/>
                  </a:cubicBezTo>
                  <a:cubicBezTo>
                    <a:pt x="48622" y="21730"/>
                    <a:pt x="48697" y="21680"/>
                    <a:pt x="48697" y="21604"/>
                  </a:cubicBezTo>
                  <a:cubicBezTo>
                    <a:pt x="48697" y="21554"/>
                    <a:pt x="48697" y="21454"/>
                    <a:pt x="48622" y="21404"/>
                  </a:cubicBezTo>
                  <a:lnTo>
                    <a:pt x="48522" y="21404"/>
                  </a:lnTo>
                  <a:cubicBezTo>
                    <a:pt x="48472" y="21454"/>
                    <a:pt x="48522" y="21554"/>
                    <a:pt x="48522" y="21604"/>
                  </a:cubicBezTo>
                  <a:cubicBezTo>
                    <a:pt x="48522" y="21680"/>
                    <a:pt x="48522" y="21730"/>
                    <a:pt x="48472" y="21780"/>
                  </a:cubicBezTo>
                  <a:lnTo>
                    <a:pt x="48472" y="22131"/>
                  </a:lnTo>
                  <a:cubicBezTo>
                    <a:pt x="48397" y="22181"/>
                    <a:pt x="48397" y="22281"/>
                    <a:pt x="48347" y="22356"/>
                  </a:cubicBezTo>
                  <a:lnTo>
                    <a:pt x="48347" y="22632"/>
                  </a:lnTo>
                  <a:lnTo>
                    <a:pt x="48347" y="22807"/>
                  </a:lnTo>
                  <a:cubicBezTo>
                    <a:pt x="48347" y="22857"/>
                    <a:pt x="48296" y="22857"/>
                    <a:pt x="48246" y="22857"/>
                  </a:cubicBezTo>
                  <a:cubicBezTo>
                    <a:pt x="48171" y="22857"/>
                    <a:pt x="48121" y="22807"/>
                    <a:pt x="48121" y="22732"/>
                  </a:cubicBezTo>
                  <a:cubicBezTo>
                    <a:pt x="48121" y="22682"/>
                    <a:pt x="48171" y="22582"/>
                    <a:pt x="48171" y="22582"/>
                  </a:cubicBezTo>
                  <a:cubicBezTo>
                    <a:pt x="48171" y="22507"/>
                    <a:pt x="48246" y="22406"/>
                    <a:pt x="48246" y="22356"/>
                  </a:cubicBezTo>
                  <a:cubicBezTo>
                    <a:pt x="48171" y="22281"/>
                    <a:pt x="48071" y="22281"/>
                    <a:pt x="48021" y="22281"/>
                  </a:cubicBezTo>
                  <a:cubicBezTo>
                    <a:pt x="47946" y="22281"/>
                    <a:pt x="47795" y="22356"/>
                    <a:pt x="47670" y="22356"/>
                  </a:cubicBezTo>
                  <a:lnTo>
                    <a:pt x="47444" y="22356"/>
                  </a:lnTo>
                  <a:cubicBezTo>
                    <a:pt x="47394" y="22281"/>
                    <a:pt x="47394" y="22131"/>
                    <a:pt x="47344" y="22131"/>
                  </a:cubicBezTo>
                  <a:cubicBezTo>
                    <a:pt x="47306" y="22093"/>
                    <a:pt x="47250" y="22093"/>
                    <a:pt x="47194" y="22093"/>
                  </a:cubicBezTo>
                  <a:cubicBezTo>
                    <a:pt x="47137" y="22093"/>
                    <a:pt x="47081" y="22093"/>
                    <a:pt x="47043" y="22055"/>
                  </a:cubicBezTo>
                  <a:cubicBezTo>
                    <a:pt x="46993" y="22005"/>
                    <a:pt x="46943" y="21830"/>
                    <a:pt x="46943" y="21780"/>
                  </a:cubicBezTo>
                  <a:cubicBezTo>
                    <a:pt x="46943" y="21604"/>
                    <a:pt x="46943" y="21404"/>
                    <a:pt x="46993" y="21279"/>
                  </a:cubicBezTo>
                  <a:cubicBezTo>
                    <a:pt x="46993" y="21228"/>
                    <a:pt x="47118" y="21178"/>
                    <a:pt x="47118" y="21103"/>
                  </a:cubicBezTo>
                  <a:cubicBezTo>
                    <a:pt x="47118" y="21053"/>
                    <a:pt x="47043" y="20953"/>
                    <a:pt x="46993" y="20878"/>
                  </a:cubicBezTo>
                  <a:lnTo>
                    <a:pt x="46993" y="20652"/>
                  </a:lnTo>
                  <a:cubicBezTo>
                    <a:pt x="47043" y="20602"/>
                    <a:pt x="47169" y="20502"/>
                    <a:pt x="47219" y="20502"/>
                  </a:cubicBezTo>
                  <a:cubicBezTo>
                    <a:pt x="47269" y="20502"/>
                    <a:pt x="47269" y="20652"/>
                    <a:pt x="47269" y="20652"/>
                  </a:cubicBezTo>
                  <a:cubicBezTo>
                    <a:pt x="47344" y="20727"/>
                    <a:pt x="47444" y="20777"/>
                    <a:pt x="47494" y="20827"/>
                  </a:cubicBezTo>
                  <a:cubicBezTo>
                    <a:pt x="47494" y="20953"/>
                    <a:pt x="47394" y="21103"/>
                    <a:pt x="47394" y="21178"/>
                  </a:cubicBezTo>
                  <a:cubicBezTo>
                    <a:pt x="47394" y="21228"/>
                    <a:pt x="47494" y="21279"/>
                    <a:pt x="47570" y="21329"/>
                  </a:cubicBezTo>
                  <a:cubicBezTo>
                    <a:pt x="47603" y="21329"/>
                    <a:pt x="47659" y="21362"/>
                    <a:pt x="47714" y="21362"/>
                  </a:cubicBezTo>
                  <a:cubicBezTo>
                    <a:pt x="47742" y="21362"/>
                    <a:pt x="47770" y="21354"/>
                    <a:pt x="47795" y="21329"/>
                  </a:cubicBezTo>
                  <a:cubicBezTo>
                    <a:pt x="47795" y="21329"/>
                    <a:pt x="47895" y="21329"/>
                    <a:pt x="47946" y="21279"/>
                  </a:cubicBezTo>
                  <a:cubicBezTo>
                    <a:pt x="47946" y="21178"/>
                    <a:pt x="47895" y="21003"/>
                    <a:pt x="47895" y="20878"/>
                  </a:cubicBezTo>
                  <a:cubicBezTo>
                    <a:pt x="47895" y="20878"/>
                    <a:pt x="47946" y="20827"/>
                    <a:pt x="48021" y="20827"/>
                  </a:cubicBezTo>
                  <a:cubicBezTo>
                    <a:pt x="48021" y="20777"/>
                    <a:pt x="47946" y="20652"/>
                    <a:pt x="47895" y="20602"/>
                  </a:cubicBezTo>
                  <a:cubicBezTo>
                    <a:pt x="47895" y="20552"/>
                    <a:pt x="47895" y="20376"/>
                    <a:pt x="47946" y="20376"/>
                  </a:cubicBezTo>
                  <a:cubicBezTo>
                    <a:pt x="47946" y="20326"/>
                    <a:pt x="48121" y="20276"/>
                    <a:pt x="48246" y="20276"/>
                  </a:cubicBezTo>
                  <a:cubicBezTo>
                    <a:pt x="48296" y="20326"/>
                    <a:pt x="48296" y="20426"/>
                    <a:pt x="48347" y="20426"/>
                  </a:cubicBezTo>
                  <a:lnTo>
                    <a:pt x="48622" y="20426"/>
                  </a:lnTo>
                  <a:cubicBezTo>
                    <a:pt x="48697" y="20376"/>
                    <a:pt x="48748" y="20201"/>
                    <a:pt x="48697" y="20101"/>
                  </a:cubicBezTo>
                  <a:cubicBezTo>
                    <a:pt x="48697" y="20050"/>
                    <a:pt x="48572" y="20050"/>
                    <a:pt x="48472" y="20050"/>
                  </a:cubicBezTo>
                  <a:cubicBezTo>
                    <a:pt x="48454" y="20032"/>
                    <a:pt x="48431" y="20026"/>
                    <a:pt x="48406" y="20026"/>
                  </a:cubicBezTo>
                  <a:cubicBezTo>
                    <a:pt x="48346" y="20026"/>
                    <a:pt x="48273" y="20063"/>
                    <a:pt x="48217" y="20063"/>
                  </a:cubicBezTo>
                  <a:cubicBezTo>
                    <a:pt x="48200" y="20063"/>
                    <a:pt x="48184" y="20059"/>
                    <a:pt x="48171" y="20050"/>
                  </a:cubicBezTo>
                  <a:cubicBezTo>
                    <a:pt x="48171" y="19975"/>
                    <a:pt x="48246" y="19875"/>
                    <a:pt x="48296" y="19875"/>
                  </a:cubicBezTo>
                  <a:cubicBezTo>
                    <a:pt x="48347" y="19825"/>
                    <a:pt x="48472" y="19825"/>
                    <a:pt x="48472" y="19825"/>
                  </a:cubicBezTo>
                  <a:cubicBezTo>
                    <a:pt x="48572" y="19750"/>
                    <a:pt x="48622" y="19599"/>
                    <a:pt x="48622" y="19524"/>
                  </a:cubicBezTo>
                  <a:cubicBezTo>
                    <a:pt x="48697" y="19524"/>
                    <a:pt x="48697" y="19474"/>
                    <a:pt x="48748" y="19424"/>
                  </a:cubicBezTo>
                  <a:lnTo>
                    <a:pt x="48973" y="19424"/>
                  </a:lnTo>
                  <a:cubicBezTo>
                    <a:pt x="49023" y="19424"/>
                    <a:pt x="49073" y="19474"/>
                    <a:pt x="49149" y="19474"/>
                  </a:cubicBezTo>
                  <a:cubicBezTo>
                    <a:pt x="49199" y="19474"/>
                    <a:pt x="49249" y="19424"/>
                    <a:pt x="49299" y="19424"/>
                  </a:cubicBezTo>
                  <a:cubicBezTo>
                    <a:pt x="49299" y="19374"/>
                    <a:pt x="49424" y="19299"/>
                    <a:pt x="49424" y="19299"/>
                  </a:cubicBezTo>
                  <a:cubicBezTo>
                    <a:pt x="49474" y="19299"/>
                    <a:pt x="49424" y="19474"/>
                    <a:pt x="49474" y="19524"/>
                  </a:cubicBezTo>
                  <a:cubicBezTo>
                    <a:pt x="49524" y="19524"/>
                    <a:pt x="49650" y="19474"/>
                    <a:pt x="49650" y="19424"/>
                  </a:cubicBezTo>
                  <a:cubicBezTo>
                    <a:pt x="49650" y="19374"/>
                    <a:pt x="49600" y="19248"/>
                    <a:pt x="49600" y="19198"/>
                  </a:cubicBezTo>
                  <a:lnTo>
                    <a:pt x="49600" y="19023"/>
                  </a:lnTo>
                  <a:cubicBezTo>
                    <a:pt x="49650" y="18973"/>
                    <a:pt x="49825" y="18973"/>
                    <a:pt x="49825" y="18923"/>
                  </a:cubicBezTo>
                  <a:cubicBezTo>
                    <a:pt x="49875" y="18923"/>
                    <a:pt x="49875" y="18797"/>
                    <a:pt x="49875" y="18797"/>
                  </a:cubicBezTo>
                  <a:lnTo>
                    <a:pt x="50051" y="18797"/>
                  </a:lnTo>
                  <a:cubicBezTo>
                    <a:pt x="50101" y="18797"/>
                    <a:pt x="50276" y="18847"/>
                    <a:pt x="50326" y="18923"/>
                  </a:cubicBezTo>
                  <a:cubicBezTo>
                    <a:pt x="50377" y="18923"/>
                    <a:pt x="50427" y="18847"/>
                    <a:pt x="50502" y="18847"/>
                  </a:cubicBezTo>
                  <a:lnTo>
                    <a:pt x="50652" y="18847"/>
                  </a:lnTo>
                  <a:cubicBezTo>
                    <a:pt x="50652" y="18923"/>
                    <a:pt x="50502" y="19023"/>
                    <a:pt x="50502" y="19073"/>
                  </a:cubicBezTo>
                  <a:lnTo>
                    <a:pt x="50602" y="19148"/>
                  </a:lnTo>
                  <a:cubicBezTo>
                    <a:pt x="50652" y="19148"/>
                    <a:pt x="50727" y="19023"/>
                    <a:pt x="50727" y="19023"/>
                  </a:cubicBezTo>
                  <a:cubicBezTo>
                    <a:pt x="50778" y="19023"/>
                    <a:pt x="50828" y="19073"/>
                    <a:pt x="50828" y="19148"/>
                  </a:cubicBezTo>
                  <a:cubicBezTo>
                    <a:pt x="50828" y="19198"/>
                    <a:pt x="50727" y="19248"/>
                    <a:pt x="50652" y="19299"/>
                  </a:cubicBezTo>
                  <a:cubicBezTo>
                    <a:pt x="50602" y="19299"/>
                    <a:pt x="50502" y="19374"/>
                    <a:pt x="50427" y="19374"/>
                  </a:cubicBezTo>
                  <a:cubicBezTo>
                    <a:pt x="50377" y="19299"/>
                    <a:pt x="50377" y="19248"/>
                    <a:pt x="50326" y="19198"/>
                  </a:cubicBezTo>
                  <a:lnTo>
                    <a:pt x="50201" y="19198"/>
                  </a:lnTo>
                  <a:cubicBezTo>
                    <a:pt x="50151" y="19248"/>
                    <a:pt x="50101" y="19424"/>
                    <a:pt x="50051" y="19474"/>
                  </a:cubicBezTo>
                  <a:cubicBezTo>
                    <a:pt x="49976" y="19524"/>
                    <a:pt x="49875" y="19599"/>
                    <a:pt x="49825" y="19649"/>
                  </a:cubicBezTo>
                  <a:cubicBezTo>
                    <a:pt x="49750" y="19700"/>
                    <a:pt x="49650" y="19825"/>
                    <a:pt x="49600" y="19825"/>
                  </a:cubicBezTo>
                  <a:cubicBezTo>
                    <a:pt x="49524" y="19875"/>
                    <a:pt x="49374" y="19875"/>
                    <a:pt x="49299" y="19925"/>
                  </a:cubicBezTo>
                  <a:cubicBezTo>
                    <a:pt x="49249" y="19975"/>
                    <a:pt x="49249" y="20101"/>
                    <a:pt x="49249" y="20151"/>
                  </a:cubicBezTo>
                  <a:cubicBezTo>
                    <a:pt x="49249" y="20201"/>
                    <a:pt x="49299" y="20326"/>
                    <a:pt x="49374" y="20376"/>
                  </a:cubicBezTo>
                  <a:cubicBezTo>
                    <a:pt x="49374" y="20376"/>
                    <a:pt x="49474" y="20376"/>
                    <a:pt x="49524" y="20326"/>
                  </a:cubicBezTo>
                  <a:cubicBezTo>
                    <a:pt x="49650" y="20326"/>
                    <a:pt x="49875" y="20101"/>
                    <a:pt x="49976" y="20050"/>
                  </a:cubicBezTo>
                  <a:cubicBezTo>
                    <a:pt x="50151" y="19975"/>
                    <a:pt x="50552" y="19875"/>
                    <a:pt x="50727" y="19750"/>
                  </a:cubicBezTo>
                  <a:cubicBezTo>
                    <a:pt x="50828" y="19700"/>
                    <a:pt x="50953" y="19599"/>
                    <a:pt x="51053" y="19524"/>
                  </a:cubicBezTo>
                  <a:cubicBezTo>
                    <a:pt x="51103" y="19474"/>
                    <a:pt x="51279" y="19374"/>
                    <a:pt x="51329" y="19374"/>
                  </a:cubicBezTo>
                  <a:cubicBezTo>
                    <a:pt x="51454" y="19299"/>
                    <a:pt x="51630" y="19198"/>
                    <a:pt x="51680" y="19148"/>
                  </a:cubicBezTo>
                  <a:cubicBezTo>
                    <a:pt x="51780" y="19073"/>
                    <a:pt x="51905" y="18973"/>
                    <a:pt x="52006" y="18973"/>
                  </a:cubicBezTo>
                  <a:cubicBezTo>
                    <a:pt x="52081" y="18923"/>
                    <a:pt x="52231" y="18847"/>
                    <a:pt x="52306" y="18847"/>
                  </a:cubicBezTo>
                  <a:cubicBezTo>
                    <a:pt x="52407" y="18747"/>
                    <a:pt x="52682" y="18522"/>
                    <a:pt x="52858" y="18472"/>
                  </a:cubicBezTo>
                  <a:cubicBezTo>
                    <a:pt x="52908" y="18421"/>
                    <a:pt x="53033" y="18296"/>
                    <a:pt x="53083" y="18296"/>
                  </a:cubicBezTo>
                  <a:cubicBezTo>
                    <a:pt x="53133" y="18296"/>
                    <a:pt x="53209" y="18346"/>
                    <a:pt x="53259" y="18346"/>
                  </a:cubicBezTo>
                  <a:cubicBezTo>
                    <a:pt x="53309" y="18296"/>
                    <a:pt x="53359" y="18196"/>
                    <a:pt x="53434" y="18121"/>
                  </a:cubicBezTo>
                  <a:cubicBezTo>
                    <a:pt x="53434" y="18071"/>
                    <a:pt x="53535" y="18020"/>
                    <a:pt x="53585" y="17970"/>
                  </a:cubicBezTo>
                  <a:cubicBezTo>
                    <a:pt x="53660" y="17895"/>
                    <a:pt x="53810" y="17845"/>
                    <a:pt x="53936" y="17795"/>
                  </a:cubicBezTo>
                  <a:cubicBezTo>
                    <a:pt x="53986" y="17745"/>
                    <a:pt x="54111" y="17619"/>
                    <a:pt x="54161" y="17619"/>
                  </a:cubicBezTo>
                  <a:lnTo>
                    <a:pt x="54211" y="17619"/>
                  </a:lnTo>
                  <a:lnTo>
                    <a:pt x="54211" y="17644"/>
                  </a:lnTo>
                  <a:cubicBezTo>
                    <a:pt x="54261" y="17720"/>
                    <a:pt x="54311" y="17720"/>
                    <a:pt x="54311" y="17720"/>
                  </a:cubicBezTo>
                  <a:cubicBezTo>
                    <a:pt x="54328" y="17736"/>
                    <a:pt x="54359" y="17742"/>
                    <a:pt x="54394" y="17742"/>
                  </a:cubicBezTo>
                  <a:cubicBezTo>
                    <a:pt x="54465" y="17742"/>
                    <a:pt x="54554" y="17720"/>
                    <a:pt x="54587" y="17720"/>
                  </a:cubicBezTo>
                  <a:cubicBezTo>
                    <a:pt x="54662" y="17720"/>
                    <a:pt x="54813" y="17770"/>
                    <a:pt x="54888" y="17770"/>
                  </a:cubicBezTo>
                  <a:cubicBezTo>
                    <a:pt x="54988" y="17720"/>
                    <a:pt x="55038" y="17594"/>
                    <a:pt x="55113" y="17494"/>
                  </a:cubicBezTo>
                  <a:lnTo>
                    <a:pt x="55113" y="17268"/>
                  </a:lnTo>
                  <a:cubicBezTo>
                    <a:pt x="55164" y="17193"/>
                    <a:pt x="55339" y="17193"/>
                    <a:pt x="55339" y="17193"/>
                  </a:cubicBezTo>
                  <a:cubicBezTo>
                    <a:pt x="55389" y="17143"/>
                    <a:pt x="55389" y="17043"/>
                    <a:pt x="55389" y="16968"/>
                  </a:cubicBezTo>
                  <a:cubicBezTo>
                    <a:pt x="55339" y="16918"/>
                    <a:pt x="55214" y="16867"/>
                    <a:pt x="55214" y="16867"/>
                  </a:cubicBezTo>
                  <a:cubicBezTo>
                    <a:pt x="55164" y="16842"/>
                    <a:pt x="55095" y="16842"/>
                    <a:pt x="55032" y="16842"/>
                  </a:cubicBezTo>
                  <a:cubicBezTo>
                    <a:pt x="54969" y="16842"/>
                    <a:pt x="54913" y="16842"/>
                    <a:pt x="54888" y="16817"/>
                  </a:cubicBezTo>
                  <a:cubicBezTo>
                    <a:pt x="54813" y="16817"/>
                    <a:pt x="54813" y="16692"/>
                    <a:pt x="54813" y="16692"/>
                  </a:cubicBezTo>
                  <a:cubicBezTo>
                    <a:pt x="54888" y="16592"/>
                    <a:pt x="54988" y="16466"/>
                    <a:pt x="55038" y="16416"/>
                  </a:cubicBezTo>
                  <a:lnTo>
                    <a:pt x="55214" y="16416"/>
                  </a:lnTo>
                  <a:lnTo>
                    <a:pt x="55264" y="16291"/>
                  </a:lnTo>
                  <a:cubicBezTo>
                    <a:pt x="55339" y="16241"/>
                    <a:pt x="55339" y="16141"/>
                    <a:pt x="55389" y="16065"/>
                  </a:cubicBezTo>
                  <a:cubicBezTo>
                    <a:pt x="55389" y="16065"/>
                    <a:pt x="55456" y="16099"/>
                    <a:pt x="55523" y="16099"/>
                  </a:cubicBezTo>
                  <a:cubicBezTo>
                    <a:pt x="55556" y="16099"/>
                    <a:pt x="55590" y="16091"/>
                    <a:pt x="55615" y="16065"/>
                  </a:cubicBezTo>
                  <a:cubicBezTo>
                    <a:pt x="55665" y="16065"/>
                    <a:pt x="55665" y="15915"/>
                    <a:pt x="55715" y="15915"/>
                  </a:cubicBezTo>
                  <a:cubicBezTo>
                    <a:pt x="55730" y="15892"/>
                    <a:pt x="55757" y="15883"/>
                    <a:pt x="55788" y="15883"/>
                  </a:cubicBezTo>
                  <a:cubicBezTo>
                    <a:pt x="55860" y="15883"/>
                    <a:pt x="55956" y="15930"/>
                    <a:pt x="55991" y="15965"/>
                  </a:cubicBezTo>
                  <a:cubicBezTo>
                    <a:pt x="56066" y="15965"/>
                    <a:pt x="56166" y="16065"/>
                    <a:pt x="56216" y="16065"/>
                  </a:cubicBezTo>
                  <a:cubicBezTo>
                    <a:pt x="56291" y="16141"/>
                    <a:pt x="56442" y="16141"/>
                    <a:pt x="56567" y="16141"/>
                  </a:cubicBezTo>
                  <a:cubicBezTo>
                    <a:pt x="56601" y="16141"/>
                    <a:pt x="56690" y="16107"/>
                    <a:pt x="56760" y="16107"/>
                  </a:cubicBezTo>
                  <a:cubicBezTo>
                    <a:pt x="56795" y="16107"/>
                    <a:pt x="56826" y="16116"/>
                    <a:pt x="56843" y="16141"/>
                  </a:cubicBezTo>
                  <a:cubicBezTo>
                    <a:pt x="56893" y="16141"/>
                    <a:pt x="57018" y="16241"/>
                    <a:pt x="57068" y="16241"/>
                  </a:cubicBezTo>
                  <a:cubicBezTo>
                    <a:pt x="57085" y="16258"/>
                    <a:pt x="57116" y="16263"/>
                    <a:pt x="57153" y="16263"/>
                  </a:cubicBezTo>
                  <a:cubicBezTo>
                    <a:pt x="57227" y="16263"/>
                    <a:pt x="57327" y="16241"/>
                    <a:pt x="57394" y="16241"/>
                  </a:cubicBezTo>
                  <a:cubicBezTo>
                    <a:pt x="57469" y="16291"/>
                    <a:pt x="57469" y="16416"/>
                    <a:pt x="57519" y="16466"/>
                  </a:cubicBezTo>
                  <a:cubicBezTo>
                    <a:pt x="57553" y="16466"/>
                    <a:pt x="57642" y="16444"/>
                    <a:pt x="57713" y="16444"/>
                  </a:cubicBezTo>
                  <a:cubicBezTo>
                    <a:pt x="57748" y="16444"/>
                    <a:pt x="57778" y="16450"/>
                    <a:pt x="57795" y="16466"/>
                  </a:cubicBezTo>
                  <a:cubicBezTo>
                    <a:pt x="57920" y="16517"/>
                    <a:pt x="57971" y="16692"/>
                    <a:pt x="58021" y="16692"/>
                  </a:cubicBezTo>
                  <a:cubicBezTo>
                    <a:pt x="58083" y="16717"/>
                    <a:pt x="58152" y="16730"/>
                    <a:pt x="58221" y="16730"/>
                  </a:cubicBezTo>
                  <a:cubicBezTo>
                    <a:pt x="58290" y="16730"/>
                    <a:pt x="58359" y="16717"/>
                    <a:pt x="58422" y="16692"/>
                  </a:cubicBezTo>
                  <a:cubicBezTo>
                    <a:pt x="58472" y="16692"/>
                    <a:pt x="58697" y="16517"/>
                    <a:pt x="58697" y="16466"/>
                  </a:cubicBezTo>
                  <a:cubicBezTo>
                    <a:pt x="58748" y="16366"/>
                    <a:pt x="58748" y="16191"/>
                    <a:pt x="58697" y="16141"/>
                  </a:cubicBezTo>
                  <a:cubicBezTo>
                    <a:pt x="58697" y="16065"/>
                    <a:pt x="58647" y="15915"/>
                    <a:pt x="58647" y="15840"/>
                  </a:cubicBezTo>
                  <a:cubicBezTo>
                    <a:pt x="58597" y="15790"/>
                    <a:pt x="58597" y="15614"/>
                    <a:pt x="58647" y="15564"/>
                  </a:cubicBezTo>
                  <a:cubicBezTo>
                    <a:pt x="58683" y="15529"/>
                    <a:pt x="58743" y="15493"/>
                    <a:pt x="58802" y="15493"/>
                  </a:cubicBezTo>
                  <a:cubicBezTo>
                    <a:pt x="58827" y="15493"/>
                    <a:pt x="58851" y="15499"/>
                    <a:pt x="58873" y="15514"/>
                  </a:cubicBezTo>
                  <a:cubicBezTo>
                    <a:pt x="58923" y="15514"/>
                    <a:pt x="58973" y="15614"/>
                    <a:pt x="59023" y="15614"/>
                  </a:cubicBezTo>
                  <a:cubicBezTo>
                    <a:pt x="59199" y="15740"/>
                    <a:pt x="59424" y="15965"/>
                    <a:pt x="59550" y="16065"/>
                  </a:cubicBezTo>
                  <a:cubicBezTo>
                    <a:pt x="59600" y="16191"/>
                    <a:pt x="59775" y="16366"/>
                    <a:pt x="59825" y="16416"/>
                  </a:cubicBezTo>
                  <a:cubicBezTo>
                    <a:pt x="59875" y="16517"/>
                    <a:pt x="60051" y="16742"/>
                    <a:pt x="60151" y="16817"/>
                  </a:cubicBezTo>
                  <a:cubicBezTo>
                    <a:pt x="60226" y="16918"/>
                    <a:pt x="60377" y="17043"/>
                    <a:pt x="60427" y="17093"/>
                  </a:cubicBezTo>
                  <a:cubicBezTo>
                    <a:pt x="60427" y="17193"/>
                    <a:pt x="60427" y="17319"/>
                    <a:pt x="60377" y="17369"/>
                  </a:cubicBezTo>
                  <a:cubicBezTo>
                    <a:pt x="60377" y="17419"/>
                    <a:pt x="60276" y="17494"/>
                    <a:pt x="60226" y="17594"/>
                  </a:cubicBezTo>
                  <a:cubicBezTo>
                    <a:pt x="60101" y="17770"/>
                    <a:pt x="60151" y="17870"/>
                    <a:pt x="60151" y="17870"/>
                  </a:cubicBezTo>
                  <a:lnTo>
                    <a:pt x="60226" y="17995"/>
                  </a:lnTo>
                  <a:lnTo>
                    <a:pt x="60502" y="17995"/>
                  </a:lnTo>
                  <a:cubicBezTo>
                    <a:pt x="60602" y="17995"/>
                    <a:pt x="60778" y="18096"/>
                    <a:pt x="60828" y="18096"/>
                  </a:cubicBezTo>
                  <a:cubicBezTo>
                    <a:pt x="60878" y="18096"/>
                    <a:pt x="61003" y="17995"/>
                    <a:pt x="61003" y="17995"/>
                  </a:cubicBezTo>
                  <a:cubicBezTo>
                    <a:pt x="61103" y="17995"/>
                    <a:pt x="61279" y="17995"/>
                    <a:pt x="61279" y="17945"/>
                  </a:cubicBezTo>
                  <a:cubicBezTo>
                    <a:pt x="61329" y="17870"/>
                    <a:pt x="61279" y="17770"/>
                    <a:pt x="61329" y="17720"/>
                  </a:cubicBezTo>
                  <a:cubicBezTo>
                    <a:pt x="61329" y="17644"/>
                    <a:pt x="61404" y="17544"/>
                    <a:pt x="61454" y="17544"/>
                  </a:cubicBezTo>
                  <a:cubicBezTo>
                    <a:pt x="61471" y="17527"/>
                    <a:pt x="61496" y="17522"/>
                    <a:pt x="61524" y="17522"/>
                  </a:cubicBezTo>
                  <a:cubicBezTo>
                    <a:pt x="61580" y="17522"/>
                    <a:pt x="61646" y="17544"/>
                    <a:pt x="61680" y="17544"/>
                  </a:cubicBezTo>
                  <a:cubicBezTo>
                    <a:pt x="61730" y="17494"/>
                    <a:pt x="61780" y="17419"/>
                    <a:pt x="61780" y="17369"/>
                  </a:cubicBezTo>
                  <a:cubicBezTo>
                    <a:pt x="61830" y="17319"/>
                    <a:pt x="61830" y="17093"/>
                    <a:pt x="61780" y="17043"/>
                  </a:cubicBezTo>
                  <a:cubicBezTo>
                    <a:pt x="61680" y="16918"/>
                    <a:pt x="61454" y="16968"/>
                    <a:pt x="61329" y="16918"/>
                  </a:cubicBezTo>
                  <a:cubicBezTo>
                    <a:pt x="61279" y="16867"/>
                    <a:pt x="61103" y="16692"/>
                    <a:pt x="61053" y="16642"/>
                  </a:cubicBezTo>
                  <a:cubicBezTo>
                    <a:pt x="61053" y="16592"/>
                    <a:pt x="61053" y="16366"/>
                    <a:pt x="61003" y="16291"/>
                  </a:cubicBezTo>
                  <a:cubicBezTo>
                    <a:pt x="60953" y="16241"/>
                    <a:pt x="60828" y="16241"/>
                    <a:pt x="60778" y="16241"/>
                  </a:cubicBezTo>
                  <a:cubicBezTo>
                    <a:pt x="60652" y="16191"/>
                    <a:pt x="60552" y="16015"/>
                    <a:pt x="60502" y="15915"/>
                  </a:cubicBezTo>
                  <a:cubicBezTo>
                    <a:pt x="60502" y="15840"/>
                    <a:pt x="60427" y="15740"/>
                    <a:pt x="60427" y="15690"/>
                  </a:cubicBezTo>
                  <a:cubicBezTo>
                    <a:pt x="60377" y="15614"/>
                    <a:pt x="60226" y="15514"/>
                    <a:pt x="60151" y="15464"/>
                  </a:cubicBezTo>
                  <a:cubicBezTo>
                    <a:pt x="60101" y="15464"/>
                    <a:pt x="59926" y="15389"/>
                    <a:pt x="59875" y="15339"/>
                  </a:cubicBezTo>
                  <a:cubicBezTo>
                    <a:pt x="59825" y="15289"/>
                    <a:pt x="59825" y="15113"/>
                    <a:pt x="59775" y="15063"/>
                  </a:cubicBezTo>
                  <a:cubicBezTo>
                    <a:pt x="59700" y="14938"/>
                    <a:pt x="59550" y="14837"/>
                    <a:pt x="59474" y="14837"/>
                  </a:cubicBezTo>
                  <a:cubicBezTo>
                    <a:pt x="59424" y="14812"/>
                    <a:pt x="59330" y="14812"/>
                    <a:pt x="59233" y="14812"/>
                  </a:cubicBezTo>
                  <a:cubicBezTo>
                    <a:pt x="59136" y="14812"/>
                    <a:pt x="59036" y="14812"/>
                    <a:pt x="58973" y="14787"/>
                  </a:cubicBezTo>
                  <a:cubicBezTo>
                    <a:pt x="58923" y="14712"/>
                    <a:pt x="58873" y="14612"/>
                    <a:pt x="58873" y="14562"/>
                  </a:cubicBezTo>
                  <a:cubicBezTo>
                    <a:pt x="58873" y="14487"/>
                    <a:pt x="58923" y="14386"/>
                    <a:pt x="58973" y="14336"/>
                  </a:cubicBezTo>
                  <a:cubicBezTo>
                    <a:pt x="58973" y="14211"/>
                    <a:pt x="59023" y="14035"/>
                    <a:pt x="59098" y="13935"/>
                  </a:cubicBezTo>
                  <a:cubicBezTo>
                    <a:pt x="59149" y="13885"/>
                    <a:pt x="59249" y="13810"/>
                    <a:pt x="59324" y="13760"/>
                  </a:cubicBezTo>
                  <a:cubicBezTo>
                    <a:pt x="59374" y="13659"/>
                    <a:pt x="59374" y="13434"/>
                    <a:pt x="59324" y="13309"/>
                  </a:cubicBezTo>
                  <a:cubicBezTo>
                    <a:pt x="59324" y="13258"/>
                    <a:pt x="59249" y="13133"/>
                    <a:pt x="59199" y="13083"/>
                  </a:cubicBezTo>
                  <a:cubicBezTo>
                    <a:pt x="59199" y="13033"/>
                    <a:pt x="59023" y="13033"/>
                    <a:pt x="58973" y="13033"/>
                  </a:cubicBezTo>
                  <a:cubicBezTo>
                    <a:pt x="58948" y="13008"/>
                    <a:pt x="58892" y="12995"/>
                    <a:pt x="58835" y="12995"/>
                  </a:cubicBezTo>
                  <a:cubicBezTo>
                    <a:pt x="58779" y="12995"/>
                    <a:pt x="58723" y="13008"/>
                    <a:pt x="58697" y="13033"/>
                  </a:cubicBezTo>
                  <a:cubicBezTo>
                    <a:pt x="58647" y="13033"/>
                    <a:pt x="58647" y="13133"/>
                    <a:pt x="58597" y="13133"/>
                  </a:cubicBezTo>
                  <a:cubicBezTo>
                    <a:pt x="58574" y="13156"/>
                    <a:pt x="58538" y="13165"/>
                    <a:pt x="58496" y="13165"/>
                  </a:cubicBezTo>
                  <a:cubicBezTo>
                    <a:pt x="58401" y="13165"/>
                    <a:pt x="58281" y="13118"/>
                    <a:pt x="58246" y="13083"/>
                  </a:cubicBezTo>
                  <a:cubicBezTo>
                    <a:pt x="58196" y="13033"/>
                    <a:pt x="58146" y="12857"/>
                    <a:pt x="58196" y="12807"/>
                  </a:cubicBezTo>
                  <a:cubicBezTo>
                    <a:pt x="58196" y="12807"/>
                    <a:pt x="58296" y="12757"/>
                    <a:pt x="58296" y="12707"/>
                  </a:cubicBezTo>
                  <a:cubicBezTo>
                    <a:pt x="58372" y="12632"/>
                    <a:pt x="58246" y="12482"/>
                    <a:pt x="58296" y="12406"/>
                  </a:cubicBezTo>
                  <a:cubicBezTo>
                    <a:pt x="58296" y="12406"/>
                    <a:pt x="58422" y="12356"/>
                    <a:pt x="58422" y="12306"/>
                  </a:cubicBezTo>
                  <a:cubicBezTo>
                    <a:pt x="58472" y="12256"/>
                    <a:pt x="58372" y="12131"/>
                    <a:pt x="58422" y="12080"/>
                  </a:cubicBezTo>
                  <a:cubicBezTo>
                    <a:pt x="58422" y="11955"/>
                    <a:pt x="58647" y="11955"/>
                    <a:pt x="58697" y="11905"/>
                  </a:cubicBezTo>
                  <a:cubicBezTo>
                    <a:pt x="58748" y="11905"/>
                    <a:pt x="58923" y="11905"/>
                    <a:pt x="58973" y="11855"/>
                  </a:cubicBezTo>
                  <a:cubicBezTo>
                    <a:pt x="59023" y="11805"/>
                    <a:pt x="59199" y="11629"/>
                    <a:pt x="59249" y="11504"/>
                  </a:cubicBezTo>
                  <a:cubicBezTo>
                    <a:pt x="59324" y="11404"/>
                    <a:pt x="59374" y="11178"/>
                    <a:pt x="59374" y="11053"/>
                  </a:cubicBezTo>
                  <a:cubicBezTo>
                    <a:pt x="59424" y="11003"/>
                    <a:pt x="59474" y="10827"/>
                    <a:pt x="59424" y="10777"/>
                  </a:cubicBezTo>
                  <a:cubicBezTo>
                    <a:pt x="59399" y="10752"/>
                    <a:pt x="59355" y="10752"/>
                    <a:pt x="59311" y="10752"/>
                  </a:cubicBezTo>
                  <a:cubicBezTo>
                    <a:pt x="59268" y="10752"/>
                    <a:pt x="59224" y="10752"/>
                    <a:pt x="59199" y="10727"/>
                  </a:cubicBezTo>
                  <a:cubicBezTo>
                    <a:pt x="59149" y="10727"/>
                    <a:pt x="59023" y="10677"/>
                    <a:pt x="59023" y="10602"/>
                  </a:cubicBezTo>
                  <a:cubicBezTo>
                    <a:pt x="58973" y="10552"/>
                    <a:pt x="58873" y="10451"/>
                    <a:pt x="58798" y="10376"/>
                  </a:cubicBezTo>
                  <a:cubicBezTo>
                    <a:pt x="58748" y="10351"/>
                    <a:pt x="58666" y="10351"/>
                    <a:pt x="58585" y="10351"/>
                  </a:cubicBezTo>
                  <a:cubicBezTo>
                    <a:pt x="58503" y="10351"/>
                    <a:pt x="58422" y="10351"/>
                    <a:pt x="58372" y="10326"/>
                  </a:cubicBezTo>
                  <a:cubicBezTo>
                    <a:pt x="58296" y="10276"/>
                    <a:pt x="58196" y="10101"/>
                    <a:pt x="58146" y="10050"/>
                  </a:cubicBezTo>
                  <a:cubicBezTo>
                    <a:pt x="58063" y="10050"/>
                    <a:pt x="57957" y="10028"/>
                    <a:pt x="57881" y="10028"/>
                  </a:cubicBezTo>
                  <a:cubicBezTo>
                    <a:pt x="57843" y="10028"/>
                    <a:pt x="57812" y="10034"/>
                    <a:pt x="57795" y="10050"/>
                  </a:cubicBezTo>
                  <a:cubicBezTo>
                    <a:pt x="57695" y="10101"/>
                    <a:pt x="57745" y="10376"/>
                    <a:pt x="57620" y="10376"/>
                  </a:cubicBezTo>
                  <a:cubicBezTo>
                    <a:pt x="57620" y="10414"/>
                    <a:pt x="57582" y="10433"/>
                    <a:pt x="57545" y="10433"/>
                  </a:cubicBezTo>
                  <a:cubicBezTo>
                    <a:pt x="57507" y="10433"/>
                    <a:pt x="57469" y="10414"/>
                    <a:pt x="57469" y="10376"/>
                  </a:cubicBezTo>
                  <a:cubicBezTo>
                    <a:pt x="57394" y="10326"/>
                    <a:pt x="57294" y="10226"/>
                    <a:pt x="57294" y="10151"/>
                  </a:cubicBezTo>
                  <a:cubicBezTo>
                    <a:pt x="57294" y="10101"/>
                    <a:pt x="57394" y="10000"/>
                    <a:pt x="57394" y="9925"/>
                  </a:cubicBezTo>
                  <a:cubicBezTo>
                    <a:pt x="57394" y="9875"/>
                    <a:pt x="57294" y="9775"/>
                    <a:pt x="57244" y="9700"/>
                  </a:cubicBezTo>
                  <a:cubicBezTo>
                    <a:pt x="57169" y="9649"/>
                    <a:pt x="57018" y="9599"/>
                    <a:pt x="57018" y="9549"/>
                  </a:cubicBezTo>
                  <a:cubicBezTo>
                    <a:pt x="56968" y="9474"/>
                    <a:pt x="57018" y="9324"/>
                    <a:pt x="57068" y="9248"/>
                  </a:cubicBezTo>
                  <a:cubicBezTo>
                    <a:pt x="57118" y="9248"/>
                    <a:pt x="57169" y="9324"/>
                    <a:pt x="57244" y="9324"/>
                  </a:cubicBezTo>
                  <a:cubicBezTo>
                    <a:pt x="57294" y="9248"/>
                    <a:pt x="57469" y="9198"/>
                    <a:pt x="57519" y="9148"/>
                  </a:cubicBezTo>
                  <a:cubicBezTo>
                    <a:pt x="57570" y="9148"/>
                    <a:pt x="57620" y="9023"/>
                    <a:pt x="57620" y="8973"/>
                  </a:cubicBezTo>
                  <a:cubicBezTo>
                    <a:pt x="57695" y="8872"/>
                    <a:pt x="57695" y="8697"/>
                    <a:pt x="57745" y="8572"/>
                  </a:cubicBezTo>
                  <a:cubicBezTo>
                    <a:pt x="57745" y="8522"/>
                    <a:pt x="57845" y="8471"/>
                    <a:pt x="57920" y="8471"/>
                  </a:cubicBezTo>
                  <a:cubicBezTo>
                    <a:pt x="57971" y="8421"/>
                    <a:pt x="58071" y="8421"/>
                    <a:pt x="58146" y="8421"/>
                  </a:cubicBezTo>
                  <a:cubicBezTo>
                    <a:pt x="58196" y="8346"/>
                    <a:pt x="58246" y="8246"/>
                    <a:pt x="58296" y="8196"/>
                  </a:cubicBezTo>
                  <a:cubicBezTo>
                    <a:pt x="58372" y="8121"/>
                    <a:pt x="58472" y="8020"/>
                    <a:pt x="58597" y="7970"/>
                  </a:cubicBezTo>
                  <a:cubicBezTo>
                    <a:pt x="58597" y="7970"/>
                    <a:pt x="58697" y="7895"/>
                    <a:pt x="58748" y="7895"/>
                  </a:cubicBezTo>
                  <a:cubicBezTo>
                    <a:pt x="58798" y="7845"/>
                    <a:pt x="58798" y="7745"/>
                    <a:pt x="58873" y="7669"/>
                  </a:cubicBezTo>
                  <a:cubicBezTo>
                    <a:pt x="58923" y="7619"/>
                    <a:pt x="59023" y="7519"/>
                    <a:pt x="59149" y="7444"/>
                  </a:cubicBezTo>
                  <a:cubicBezTo>
                    <a:pt x="59199" y="7444"/>
                    <a:pt x="59324" y="7444"/>
                    <a:pt x="59374" y="7394"/>
                  </a:cubicBezTo>
                  <a:cubicBezTo>
                    <a:pt x="59474" y="7344"/>
                    <a:pt x="59550" y="7018"/>
                    <a:pt x="59550" y="6842"/>
                  </a:cubicBezTo>
                  <a:cubicBezTo>
                    <a:pt x="59600" y="6792"/>
                    <a:pt x="59600" y="6667"/>
                    <a:pt x="59550" y="6617"/>
                  </a:cubicBezTo>
                  <a:cubicBezTo>
                    <a:pt x="59550" y="6617"/>
                    <a:pt x="59474" y="6567"/>
                    <a:pt x="59424" y="6567"/>
                  </a:cubicBezTo>
                  <a:cubicBezTo>
                    <a:pt x="59374" y="6491"/>
                    <a:pt x="59324" y="6391"/>
                    <a:pt x="59249" y="6391"/>
                  </a:cubicBezTo>
                  <a:cubicBezTo>
                    <a:pt x="59149" y="6341"/>
                    <a:pt x="58973" y="6266"/>
                    <a:pt x="58873" y="6266"/>
                  </a:cubicBezTo>
                  <a:cubicBezTo>
                    <a:pt x="58798" y="6266"/>
                    <a:pt x="58748" y="6166"/>
                    <a:pt x="58697" y="6166"/>
                  </a:cubicBezTo>
                  <a:cubicBezTo>
                    <a:pt x="58647" y="6216"/>
                    <a:pt x="58597" y="6266"/>
                    <a:pt x="58597" y="6266"/>
                  </a:cubicBezTo>
                  <a:cubicBezTo>
                    <a:pt x="58472" y="6341"/>
                    <a:pt x="58296" y="6341"/>
                    <a:pt x="58196" y="6341"/>
                  </a:cubicBezTo>
                  <a:cubicBezTo>
                    <a:pt x="58146" y="6341"/>
                    <a:pt x="58021" y="6216"/>
                    <a:pt x="57971" y="6216"/>
                  </a:cubicBezTo>
                  <a:cubicBezTo>
                    <a:pt x="57920" y="6166"/>
                    <a:pt x="57795" y="6116"/>
                    <a:pt x="57745" y="6116"/>
                  </a:cubicBezTo>
                  <a:cubicBezTo>
                    <a:pt x="57695" y="6116"/>
                    <a:pt x="57570" y="6216"/>
                    <a:pt x="57519" y="6216"/>
                  </a:cubicBezTo>
                  <a:cubicBezTo>
                    <a:pt x="57394" y="6166"/>
                    <a:pt x="57244" y="6040"/>
                    <a:pt x="57169" y="6040"/>
                  </a:cubicBezTo>
                  <a:cubicBezTo>
                    <a:pt x="57133" y="6005"/>
                    <a:pt x="57048" y="5969"/>
                    <a:pt x="56974" y="5969"/>
                  </a:cubicBezTo>
                  <a:cubicBezTo>
                    <a:pt x="56943" y="5969"/>
                    <a:pt x="56915" y="5976"/>
                    <a:pt x="56893" y="5990"/>
                  </a:cubicBezTo>
                  <a:cubicBezTo>
                    <a:pt x="56843" y="5990"/>
                    <a:pt x="56743" y="6166"/>
                    <a:pt x="56667" y="6166"/>
                  </a:cubicBezTo>
                  <a:cubicBezTo>
                    <a:pt x="56567" y="6216"/>
                    <a:pt x="56342" y="6266"/>
                    <a:pt x="56166" y="6341"/>
                  </a:cubicBezTo>
                  <a:cubicBezTo>
                    <a:pt x="56133" y="6341"/>
                    <a:pt x="56044" y="6363"/>
                    <a:pt x="55958" y="6363"/>
                  </a:cubicBezTo>
                  <a:cubicBezTo>
                    <a:pt x="55915" y="6363"/>
                    <a:pt x="55874" y="6358"/>
                    <a:pt x="55840" y="6341"/>
                  </a:cubicBezTo>
                  <a:cubicBezTo>
                    <a:pt x="55765" y="6341"/>
                    <a:pt x="55715" y="6216"/>
                    <a:pt x="55665" y="6216"/>
                  </a:cubicBezTo>
                  <a:cubicBezTo>
                    <a:pt x="55615" y="6166"/>
                    <a:pt x="55540" y="6040"/>
                    <a:pt x="55489" y="5990"/>
                  </a:cubicBezTo>
                  <a:cubicBezTo>
                    <a:pt x="55468" y="5980"/>
                    <a:pt x="55441" y="5976"/>
                    <a:pt x="55412" y="5976"/>
                  </a:cubicBezTo>
                  <a:cubicBezTo>
                    <a:pt x="55331" y="5976"/>
                    <a:pt x="55230" y="6005"/>
                    <a:pt x="55166" y="6005"/>
                  </a:cubicBezTo>
                  <a:cubicBezTo>
                    <a:pt x="55142" y="6005"/>
                    <a:pt x="55124" y="6001"/>
                    <a:pt x="55113" y="5990"/>
                  </a:cubicBezTo>
                  <a:cubicBezTo>
                    <a:pt x="55038" y="5940"/>
                    <a:pt x="55038" y="5765"/>
                    <a:pt x="54988" y="5765"/>
                  </a:cubicBezTo>
                  <a:cubicBezTo>
                    <a:pt x="54938" y="5715"/>
                    <a:pt x="54763" y="5715"/>
                    <a:pt x="54712" y="5715"/>
                  </a:cubicBezTo>
                  <a:cubicBezTo>
                    <a:pt x="54587" y="5715"/>
                    <a:pt x="54437" y="5815"/>
                    <a:pt x="54362" y="5815"/>
                  </a:cubicBezTo>
                  <a:lnTo>
                    <a:pt x="54036" y="5815"/>
                  </a:lnTo>
                  <a:cubicBezTo>
                    <a:pt x="53952" y="5815"/>
                    <a:pt x="53835" y="5793"/>
                    <a:pt x="53744" y="5793"/>
                  </a:cubicBezTo>
                  <a:cubicBezTo>
                    <a:pt x="53699" y="5793"/>
                    <a:pt x="53660" y="5798"/>
                    <a:pt x="53635" y="5815"/>
                  </a:cubicBezTo>
                  <a:cubicBezTo>
                    <a:pt x="53535" y="5815"/>
                    <a:pt x="53409" y="5890"/>
                    <a:pt x="53309" y="5890"/>
                  </a:cubicBezTo>
                  <a:lnTo>
                    <a:pt x="52958" y="5890"/>
                  </a:lnTo>
                  <a:cubicBezTo>
                    <a:pt x="52858" y="5890"/>
                    <a:pt x="52582" y="5890"/>
                    <a:pt x="52457" y="5815"/>
                  </a:cubicBezTo>
                  <a:cubicBezTo>
                    <a:pt x="52407" y="5815"/>
                    <a:pt x="52281" y="5664"/>
                    <a:pt x="52281" y="5589"/>
                  </a:cubicBezTo>
                  <a:cubicBezTo>
                    <a:pt x="52231" y="5589"/>
                    <a:pt x="52181" y="5439"/>
                    <a:pt x="52131" y="5439"/>
                  </a:cubicBezTo>
                  <a:cubicBezTo>
                    <a:pt x="52006" y="5364"/>
                    <a:pt x="51780" y="5263"/>
                    <a:pt x="51680" y="5263"/>
                  </a:cubicBezTo>
                  <a:cubicBezTo>
                    <a:pt x="51630" y="5263"/>
                    <a:pt x="51454" y="5439"/>
                    <a:pt x="51329" y="5439"/>
                  </a:cubicBezTo>
                  <a:cubicBezTo>
                    <a:pt x="51329" y="5589"/>
                    <a:pt x="51279" y="5765"/>
                    <a:pt x="51279" y="5890"/>
                  </a:cubicBezTo>
                  <a:cubicBezTo>
                    <a:pt x="51279" y="5990"/>
                    <a:pt x="51279" y="6166"/>
                    <a:pt x="51229" y="6216"/>
                  </a:cubicBezTo>
                  <a:cubicBezTo>
                    <a:pt x="51179" y="6341"/>
                    <a:pt x="50828" y="6341"/>
                    <a:pt x="50778" y="6441"/>
                  </a:cubicBezTo>
                  <a:cubicBezTo>
                    <a:pt x="50677" y="6567"/>
                    <a:pt x="50727" y="6943"/>
                    <a:pt x="50677" y="7118"/>
                  </a:cubicBezTo>
                  <a:cubicBezTo>
                    <a:pt x="50602" y="7218"/>
                    <a:pt x="50452" y="7394"/>
                    <a:pt x="50326" y="7519"/>
                  </a:cubicBezTo>
                  <a:cubicBezTo>
                    <a:pt x="50226" y="7619"/>
                    <a:pt x="49875" y="7669"/>
                    <a:pt x="49700" y="7745"/>
                  </a:cubicBezTo>
                  <a:cubicBezTo>
                    <a:pt x="49550" y="7795"/>
                    <a:pt x="49199" y="7845"/>
                    <a:pt x="49098" y="8020"/>
                  </a:cubicBezTo>
                  <a:cubicBezTo>
                    <a:pt x="49055" y="8108"/>
                    <a:pt x="49125" y="8385"/>
                    <a:pt x="49144" y="8521"/>
                  </a:cubicBezTo>
                  <a:lnTo>
                    <a:pt x="49144" y="8521"/>
                  </a:lnTo>
                  <a:cubicBezTo>
                    <a:pt x="49122" y="8374"/>
                    <a:pt x="49029" y="8106"/>
                    <a:pt x="49073" y="7995"/>
                  </a:cubicBezTo>
                  <a:cubicBezTo>
                    <a:pt x="49199" y="7820"/>
                    <a:pt x="49524" y="7770"/>
                    <a:pt x="49700" y="7720"/>
                  </a:cubicBezTo>
                  <a:cubicBezTo>
                    <a:pt x="49875" y="7669"/>
                    <a:pt x="50201" y="7594"/>
                    <a:pt x="50326" y="7494"/>
                  </a:cubicBezTo>
                  <a:cubicBezTo>
                    <a:pt x="50427" y="7394"/>
                    <a:pt x="50602" y="7218"/>
                    <a:pt x="50652" y="7093"/>
                  </a:cubicBezTo>
                  <a:cubicBezTo>
                    <a:pt x="50727" y="6943"/>
                    <a:pt x="50652" y="6542"/>
                    <a:pt x="50778" y="6416"/>
                  </a:cubicBezTo>
                  <a:cubicBezTo>
                    <a:pt x="50828" y="6316"/>
                    <a:pt x="51179" y="6316"/>
                    <a:pt x="51229" y="6191"/>
                  </a:cubicBezTo>
                  <a:cubicBezTo>
                    <a:pt x="51279" y="6141"/>
                    <a:pt x="51279" y="5965"/>
                    <a:pt x="51279" y="5865"/>
                  </a:cubicBezTo>
                  <a:cubicBezTo>
                    <a:pt x="51279" y="5740"/>
                    <a:pt x="51329" y="5589"/>
                    <a:pt x="51329" y="5414"/>
                  </a:cubicBezTo>
                  <a:lnTo>
                    <a:pt x="51329" y="5364"/>
                  </a:lnTo>
                  <a:cubicBezTo>
                    <a:pt x="51279" y="5364"/>
                    <a:pt x="51179" y="5188"/>
                    <a:pt x="51053" y="5188"/>
                  </a:cubicBezTo>
                  <a:cubicBezTo>
                    <a:pt x="51033" y="5178"/>
                    <a:pt x="51010" y="5174"/>
                    <a:pt x="50985" y="5174"/>
                  </a:cubicBezTo>
                  <a:cubicBezTo>
                    <a:pt x="50885" y="5174"/>
                    <a:pt x="50753" y="5238"/>
                    <a:pt x="50652" y="5238"/>
                  </a:cubicBezTo>
                  <a:cubicBezTo>
                    <a:pt x="50602" y="5238"/>
                    <a:pt x="50502" y="5188"/>
                    <a:pt x="50427" y="5188"/>
                  </a:cubicBezTo>
                  <a:cubicBezTo>
                    <a:pt x="50377" y="5238"/>
                    <a:pt x="50151" y="5238"/>
                    <a:pt x="50101" y="5238"/>
                  </a:cubicBezTo>
                  <a:lnTo>
                    <a:pt x="49825" y="5238"/>
                  </a:lnTo>
                  <a:cubicBezTo>
                    <a:pt x="49700" y="5188"/>
                    <a:pt x="49600" y="5013"/>
                    <a:pt x="49474" y="4963"/>
                  </a:cubicBezTo>
                  <a:cubicBezTo>
                    <a:pt x="49424" y="4913"/>
                    <a:pt x="49199" y="4837"/>
                    <a:pt x="49149" y="4787"/>
                  </a:cubicBezTo>
                  <a:cubicBezTo>
                    <a:pt x="49073" y="4787"/>
                    <a:pt x="48923" y="4787"/>
                    <a:pt x="48923" y="4737"/>
                  </a:cubicBezTo>
                  <a:cubicBezTo>
                    <a:pt x="48848" y="4737"/>
                    <a:pt x="48848" y="4637"/>
                    <a:pt x="48848" y="4562"/>
                  </a:cubicBezTo>
                  <a:cubicBezTo>
                    <a:pt x="48798" y="4512"/>
                    <a:pt x="48748" y="4461"/>
                    <a:pt x="48697" y="4411"/>
                  </a:cubicBezTo>
                  <a:cubicBezTo>
                    <a:pt x="48722" y="4411"/>
                    <a:pt x="48722" y="4386"/>
                    <a:pt x="48722" y="4386"/>
                  </a:cubicBezTo>
                  <a:cubicBezTo>
                    <a:pt x="48672" y="4336"/>
                    <a:pt x="48622" y="4286"/>
                    <a:pt x="48572" y="4286"/>
                  </a:cubicBezTo>
                  <a:cubicBezTo>
                    <a:pt x="48497" y="4161"/>
                    <a:pt x="48447" y="3985"/>
                    <a:pt x="48397" y="3935"/>
                  </a:cubicBezTo>
                  <a:cubicBezTo>
                    <a:pt x="48271" y="3835"/>
                    <a:pt x="48096" y="3760"/>
                    <a:pt x="47996" y="3760"/>
                  </a:cubicBezTo>
                  <a:lnTo>
                    <a:pt x="47770" y="3760"/>
                  </a:lnTo>
                  <a:cubicBezTo>
                    <a:pt x="47645" y="3710"/>
                    <a:pt x="47595" y="3609"/>
                    <a:pt x="47544" y="3484"/>
                  </a:cubicBezTo>
                  <a:cubicBezTo>
                    <a:pt x="47544" y="3434"/>
                    <a:pt x="47544" y="3258"/>
                    <a:pt x="47595" y="3208"/>
                  </a:cubicBezTo>
                  <a:cubicBezTo>
                    <a:pt x="47595" y="3158"/>
                    <a:pt x="47720" y="3033"/>
                    <a:pt x="47720" y="2933"/>
                  </a:cubicBezTo>
                  <a:cubicBezTo>
                    <a:pt x="47720" y="2857"/>
                    <a:pt x="47770" y="2707"/>
                    <a:pt x="47720" y="2632"/>
                  </a:cubicBezTo>
                  <a:cubicBezTo>
                    <a:pt x="47720" y="2607"/>
                    <a:pt x="47689" y="2607"/>
                    <a:pt x="47651" y="2607"/>
                  </a:cubicBezTo>
                  <a:cubicBezTo>
                    <a:pt x="47613" y="2607"/>
                    <a:pt x="47570" y="2607"/>
                    <a:pt x="47544" y="2582"/>
                  </a:cubicBezTo>
                  <a:cubicBezTo>
                    <a:pt x="47494" y="2582"/>
                    <a:pt x="47494" y="2481"/>
                    <a:pt x="47494" y="2406"/>
                  </a:cubicBezTo>
                  <a:cubicBezTo>
                    <a:pt x="47444" y="2406"/>
                    <a:pt x="47361" y="2384"/>
                    <a:pt x="47288" y="2384"/>
                  </a:cubicBezTo>
                  <a:cubicBezTo>
                    <a:pt x="47252" y="2384"/>
                    <a:pt x="47219" y="2390"/>
                    <a:pt x="47194" y="2406"/>
                  </a:cubicBezTo>
                  <a:cubicBezTo>
                    <a:pt x="47143" y="2406"/>
                    <a:pt x="47043" y="2532"/>
                    <a:pt x="46968" y="2532"/>
                  </a:cubicBezTo>
                  <a:cubicBezTo>
                    <a:pt x="46918" y="2532"/>
                    <a:pt x="46868" y="2406"/>
                    <a:pt x="46818" y="2406"/>
                  </a:cubicBezTo>
                  <a:cubicBezTo>
                    <a:pt x="46742" y="2356"/>
                    <a:pt x="46692" y="2306"/>
                    <a:pt x="46642" y="2256"/>
                  </a:cubicBezTo>
                  <a:lnTo>
                    <a:pt x="46467" y="2256"/>
                  </a:lnTo>
                  <a:cubicBezTo>
                    <a:pt x="46417" y="2181"/>
                    <a:pt x="46417" y="2131"/>
                    <a:pt x="46417" y="2080"/>
                  </a:cubicBezTo>
                  <a:cubicBezTo>
                    <a:pt x="46417" y="2030"/>
                    <a:pt x="46467" y="1905"/>
                    <a:pt x="46467" y="1855"/>
                  </a:cubicBezTo>
                  <a:cubicBezTo>
                    <a:pt x="46467" y="1805"/>
                    <a:pt x="46467" y="1679"/>
                    <a:pt x="46417" y="1629"/>
                  </a:cubicBezTo>
                  <a:cubicBezTo>
                    <a:pt x="46417" y="1579"/>
                    <a:pt x="46241" y="1579"/>
                    <a:pt x="46191" y="1504"/>
                  </a:cubicBezTo>
                  <a:lnTo>
                    <a:pt x="46191" y="1278"/>
                  </a:lnTo>
                  <a:cubicBezTo>
                    <a:pt x="46191" y="1228"/>
                    <a:pt x="46241" y="1178"/>
                    <a:pt x="46291" y="1128"/>
                  </a:cubicBezTo>
                  <a:cubicBezTo>
                    <a:pt x="46291" y="1053"/>
                    <a:pt x="46341" y="953"/>
                    <a:pt x="46417" y="902"/>
                  </a:cubicBezTo>
                  <a:cubicBezTo>
                    <a:pt x="46467" y="902"/>
                    <a:pt x="46592" y="827"/>
                    <a:pt x="46642" y="827"/>
                  </a:cubicBezTo>
                  <a:cubicBezTo>
                    <a:pt x="46692" y="827"/>
                    <a:pt x="46742" y="953"/>
                    <a:pt x="46818" y="953"/>
                  </a:cubicBezTo>
                  <a:cubicBezTo>
                    <a:pt x="46918" y="953"/>
                    <a:pt x="47093" y="902"/>
                    <a:pt x="47143" y="827"/>
                  </a:cubicBezTo>
                  <a:lnTo>
                    <a:pt x="47143" y="552"/>
                  </a:lnTo>
                  <a:cubicBezTo>
                    <a:pt x="47194" y="552"/>
                    <a:pt x="47269" y="501"/>
                    <a:pt x="47319" y="451"/>
                  </a:cubicBezTo>
                  <a:cubicBezTo>
                    <a:pt x="47319" y="376"/>
                    <a:pt x="47269" y="226"/>
                    <a:pt x="47194" y="151"/>
                  </a:cubicBezTo>
                  <a:cubicBezTo>
                    <a:pt x="47143" y="100"/>
                    <a:pt x="46968" y="50"/>
                    <a:pt x="46918" y="0"/>
                  </a:cubicBezTo>
                  <a:close/>
                </a:path>
              </a:pathLst>
            </a:custGeom>
            <a:solidFill>
              <a:srgbClr val="CCCCCC"/>
            </a:solidFill>
            <a:ln>
              <a:noFill/>
            </a:ln>
          </p:spPr>
          <p:txBody>
            <a:bodyPr spcFirstLastPara="1" wrap="square" lIns="121900" tIns="121900" rIns="121900" bIns="121900" anchor="ctr" anchorCtr="0">
              <a:noAutofit/>
            </a:bodyPr>
            <a:lstStyle/>
            <a:p>
              <a:endParaRPr sz="2400" dirty="0"/>
            </a:p>
          </p:txBody>
        </p:sp>
        <p:sp>
          <p:nvSpPr>
            <p:cNvPr id="73" name="Google Shape;130;p16">
              <a:extLst>
                <a:ext uri="{FF2B5EF4-FFF2-40B4-BE49-F238E27FC236}">
                  <a16:creationId xmlns:a16="http://schemas.microsoft.com/office/drawing/2014/main" id="{17BE6B27-3152-86B8-A5B8-905395EB303B}"/>
                </a:ext>
              </a:extLst>
            </p:cNvPr>
            <p:cNvSpPr/>
            <p:nvPr/>
          </p:nvSpPr>
          <p:spPr>
            <a:xfrm>
              <a:off x="2620398" y="1716888"/>
              <a:ext cx="20988" cy="24728"/>
            </a:xfrm>
            <a:custGeom>
              <a:avLst/>
              <a:gdLst/>
              <a:ahLst/>
              <a:cxnLst/>
              <a:rect l="l" t="t" r="r" b="b"/>
              <a:pathLst>
                <a:path w="752" h="886" extrusionOk="0">
                  <a:moveTo>
                    <a:pt x="575" y="0"/>
                  </a:moveTo>
                  <a:cubicBezTo>
                    <a:pt x="560" y="0"/>
                    <a:pt x="543" y="8"/>
                    <a:pt x="526" y="34"/>
                  </a:cubicBezTo>
                  <a:cubicBezTo>
                    <a:pt x="451" y="34"/>
                    <a:pt x="401" y="84"/>
                    <a:pt x="401" y="134"/>
                  </a:cubicBezTo>
                  <a:cubicBezTo>
                    <a:pt x="351" y="134"/>
                    <a:pt x="276" y="259"/>
                    <a:pt x="226" y="309"/>
                  </a:cubicBezTo>
                  <a:cubicBezTo>
                    <a:pt x="226" y="309"/>
                    <a:pt x="176" y="435"/>
                    <a:pt x="176" y="485"/>
                  </a:cubicBezTo>
                  <a:cubicBezTo>
                    <a:pt x="125" y="535"/>
                    <a:pt x="50" y="660"/>
                    <a:pt x="50" y="660"/>
                  </a:cubicBezTo>
                  <a:cubicBezTo>
                    <a:pt x="0" y="710"/>
                    <a:pt x="0" y="760"/>
                    <a:pt x="0" y="836"/>
                  </a:cubicBezTo>
                  <a:lnTo>
                    <a:pt x="125" y="836"/>
                  </a:lnTo>
                  <a:cubicBezTo>
                    <a:pt x="125" y="836"/>
                    <a:pt x="125" y="886"/>
                    <a:pt x="176" y="886"/>
                  </a:cubicBezTo>
                  <a:cubicBezTo>
                    <a:pt x="176" y="886"/>
                    <a:pt x="226" y="886"/>
                    <a:pt x="276" y="836"/>
                  </a:cubicBezTo>
                  <a:lnTo>
                    <a:pt x="351" y="760"/>
                  </a:lnTo>
                  <a:cubicBezTo>
                    <a:pt x="351" y="710"/>
                    <a:pt x="401" y="660"/>
                    <a:pt x="401" y="610"/>
                  </a:cubicBezTo>
                  <a:cubicBezTo>
                    <a:pt x="401" y="535"/>
                    <a:pt x="451" y="485"/>
                    <a:pt x="451" y="435"/>
                  </a:cubicBezTo>
                  <a:cubicBezTo>
                    <a:pt x="526" y="435"/>
                    <a:pt x="577" y="359"/>
                    <a:pt x="577" y="359"/>
                  </a:cubicBezTo>
                  <a:cubicBezTo>
                    <a:pt x="627" y="309"/>
                    <a:pt x="702" y="259"/>
                    <a:pt x="702" y="209"/>
                  </a:cubicBezTo>
                  <a:lnTo>
                    <a:pt x="752" y="84"/>
                  </a:lnTo>
                  <a:cubicBezTo>
                    <a:pt x="702" y="34"/>
                    <a:pt x="627" y="34"/>
                    <a:pt x="627" y="34"/>
                  </a:cubicBezTo>
                  <a:cubicBezTo>
                    <a:pt x="627" y="34"/>
                    <a:pt x="604" y="0"/>
                    <a:pt x="575" y="0"/>
                  </a:cubicBezTo>
                  <a:close/>
                </a:path>
              </a:pathLst>
            </a:custGeom>
            <a:solidFill>
              <a:srgbClr val="6FBE8D"/>
            </a:solidFill>
            <a:ln>
              <a:noFill/>
            </a:ln>
          </p:spPr>
          <p:txBody>
            <a:bodyPr spcFirstLastPara="1" wrap="square" lIns="121900" tIns="121900" rIns="121900" bIns="121900" anchor="ctr" anchorCtr="0">
              <a:noAutofit/>
            </a:bodyPr>
            <a:lstStyle/>
            <a:p>
              <a:endParaRPr sz="2400"/>
            </a:p>
          </p:txBody>
        </p:sp>
        <p:sp>
          <p:nvSpPr>
            <p:cNvPr id="74" name="Google Shape;131;p16">
              <a:extLst>
                <a:ext uri="{FF2B5EF4-FFF2-40B4-BE49-F238E27FC236}">
                  <a16:creationId xmlns:a16="http://schemas.microsoft.com/office/drawing/2014/main" id="{412D4F50-544D-420F-16FA-2D5EEF9A0E70}"/>
                </a:ext>
              </a:extLst>
            </p:cNvPr>
            <p:cNvSpPr/>
            <p:nvPr/>
          </p:nvSpPr>
          <p:spPr>
            <a:xfrm>
              <a:off x="2747695" y="4008689"/>
              <a:ext cx="859712" cy="578518"/>
            </a:xfrm>
            <a:custGeom>
              <a:avLst/>
              <a:gdLst/>
              <a:ahLst/>
              <a:cxnLst/>
              <a:rect l="l" t="t" r="r" b="b"/>
              <a:pathLst>
                <a:path w="30803" h="20728" extrusionOk="0">
                  <a:moveTo>
                    <a:pt x="27695" y="16892"/>
                  </a:moveTo>
                  <a:cubicBezTo>
                    <a:pt x="27820" y="16842"/>
                    <a:pt x="27920" y="16742"/>
                    <a:pt x="28046" y="16742"/>
                  </a:cubicBezTo>
                  <a:cubicBezTo>
                    <a:pt x="28096" y="16667"/>
                    <a:pt x="28221" y="16667"/>
                    <a:pt x="28271" y="16667"/>
                  </a:cubicBezTo>
                  <a:cubicBezTo>
                    <a:pt x="28271" y="16617"/>
                    <a:pt x="28321" y="16517"/>
                    <a:pt x="28321" y="16391"/>
                  </a:cubicBezTo>
                  <a:lnTo>
                    <a:pt x="28321" y="16216"/>
                  </a:lnTo>
                  <a:cubicBezTo>
                    <a:pt x="28372" y="16166"/>
                    <a:pt x="28497" y="16166"/>
                    <a:pt x="28547" y="16166"/>
                  </a:cubicBezTo>
                  <a:cubicBezTo>
                    <a:pt x="28547" y="16116"/>
                    <a:pt x="28597" y="16065"/>
                    <a:pt x="28672" y="16065"/>
                  </a:cubicBezTo>
                  <a:cubicBezTo>
                    <a:pt x="28722" y="16065"/>
                    <a:pt x="28823" y="16166"/>
                    <a:pt x="28898" y="16166"/>
                  </a:cubicBezTo>
                  <a:cubicBezTo>
                    <a:pt x="28948" y="16166"/>
                    <a:pt x="28998" y="16065"/>
                    <a:pt x="28998" y="15990"/>
                  </a:cubicBezTo>
                  <a:cubicBezTo>
                    <a:pt x="28998" y="15940"/>
                    <a:pt x="28898" y="15890"/>
                    <a:pt x="28898" y="15890"/>
                  </a:cubicBezTo>
                  <a:cubicBezTo>
                    <a:pt x="28823" y="15840"/>
                    <a:pt x="28823" y="15715"/>
                    <a:pt x="28773" y="15715"/>
                  </a:cubicBezTo>
                  <a:cubicBezTo>
                    <a:pt x="28722" y="15715"/>
                    <a:pt x="28597" y="15840"/>
                    <a:pt x="28547" y="15840"/>
                  </a:cubicBezTo>
                  <a:cubicBezTo>
                    <a:pt x="28497" y="15840"/>
                    <a:pt x="28372" y="15765"/>
                    <a:pt x="28372" y="15715"/>
                  </a:cubicBezTo>
                  <a:cubicBezTo>
                    <a:pt x="28372" y="15664"/>
                    <a:pt x="28321" y="15539"/>
                    <a:pt x="28372" y="15539"/>
                  </a:cubicBezTo>
                  <a:lnTo>
                    <a:pt x="28497" y="15539"/>
                  </a:lnTo>
                  <a:cubicBezTo>
                    <a:pt x="28547" y="15614"/>
                    <a:pt x="28597" y="15664"/>
                    <a:pt x="28672" y="15664"/>
                  </a:cubicBezTo>
                  <a:cubicBezTo>
                    <a:pt x="28722" y="15614"/>
                    <a:pt x="28773" y="15539"/>
                    <a:pt x="28773" y="15489"/>
                  </a:cubicBezTo>
                  <a:cubicBezTo>
                    <a:pt x="28773" y="15389"/>
                    <a:pt x="28672" y="15263"/>
                    <a:pt x="28672" y="15213"/>
                  </a:cubicBezTo>
                  <a:cubicBezTo>
                    <a:pt x="28597" y="15163"/>
                    <a:pt x="28597" y="15088"/>
                    <a:pt x="28597" y="15038"/>
                  </a:cubicBezTo>
                  <a:cubicBezTo>
                    <a:pt x="28547" y="14988"/>
                    <a:pt x="28447" y="14862"/>
                    <a:pt x="28372" y="14862"/>
                  </a:cubicBezTo>
                  <a:cubicBezTo>
                    <a:pt x="28372" y="14862"/>
                    <a:pt x="28271" y="14988"/>
                    <a:pt x="28221" y="14988"/>
                  </a:cubicBezTo>
                  <a:cubicBezTo>
                    <a:pt x="28096" y="14938"/>
                    <a:pt x="27870" y="14862"/>
                    <a:pt x="27820" y="14762"/>
                  </a:cubicBezTo>
                  <a:cubicBezTo>
                    <a:pt x="27820" y="14762"/>
                    <a:pt x="27770" y="14637"/>
                    <a:pt x="27770" y="14587"/>
                  </a:cubicBezTo>
                  <a:cubicBezTo>
                    <a:pt x="27820" y="14587"/>
                    <a:pt x="27870" y="14537"/>
                    <a:pt x="27870" y="14486"/>
                  </a:cubicBezTo>
                  <a:cubicBezTo>
                    <a:pt x="27870" y="14486"/>
                    <a:pt x="27870" y="14361"/>
                    <a:pt x="27820" y="14361"/>
                  </a:cubicBezTo>
                  <a:cubicBezTo>
                    <a:pt x="27820" y="14311"/>
                    <a:pt x="27695" y="14411"/>
                    <a:pt x="27645" y="14361"/>
                  </a:cubicBezTo>
                  <a:cubicBezTo>
                    <a:pt x="27595" y="14361"/>
                    <a:pt x="27545" y="14311"/>
                    <a:pt x="27545" y="14261"/>
                  </a:cubicBezTo>
                  <a:cubicBezTo>
                    <a:pt x="27469" y="14186"/>
                    <a:pt x="27369" y="14085"/>
                    <a:pt x="27369" y="13960"/>
                  </a:cubicBezTo>
                  <a:cubicBezTo>
                    <a:pt x="27369" y="13910"/>
                    <a:pt x="27319" y="13684"/>
                    <a:pt x="27369" y="13584"/>
                  </a:cubicBezTo>
                  <a:cubicBezTo>
                    <a:pt x="27369" y="13584"/>
                    <a:pt x="27469" y="13459"/>
                    <a:pt x="27545" y="13459"/>
                  </a:cubicBezTo>
                  <a:cubicBezTo>
                    <a:pt x="27595" y="13509"/>
                    <a:pt x="27469" y="13634"/>
                    <a:pt x="27545" y="13684"/>
                  </a:cubicBezTo>
                  <a:cubicBezTo>
                    <a:pt x="27545" y="13684"/>
                    <a:pt x="27645" y="13735"/>
                    <a:pt x="27695" y="13735"/>
                  </a:cubicBezTo>
                  <a:cubicBezTo>
                    <a:pt x="27820" y="13735"/>
                    <a:pt x="27920" y="13634"/>
                    <a:pt x="27996" y="13584"/>
                  </a:cubicBezTo>
                  <a:cubicBezTo>
                    <a:pt x="27996" y="13509"/>
                    <a:pt x="28096" y="13409"/>
                    <a:pt x="28046" y="13283"/>
                  </a:cubicBezTo>
                  <a:cubicBezTo>
                    <a:pt x="28046" y="13233"/>
                    <a:pt x="27870" y="13133"/>
                    <a:pt x="27770" y="13008"/>
                  </a:cubicBezTo>
                  <a:cubicBezTo>
                    <a:pt x="27770" y="12958"/>
                    <a:pt x="27645" y="12832"/>
                    <a:pt x="27595" y="12782"/>
                  </a:cubicBezTo>
                  <a:cubicBezTo>
                    <a:pt x="27595" y="12782"/>
                    <a:pt x="27469" y="12682"/>
                    <a:pt x="27419" y="12682"/>
                  </a:cubicBezTo>
                  <a:cubicBezTo>
                    <a:pt x="27369" y="12732"/>
                    <a:pt x="27419" y="12832"/>
                    <a:pt x="27369" y="12832"/>
                  </a:cubicBezTo>
                  <a:cubicBezTo>
                    <a:pt x="27369" y="12908"/>
                    <a:pt x="27244" y="12832"/>
                    <a:pt x="27194" y="12832"/>
                  </a:cubicBezTo>
                  <a:cubicBezTo>
                    <a:pt x="27093" y="12782"/>
                    <a:pt x="26868" y="12682"/>
                    <a:pt x="26793" y="12607"/>
                  </a:cubicBezTo>
                  <a:cubicBezTo>
                    <a:pt x="26692" y="12607"/>
                    <a:pt x="26517" y="12557"/>
                    <a:pt x="26467" y="12507"/>
                  </a:cubicBezTo>
                  <a:cubicBezTo>
                    <a:pt x="26417" y="12456"/>
                    <a:pt x="26417" y="12331"/>
                    <a:pt x="26417" y="12281"/>
                  </a:cubicBezTo>
                  <a:cubicBezTo>
                    <a:pt x="26417" y="12156"/>
                    <a:pt x="26341" y="12005"/>
                    <a:pt x="26341" y="11880"/>
                  </a:cubicBezTo>
                  <a:cubicBezTo>
                    <a:pt x="26291" y="11780"/>
                    <a:pt x="26341" y="11604"/>
                    <a:pt x="26341" y="11479"/>
                  </a:cubicBezTo>
                  <a:lnTo>
                    <a:pt x="26341" y="11329"/>
                  </a:lnTo>
                  <a:cubicBezTo>
                    <a:pt x="26417" y="11253"/>
                    <a:pt x="26517" y="11203"/>
                    <a:pt x="26567" y="11153"/>
                  </a:cubicBezTo>
                  <a:cubicBezTo>
                    <a:pt x="26567" y="11153"/>
                    <a:pt x="26642" y="10978"/>
                    <a:pt x="26567" y="10928"/>
                  </a:cubicBezTo>
                  <a:cubicBezTo>
                    <a:pt x="26567" y="10877"/>
                    <a:pt x="26467" y="10877"/>
                    <a:pt x="26417" y="10802"/>
                  </a:cubicBezTo>
                  <a:cubicBezTo>
                    <a:pt x="26341" y="10752"/>
                    <a:pt x="26291" y="10652"/>
                    <a:pt x="26241" y="10577"/>
                  </a:cubicBezTo>
                  <a:cubicBezTo>
                    <a:pt x="26241" y="10527"/>
                    <a:pt x="26191" y="10476"/>
                    <a:pt x="26191" y="10426"/>
                  </a:cubicBezTo>
                  <a:cubicBezTo>
                    <a:pt x="26191" y="10351"/>
                    <a:pt x="26241" y="10351"/>
                    <a:pt x="26291" y="10301"/>
                  </a:cubicBezTo>
                  <a:cubicBezTo>
                    <a:pt x="26291" y="10251"/>
                    <a:pt x="26241" y="10075"/>
                    <a:pt x="26241" y="9975"/>
                  </a:cubicBezTo>
                  <a:cubicBezTo>
                    <a:pt x="26291" y="9900"/>
                    <a:pt x="26417" y="9900"/>
                    <a:pt x="26467" y="9850"/>
                  </a:cubicBezTo>
                  <a:cubicBezTo>
                    <a:pt x="26517" y="9800"/>
                    <a:pt x="26567" y="9674"/>
                    <a:pt x="26567" y="9624"/>
                  </a:cubicBezTo>
                  <a:cubicBezTo>
                    <a:pt x="26642" y="9574"/>
                    <a:pt x="26692" y="9449"/>
                    <a:pt x="26743" y="9399"/>
                  </a:cubicBezTo>
                  <a:cubicBezTo>
                    <a:pt x="26793" y="9349"/>
                    <a:pt x="26968" y="9298"/>
                    <a:pt x="26968" y="9223"/>
                  </a:cubicBezTo>
                  <a:cubicBezTo>
                    <a:pt x="27018" y="9073"/>
                    <a:pt x="27018" y="8722"/>
                    <a:pt x="27018" y="8622"/>
                  </a:cubicBezTo>
                  <a:cubicBezTo>
                    <a:pt x="27018" y="8446"/>
                    <a:pt x="26968" y="8171"/>
                    <a:pt x="27018" y="7995"/>
                  </a:cubicBezTo>
                  <a:cubicBezTo>
                    <a:pt x="27018" y="7945"/>
                    <a:pt x="27093" y="7820"/>
                    <a:pt x="27144" y="7720"/>
                  </a:cubicBezTo>
                  <a:lnTo>
                    <a:pt x="27144" y="7369"/>
                  </a:lnTo>
                  <a:cubicBezTo>
                    <a:pt x="27093" y="7319"/>
                    <a:pt x="27018" y="7143"/>
                    <a:pt x="27018" y="7093"/>
                  </a:cubicBezTo>
                  <a:cubicBezTo>
                    <a:pt x="27093" y="6993"/>
                    <a:pt x="27194" y="6817"/>
                    <a:pt x="27244" y="6692"/>
                  </a:cubicBezTo>
                  <a:cubicBezTo>
                    <a:pt x="27244" y="6592"/>
                    <a:pt x="27419" y="6416"/>
                    <a:pt x="27469" y="6316"/>
                  </a:cubicBezTo>
                  <a:cubicBezTo>
                    <a:pt x="27545" y="6241"/>
                    <a:pt x="27595" y="6090"/>
                    <a:pt x="27645" y="6015"/>
                  </a:cubicBezTo>
                  <a:cubicBezTo>
                    <a:pt x="27695" y="5965"/>
                    <a:pt x="27820" y="5915"/>
                    <a:pt x="27870" y="5865"/>
                  </a:cubicBezTo>
                  <a:cubicBezTo>
                    <a:pt x="27920" y="5790"/>
                    <a:pt x="27870" y="5639"/>
                    <a:pt x="27920" y="5564"/>
                  </a:cubicBezTo>
                  <a:cubicBezTo>
                    <a:pt x="27920" y="5514"/>
                    <a:pt x="28046" y="5339"/>
                    <a:pt x="28096" y="5288"/>
                  </a:cubicBezTo>
                  <a:cubicBezTo>
                    <a:pt x="28146" y="5188"/>
                    <a:pt x="28221" y="4963"/>
                    <a:pt x="28271" y="4837"/>
                  </a:cubicBezTo>
                  <a:cubicBezTo>
                    <a:pt x="28321" y="4737"/>
                    <a:pt x="28447" y="4562"/>
                    <a:pt x="28497" y="4511"/>
                  </a:cubicBezTo>
                  <a:cubicBezTo>
                    <a:pt x="28597" y="4386"/>
                    <a:pt x="28773" y="4161"/>
                    <a:pt x="28898" y="4060"/>
                  </a:cubicBezTo>
                  <a:cubicBezTo>
                    <a:pt x="28898" y="4060"/>
                    <a:pt x="28898" y="3935"/>
                    <a:pt x="28948" y="3885"/>
                  </a:cubicBezTo>
                  <a:cubicBezTo>
                    <a:pt x="28998" y="3760"/>
                    <a:pt x="29174" y="3609"/>
                    <a:pt x="29224" y="3484"/>
                  </a:cubicBezTo>
                  <a:cubicBezTo>
                    <a:pt x="29349" y="3384"/>
                    <a:pt x="29399" y="3083"/>
                    <a:pt x="29449" y="2983"/>
                  </a:cubicBezTo>
                  <a:cubicBezTo>
                    <a:pt x="29499" y="2933"/>
                    <a:pt x="29625" y="2857"/>
                    <a:pt x="29625" y="2807"/>
                  </a:cubicBezTo>
                  <a:cubicBezTo>
                    <a:pt x="29725" y="2707"/>
                    <a:pt x="29725" y="2356"/>
                    <a:pt x="29800" y="2256"/>
                  </a:cubicBezTo>
                  <a:cubicBezTo>
                    <a:pt x="29800" y="2131"/>
                    <a:pt x="29800" y="1955"/>
                    <a:pt x="29850" y="1905"/>
                  </a:cubicBezTo>
                  <a:cubicBezTo>
                    <a:pt x="29900" y="1805"/>
                    <a:pt x="30076" y="1679"/>
                    <a:pt x="30076" y="1629"/>
                  </a:cubicBezTo>
                  <a:cubicBezTo>
                    <a:pt x="30076" y="1504"/>
                    <a:pt x="29951" y="1404"/>
                    <a:pt x="29951" y="1278"/>
                  </a:cubicBezTo>
                  <a:cubicBezTo>
                    <a:pt x="29951" y="1228"/>
                    <a:pt x="30076" y="1003"/>
                    <a:pt x="30126" y="953"/>
                  </a:cubicBezTo>
                  <a:cubicBezTo>
                    <a:pt x="30176" y="827"/>
                    <a:pt x="30352" y="727"/>
                    <a:pt x="30477" y="677"/>
                  </a:cubicBezTo>
                  <a:cubicBezTo>
                    <a:pt x="30527" y="602"/>
                    <a:pt x="30753" y="501"/>
                    <a:pt x="30803" y="451"/>
                  </a:cubicBezTo>
                  <a:cubicBezTo>
                    <a:pt x="30803" y="376"/>
                    <a:pt x="30803" y="326"/>
                    <a:pt x="30753" y="276"/>
                  </a:cubicBezTo>
                  <a:cubicBezTo>
                    <a:pt x="30702" y="151"/>
                    <a:pt x="30352" y="226"/>
                    <a:pt x="30251" y="151"/>
                  </a:cubicBezTo>
                  <a:cubicBezTo>
                    <a:pt x="30126" y="151"/>
                    <a:pt x="30026" y="151"/>
                    <a:pt x="29951" y="100"/>
                  </a:cubicBezTo>
                  <a:cubicBezTo>
                    <a:pt x="29900" y="100"/>
                    <a:pt x="29850" y="0"/>
                    <a:pt x="29800" y="0"/>
                  </a:cubicBezTo>
                  <a:cubicBezTo>
                    <a:pt x="29725" y="0"/>
                    <a:pt x="29625" y="100"/>
                    <a:pt x="29575" y="151"/>
                  </a:cubicBezTo>
                  <a:cubicBezTo>
                    <a:pt x="29499" y="151"/>
                    <a:pt x="29449" y="100"/>
                    <a:pt x="29399" y="151"/>
                  </a:cubicBezTo>
                  <a:cubicBezTo>
                    <a:pt x="29349" y="226"/>
                    <a:pt x="29274" y="376"/>
                    <a:pt x="29274" y="451"/>
                  </a:cubicBezTo>
                  <a:cubicBezTo>
                    <a:pt x="29174" y="501"/>
                    <a:pt x="28998" y="727"/>
                    <a:pt x="28898" y="727"/>
                  </a:cubicBezTo>
                  <a:cubicBezTo>
                    <a:pt x="28773" y="777"/>
                    <a:pt x="28597" y="677"/>
                    <a:pt x="28547" y="727"/>
                  </a:cubicBezTo>
                  <a:lnTo>
                    <a:pt x="28372" y="727"/>
                  </a:lnTo>
                  <a:cubicBezTo>
                    <a:pt x="28321" y="777"/>
                    <a:pt x="28321" y="953"/>
                    <a:pt x="28271" y="1003"/>
                  </a:cubicBezTo>
                  <a:cubicBezTo>
                    <a:pt x="28221" y="1128"/>
                    <a:pt x="28046" y="1278"/>
                    <a:pt x="27920" y="1354"/>
                  </a:cubicBezTo>
                  <a:lnTo>
                    <a:pt x="27469" y="1579"/>
                  </a:lnTo>
                  <a:cubicBezTo>
                    <a:pt x="27369" y="1579"/>
                    <a:pt x="27194" y="1579"/>
                    <a:pt x="27093" y="1504"/>
                  </a:cubicBezTo>
                  <a:lnTo>
                    <a:pt x="27018" y="1404"/>
                  </a:lnTo>
                  <a:cubicBezTo>
                    <a:pt x="27018" y="1278"/>
                    <a:pt x="27093" y="1128"/>
                    <a:pt x="27093" y="1053"/>
                  </a:cubicBezTo>
                  <a:cubicBezTo>
                    <a:pt x="27018" y="953"/>
                    <a:pt x="27018" y="777"/>
                    <a:pt x="26968" y="727"/>
                  </a:cubicBezTo>
                  <a:cubicBezTo>
                    <a:pt x="26918" y="677"/>
                    <a:pt x="26743" y="602"/>
                    <a:pt x="26692" y="602"/>
                  </a:cubicBezTo>
                  <a:cubicBezTo>
                    <a:pt x="26642" y="677"/>
                    <a:pt x="26567" y="677"/>
                    <a:pt x="26517" y="727"/>
                  </a:cubicBezTo>
                  <a:cubicBezTo>
                    <a:pt x="26517" y="777"/>
                    <a:pt x="26642" y="827"/>
                    <a:pt x="26642" y="902"/>
                  </a:cubicBezTo>
                  <a:cubicBezTo>
                    <a:pt x="26692" y="953"/>
                    <a:pt x="26743" y="1128"/>
                    <a:pt x="26743" y="1228"/>
                  </a:cubicBezTo>
                  <a:cubicBezTo>
                    <a:pt x="26743" y="1354"/>
                    <a:pt x="26692" y="1679"/>
                    <a:pt x="26642" y="1855"/>
                  </a:cubicBezTo>
                  <a:cubicBezTo>
                    <a:pt x="26567" y="2030"/>
                    <a:pt x="26417" y="2256"/>
                    <a:pt x="26291" y="2306"/>
                  </a:cubicBezTo>
                  <a:cubicBezTo>
                    <a:pt x="26116" y="2406"/>
                    <a:pt x="25890" y="2632"/>
                    <a:pt x="25740" y="2632"/>
                  </a:cubicBezTo>
                  <a:cubicBezTo>
                    <a:pt x="25665" y="2707"/>
                    <a:pt x="25514" y="2707"/>
                    <a:pt x="25389" y="2632"/>
                  </a:cubicBezTo>
                  <a:cubicBezTo>
                    <a:pt x="25339" y="2632"/>
                    <a:pt x="25214" y="2481"/>
                    <a:pt x="25164" y="2406"/>
                  </a:cubicBezTo>
                  <a:cubicBezTo>
                    <a:pt x="25063" y="2356"/>
                    <a:pt x="24888" y="2356"/>
                    <a:pt x="24763" y="2356"/>
                  </a:cubicBezTo>
                  <a:cubicBezTo>
                    <a:pt x="24662" y="2356"/>
                    <a:pt x="24437" y="2356"/>
                    <a:pt x="24311" y="2306"/>
                  </a:cubicBezTo>
                  <a:cubicBezTo>
                    <a:pt x="24261" y="2256"/>
                    <a:pt x="24161" y="2030"/>
                    <a:pt x="24036" y="1955"/>
                  </a:cubicBezTo>
                  <a:lnTo>
                    <a:pt x="23760" y="1955"/>
                  </a:lnTo>
                  <a:cubicBezTo>
                    <a:pt x="23635" y="2030"/>
                    <a:pt x="23534" y="2181"/>
                    <a:pt x="23409" y="2256"/>
                  </a:cubicBezTo>
                  <a:cubicBezTo>
                    <a:pt x="23359" y="2356"/>
                    <a:pt x="23133" y="2481"/>
                    <a:pt x="23033" y="2481"/>
                  </a:cubicBezTo>
                  <a:cubicBezTo>
                    <a:pt x="22908" y="2532"/>
                    <a:pt x="22682" y="2481"/>
                    <a:pt x="22582" y="2481"/>
                  </a:cubicBezTo>
                  <a:cubicBezTo>
                    <a:pt x="22457" y="2481"/>
                    <a:pt x="22231" y="2406"/>
                    <a:pt x="22131" y="2481"/>
                  </a:cubicBezTo>
                  <a:cubicBezTo>
                    <a:pt x="22006" y="2532"/>
                    <a:pt x="21905" y="2807"/>
                    <a:pt x="21830" y="2933"/>
                  </a:cubicBezTo>
                  <a:cubicBezTo>
                    <a:pt x="21780" y="3033"/>
                    <a:pt x="21680" y="3258"/>
                    <a:pt x="21555" y="3308"/>
                  </a:cubicBezTo>
                  <a:cubicBezTo>
                    <a:pt x="21454" y="3434"/>
                    <a:pt x="21229" y="3534"/>
                    <a:pt x="21103" y="3609"/>
                  </a:cubicBezTo>
                  <a:cubicBezTo>
                    <a:pt x="21053" y="3659"/>
                    <a:pt x="20878" y="3709"/>
                    <a:pt x="20828" y="3709"/>
                  </a:cubicBezTo>
                  <a:lnTo>
                    <a:pt x="20602" y="3709"/>
                  </a:lnTo>
                  <a:cubicBezTo>
                    <a:pt x="20552" y="3760"/>
                    <a:pt x="20427" y="3835"/>
                    <a:pt x="20427" y="3885"/>
                  </a:cubicBezTo>
                  <a:cubicBezTo>
                    <a:pt x="20251" y="3935"/>
                    <a:pt x="19976" y="4060"/>
                    <a:pt x="19800" y="4060"/>
                  </a:cubicBezTo>
                  <a:cubicBezTo>
                    <a:pt x="19700" y="4110"/>
                    <a:pt x="19424" y="3985"/>
                    <a:pt x="19249" y="4060"/>
                  </a:cubicBezTo>
                  <a:cubicBezTo>
                    <a:pt x="19199" y="4060"/>
                    <a:pt x="19023" y="4110"/>
                    <a:pt x="18898" y="4110"/>
                  </a:cubicBezTo>
                  <a:cubicBezTo>
                    <a:pt x="18798" y="4161"/>
                    <a:pt x="18572" y="4336"/>
                    <a:pt x="18447" y="4336"/>
                  </a:cubicBezTo>
                  <a:cubicBezTo>
                    <a:pt x="18296" y="4386"/>
                    <a:pt x="17996" y="4336"/>
                    <a:pt x="17895" y="4336"/>
                  </a:cubicBezTo>
                  <a:cubicBezTo>
                    <a:pt x="17770" y="4386"/>
                    <a:pt x="17544" y="4511"/>
                    <a:pt x="17394" y="4511"/>
                  </a:cubicBezTo>
                  <a:cubicBezTo>
                    <a:pt x="17319" y="4511"/>
                    <a:pt x="17093" y="4511"/>
                    <a:pt x="16993" y="4436"/>
                  </a:cubicBezTo>
                  <a:cubicBezTo>
                    <a:pt x="16868" y="4436"/>
                    <a:pt x="16642" y="4336"/>
                    <a:pt x="16542" y="4336"/>
                  </a:cubicBezTo>
                  <a:cubicBezTo>
                    <a:pt x="16492" y="4336"/>
                    <a:pt x="16367" y="4336"/>
                    <a:pt x="16316" y="4386"/>
                  </a:cubicBezTo>
                  <a:cubicBezTo>
                    <a:pt x="16266" y="4386"/>
                    <a:pt x="16191" y="4511"/>
                    <a:pt x="16091" y="4511"/>
                  </a:cubicBezTo>
                  <a:cubicBezTo>
                    <a:pt x="15966" y="4562"/>
                    <a:pt x="15740" y="4511"/>
                    <a:pt x="15640" y="4511"/>
                  </a:cubicBezTo>
                  <a:cubicBezTo>
                    <a:pt x="15590" y="4436"/>
                    <a:pt x="15514" y="4336"/>
                    <a:pt x="15464" y="4336"/>
                  </a:cubicBezTo>
                  <a:cubicBezTo>
                    <a:pt x="15414" y="4286"/>
                    <a:pt x="15289" y="4286"/>
                    <a:pt x="15239" y="4286"/>
                  </a:cubicBezTo>
                  <a:cubicBezTo>
                    <a:pt x="15189" y="4286"/>
                    <a:pt x="15063" y="4386"/>
                    <a:pt x="15013" y="4386"/>
                  </a:cubicBezTo>
                  <a:cubicBezTo>
                    <a:pt x="14963" y="4386"/>
                    <a:pt x="14913" y="4436"/>
                    <a:pt x="14838" y="4436"/>
                  </a:cubicBezTo>
                  <a:cubicBezTo>
                    <a:pt x="14838" y="4436"/>
                    <a:pt x="14737" y="4336"/>
                    <a:pt x="14687" y="4336"/>
                  </a:cubicBezTo>
                  <a:cubicBezTo>
                    <a:pt x="14612" y="4336"/>
                    <a:pt x="14512" y="4436"/>
                    <a:pt x="14387" y="4511"/>
                  </a:cubicBezTo>
                  <a:cubicBezTo>
                    <a:pt x="14336" y="4511"/>
                    <a:pt x="14161" y="4612"/>
                    <a:pt x="14061" y="4662"/>
                  </a:cubicBezTo>
                  <a:cubicBezTo>
                    <a:pt x="14011" y="4662"/>
                    <a:pt x="13935" y="4837"/>
                    <a:pt x="13885" y="4837"/>
                  </a:cubicBezTo>
                  <a:cubicBezTo>
                    <a:pt x="13835" y="4887"/>
                    <a:pt x="13710" y="5013"/>
                    <a:pt x="13660" y="5013"/>
                  </a:cubicBezTo>
                  <a:lnTo>
                    <a:pt x="13209" y="5238"/>
                  </a:lnTo>
                  <a:cubicBezTo>
                    <a:pt x="13033" y="5238"/>
                    <a:pt x="12707" y="5238"/>
                    <a:pt x="12532" y="5188"/>
                  </a:cubicBezTo>
                  <a:cubicBezTo>
                    <a:pt x="12432" y="5188"/>
                    <a:pt x="12131" y="5013"/>
                    <a:pt x="11981" y="4963"/>
                  </a:cubicBezTo>
                  <a:cubicBezTo>
                    <a:pt x="11905" y="4887"/>
                    <a:pt x="11680" y="4837"/>
                    <a:pt x="11580" y="4787"/>
                  </a:cubicBezTo>
                  <a:cubicBezTo>
                    <a:pt x="11454" y="4662"/>
                    <a:pt x="11354" y="4511"/>
                    <a:pt x="11229" y="4436"/>
                  </a:cubicBezTo>
                  <a:cubicBezTo>
                    <a:pt x="11128" y="4386"/>
                    <a:pt x="10953" y="4386"/>
                    <a:pt x="10853" y="4386"/>
                  </a:cubicBezTo>
                  <a:lnTo>
                    <a:pt x="10627" y="4161"/>
                  </a:lnTo>
                  <a:lnTo>
                    <a:pt x="10627" y="3760"/>
                  </a:lnTo>
                  <a:cubicBezTo>
                    <a:pt x="10627" y="3709"/>
                    <a:pt x="10627" y="3534"/>
                    <a:pt x="10552" y="3484"/>
                  </a:cubicBezTo>
                  <a:lnTo>
                    <a:pt x="10402" y="3484"/>
                  </a:lnTo>
                  <a:cubicBezTo>
                    <a:pt x="10326" y="3484"/>
                    <a:pt x="10276" y="3434"/>
                    <a:pt x="10226" y="3434"/>
                  </a:cubicBezTo>
                  <a:cubicBezTo>
                    <a:pt x="10176" y="3484"/>
                    <a:pt x="10176" y="3609"/>
                    <a:pt x="10176" y="3659"/>
                  </a:cubicBezTo>
                  <a:cubicBezTo>
                    <a:pt x="10101" y="3659"/>
                    <a:pt x="10001" y="3760"/>
                    <a:pt x="9950" y="3760"/>
                  </a:cubicBezTo>
                  <a:cubicBezTo>
                    <a:pt x="9825" y="3835"/>
                    <a:pt x="9650" y="3709"/>
                    <a:pt x="9549" y="3709"/>
                  </a:cubicBezTo>
                  <a:cubicBezTo>
                    <a:pt x="9499" y="3709"/>
                    <a:pt x="9324" y="3760"/>
                    <a:pt x="9274" y="3760"/>
                  </a:cubicBezTo>
                  <a:cubicBezTo>
                    <a:pt x="9199" y="3760"/>
                    <a:pt x="9098" y="3709"/>
                    <a:pt x="9098" y="3659"/>
                  </a:cubicBezTo>
                  <a:cubicBezTo>
                    <a:pt x="8973" y="3609"/>
                    <a:pt x="8973" y="3384"/>
                    <a:pt x="8923" y="3308"/>
                  </a:cubicBezTo>
                  <a:cubicBezTo>
                    <a:pt x="8923" y="3208"/>
                    <a:pt x="8923" y="2933"/>
                    <a:pt x="8873" y="2807"/>
                  </a:cubicBezTo>
                  <a:cubicBezTo>
                    <a:pt x="8798" y="2757"/>
                    <a:pt x="8697" y="2757"/>
                    <a:pt x="8647" y="2707"/>
                  </a:cubicBezTo>
                  <a:cubicBezTo>
                    <a:pt x="8572" y="2632"/>
                    <a:pt x="8522" y="2582"/>
                    <a:pt x="8472" y="2532"/>
                  </a:cubicBezTo>
                  <a:lnTo>
                    <a:pt x="8472" y="2306"/>
                  </a:lnTo>
                  <a:cubicBezTo>
                    <a:pt x="8346" y="2256"/>
                    <a:pt x="8196" y="2256"/>
                    <a:pt x="8071" y="2306"/>
                  </a:cubicBezTo>
                  <a:cubicBezTo>
                    <a:pt x="8021" y="2356"/>
                    <a:pt x="7970" y="2481"/>
                    <a:pt x="7895" y="2532"/>
                  </a:cubicBezTo>
                  <a:lnTo>
                    <a:pt x="7620" y="2807"/>
                  </a:lnTo>
                  <a:cubicBezTo>
                    <a:pt x="7519" y="2857"/>
                    <a:pt x="7219" y="2857"/>
                    <a:pt x="7068" y="2857"/>
                  </a:cubicBezTo>
                  <a:cubicBezTo>
                    <a:pt x="6943" y="2857"/>
                    <a:pt x="6767" y="2807"/>
                    <a:pt x="6667" y="2807"/>
                  </a:cubicBezTo>
                  <a:cubicBezTo>
                    <a:pt x="6617" y="2757"/>
                    <a:pt x="6442" y="2807"/>
                    <a:pt x="6392" y="2807"/>
                  </a:cubicBezTo>
                  <a:cubicBezTo>
                    <a:pt x="6316" y="2807"/>
                    <a:pt x="6216" y="2857"/>
                    <a:pt x="6166" y="2933"/>
                  </a:cubicBezTo>
                  <a:cubicBezTo>
                    <a:pt x="6091" y="2983"/>
                    <a:pt x="5991" y="3083"/>
                    <a:pt x="5991" y="3158"/>
                  </a:cubicBezTo>
                  <a:cubicBezTo>
                    <a:pt x="5991" y="3208"/>
                    <a:pt x="6041" y="3308"/>
                    <a:pt x="5991" y="3384"/>
                  </a:cubicBezTo>
                  <a:cubicBezTo>
                    <a:pt x="5991" y="3384"/>
                    <a:pt x="5940" y="3384"/>
                    <a:pt x="5865" y="3434"/>
                  </a:cubicBezTo>
                  <a:lnTo>
                    <a:pt x="5865" y="3534"/>
                  </a:lnTo>
                  <a:cubicBezTo>
                    <a:pt x="5940" y="3609"/>
                    <a:pt x="5991" y="3709"/>
                    <a:pt x="5991" y="3760"/>
                  </a:cubicBezTo>
                  <a:cubicBezTo>
                    <a:pt x="6041" y="3885"/>
                    <a:pt x="5991" y="4060"/>
                    <a:pt x="5991" y="4161"/>
                  </a:cubicBezTo>
                  <a:cubicBezTo>
                    <a:pt x="5940" y="4211"/>
                    <a:pt x="5765" y="4286"/>
                    <a:pt x="5640" y="4336"/>
                  </a:cubicBezTo>
                  <a:cubicBezTo>
                    <a:pt x="5590" y="4386"/>
                    <a:pt x="5364" y="4511"/>
                    <a:pt x="5264" y="4562"/>
                  </a:cubicBezTo>
                  <a:cubicBezTo>
                    <a:pt x="5188" y="4612"/>
                    <a:pt x="5138" y="4737"/>
                    <a:pt x="5088" y="4787"/>
                  </a:cubicBezTo>
                  <a:lnTo>
                    <a:pt x="4863" y="4787"/>
                  </a:lnTo>
                  <a:cubicBezTo>
                    <a:pt x="4813" y="4787"/>
                    <a:pt x="4687" y="4887"/>
                    <a:pt x="4637" y="4887"/>
                  </a:cubicBezTo>
                  <a:cubicBezTo>
                    <a:pt x="4512" y="4963"/>
                    <a:pt x="4361" y="4963"/>
                    <a:pt x="4236" y="4963"/>
                  </a:cubicBezTo>
                  <a:cubicBezTo>
                    <a:pt x="4186" y="4887"/>
                    <a:pt x="4011" y="4662"/>
                    <a:pt x="3960" y="4612"/>
                  </a:cubicBezTo>
                  <a:cubicBezTo>
                    <a:pt x="3910" y="4612"/>
                    <a:pt x="3735" y="4511"/>
                    <a:pt x="3685" y="4511"/>
                  </a:cubicBezTo>
                  <a:cubicBezTo>
                    <a:pt x="3559" y="4386"/>
                    <a:pt x="3384" y="4286"/>
                    <a:pt x="3334" y="4161"/>
                  </a:cubicBezTo>
                  <a:cubicBezTo>
                    <a:pt x="3284" y="4060"/>
                    <a:pt x="3284" y="3835"/>
                    <a:pt x="3234" y="3709"/>
                  </a:cubicBezTo>
                  <a:cubicBezTo>
                    <a:pt x="3234" y="3659"/>
                    <a:pt x="3108" y="3534"/>
                    <a:pt x="3058" y="3484"/>
                  </a:cubicBezTo>
                  <a:cubicBezTo>
                    <a:pt x="3058" y="3434"/>
                    <a:pt x="3158" y="3308"/>
                    <a:pt x="3108" y="3258"/>
                  </a:cubicBezTo>
                  <a:cubicBezTo>
                    <a:pt x="3108" y="3208"/>
                    <a:pt x="2933" y="3208"/>
                    <a:pt x="2883" y="3158"/>
                  </a:cubicBezTo>
                  <a:cubicBezTo>
                    <a:pt x="2883" y="3158"/>
                    <a:pt x="2833" y="3033"/>
                    <a:pt x="2782" y="3033"/>
                  </a:cubicBezTo>
                  <a:cubicBezTo>
                    <a:pt x="2707" y="3033"/>
                    <a:pt x="2607" y="3083"/>
                    <a:pt x="2607" y="3158"/>
                  </a:cubicBezTo>
                  <a:cubicBezTo>
                    <a:pt x="2557" y="3208"/>
                    <a:pt x="2482" y="3384"/>
                    <a:pt x="2557" y="3434"/>
                  </a:cubicBezTo>
                  <a:cubicBezTo>
                    <a:pt x="2557" y="3484"/>
                    <a:pt x="2657" y="3534"/>
                    <a:pt x="2657" y="3609"/>
                  </a:cubicBezTo>
                  <a:cubicBezTo>
                    <a:pt x="2657" y="3659"/>
                    <a:pt x="2557" y="3760"/>
                    <a:pt x="2557" y="3835"/>
                  </a:cubicBezTo>
                  <a:cubicBezTo>
                    <a:pt x="2557" y="3885"/>
                    <a:pt x="2607" y="3935"/>
                    <a:pt x="2607" y="3985"/>
                  </a:cubicBezTo>
                  <a:cubicBezTo>
                    <a:pt x="2557" y="4060"/>
                    <a:pt x="2432" y="4161"/>
                    <a:pt x="2381" y="4161"/>
                  </a:cubicBezTo>
                  <a:cubicBezTo>
                    <a:pt x="2331" y="4161"/>
                    <a:pt x="2256" y="4060"/>
                    <a:pt x="2206" y="4060"/>
                  </a:cubicBezTo>
                  <a:cubicBezTo>
                    <a:pt x="2156" y="3985"/>
                    <a:pt x="2106" y="4060"/>
                    <a:pt x="2031" y="4060"/>
                  </a:cubicBezTo>
                  <a:cubicBezTo>
                    <a:pt x="1980" y="4110"/>
                    <a:pt x="1980" y="4211"/>
                    <a:pt x="1930" y="4211"/>
                  </a:cubicBezTo>
                  <a:cubicBezTo>
                    <a:pt x="1930" y="4336"/>
                    <a:pt x="1880" y="4436"/>
                    <a:pt x="1805" y="4511"/>
                  </a:cubicBezTo>
                  <a:cubicBezTo>
                    <a:pt x="1755" y="4562"/>
                    <a:pt x="1655" y="4612"/>
                    <a:pt x="1579" y="4612"/>
                  </a:cubicBezTo>
                  <a:cubicBezTo>
                    <a:pt x="1529" y="4662"/>
                    <a:pt x="1429" y="4562"/>
                    <a:pt x="1354" y="4562"/>
                  </a:cubicBezTo>
                  <a:cubicBezTo>
                    <a:pt x="1304" y="4612"/>
                    <a:pt x="1128" y="4662"/>
                    <a:pt x="1078" y="4737"/>
                  </a:cubicBezTo>
                  <a:cubicBezTo>
                    <a:pt x="1028" y="4737"/>
                    <a:pt x="978" y="4887"/>
                    <a:pt x="903" y="4963"/>
                  </a:cubicBezTo>
                  <a:cubicBezTo>
                    <a:pt x="903" y="4963"/>
                    <a:pt x="803" y="5013"/>
                    <a:pt x="803" y="5063"/>
                  </a:cubicBezTo>
                  <a:cubicBezTo>
                    <a:pt x="752" y="5063"/>
                    <a:pt x="577" y="5113"/>
                    <a:pt x="527" y="5188"/>
                  </a:cubicBezTo>
                  <a:cubicBezTo>
                    <a:pt x="452" y="5188"/>
                    <a:pt x="301" y="5238"/>
                    <a:pt x="301" y="5288"/>
                  </a:cubicBezTo>
                  <a:cubicBezTo>
                    <a:pt x="301" y="5339"/>
                    <a:pt x="452" y="5339"/>
                    <a:pt x="452" y="5414"/>
                  </a:cubicBezTo>
                  <a:cubicBezTo>
                    <a:pt x="452" y="5414"/>
                    <a:pt x="402" y="5514"/>
                    <a:pt x="402" y="5564"/>
                  </a:cubicBezTo>
                  <a:cubicBezTo>
                    <a:pt x="452" y="5564"/>
                    <a:pt x="577" y="5564"/>
                    <a:pt x="577" y="5639"/>
                  </a:cubicBezTo>
                  <a:cubicBezTo>
                    <a:pt x="627" y="5689"/>
                    <a:pt x="577" y="5740"/>
                    <a:pt x="577" y="5790"/>
                  </a:cubicBezTo>
                  <a:cubicBezTo>
                    <a:pt x="577" y="5790"/>
                    <a:pt x="452" y="5790"/>
                    <a:pt x="452" y="5865"/>
                  </a:cubicBezTo>
                  <a:lnTo>
                    <a:pt x="452" y="6015"/>
                  </a:lnTo>
                  <a:cubicBezTo>
                    <a:pt x="402" y="6015"/>
                    <a:pt x="351" y="6090"/>
                    <a:pt x="351" y="6090"/>
                  </a:cubicBezTo>
                  <a:cubicBezTo>
                    <a:pt x="351" y="6141"/>
                    <a:pt x="452" y="6141"/>
                    <a:pt x="452" y="6191"/>
                  </a:cubicBezTo>
                  <a:cubicBezTo>
                    <a:pt x="527" y="6241"/>
                    <a:pt x="527" y="6316"/>
                    <a:pt x="452" y="6366"/>
                  </a:cubicBezTo>
                  <a:cubicBezTo>
                    <a:pt x="452" y="6366"/>
                    <a:pt x="402" y="6416"/>
                    <a:pt x="351" y="6416"/>
                  </a:cubicBezTo>
                  <a:cubicBezTo>
                    <a:pt x="301" y="6416"/>
                    <a:pt x="226" y="6542"/>
                    <a:pt x="226" y="6542"/>
                  </a:cubicBezTo>
                  <a:cubicBezTo>
                    <a:pt x="226" y="6592"/>
                    <a:pt x="226" y="6692"/>
                    <a:pt x="301" y="6767"/>
                  </a:cubicBezTo>
                  <a:cubicBezTo>
                    <a:pt x="301" y="6817"/>
                    <a:pt x="402" y="6867"/>
                    <a:pt x="402" y="6918"/>
                  </a:cubicBezTo>
                  <a:cubicBezTo>
                    <a:pt x="452" y="6993"/>
                    <a:pt x="402" y="7143"/>
                    <a:pt x="402" y="7218"/>
                  </a:cubicBezTo>
                  <a:lnTo>
                    <a:pt x="402" y="7594"/>
                  </a:lnTo>
                  <a:cubicBezTo>
                    <a:pt x="351" y="7594"/>
                    <a:pt x="226" y="7644"/>
                    <a:pt x="176" y="7720"/>
                  </a:cubicBezTo>
                  <a:cubicBezTo>
                    <a:pt x="176" y="7720"/>
                    <a:pt x="76" y="7770"/>
                    <a:pt x="0" y="7820"/>
                  </a:cubicBezTo>
                  <a:lnTo>
                    <a:pt x="0" y="7995"/>
                  </a:lnTo>
                  <a:cubicBezTo>
                    <a:pt x="76" y="8045"/>
                    <a:pt x="176" y="8095"/>
                    <a:pt x="176" y="8171"/>
                  </a:cubicBezTo>
                  <a:cubicBezTo>
                    <a:pt x="226" y="8221"/>
                    <a:pt x="301" y="8396"/>
                    <a:pt x="351" y="8496"/>
                  </a:cubicBezTo>
                  <a:cubicBezTo>
                    <a:pt x="402" y="8622"/>
                    <a:pt x="452" y="8772"/>
                    <a:pt x="452" y="8897"/>
                  </a:cubicBezTo>
                  <a:cubicBezTo>
                    <a:pt x="452" y="8948"/>
                    <a:pt x="452" y="9123"/>
                    <a:pt x="527" y="9173"/>
                  </a:cubicBezTo>
                  <a:cubicBezTo>
                    <a:pt x="527" y="9223"/>
                    <a:pt x="752" y="9349"/>
                    <a:pt x="803" y="9449"/>
                  </a:cubicBezTo>
                  <a:cubicBezTo>
                    <a:pt x="853" y="9449"/>
                    <a:pt x="903" y="9574"/>
                    <a:pt x="903" y="9574"/>
                  </a:cubicBezTo>
                  <a:cubicBezTo>
                    <a:pt x="1028" y="9624"/>
                    <a:pt x="1204" y="9574"/>
                    <a:pt x="1254" y="9574"/>
                  </a:cubicBezTo>
                  <a:cubicBezTo>
                    <a:pt x="1354" y="9574"/>
                    <a:pt x="1479" y="9674"/>
                    <a:pt x="1579" y="9750"/>
                  </a:cubicBezTo>
                  <a:cubicBezTo>
                    <a:pt x="1655" y="9750"/>
                    <a:pt x="1705" y="9800"/>
                    <a:pt x="1755" y="9850"/>
                  </a:cubicBezTo>
                  <a:cubicBezTo>
                    <a:pt x="1805" y="9975"/>
                    <a:pt x="1805" y="10126"/>
                    <a:pt x="1880" y="10251"/>
                  </a:cubicBezTo>
                  <a:cubicBezTo>
                    <a:pt x="1930" y="10351"/>
                    <a:pt x="2106" y="10577"/>
                    <a:pt x="2206" y="10702"/>
                  </a:cubicBezTo>
                  <a:cubicBezTo>
                    <a:pt x="2331" y="10752"/>
                    <a:pt x="2482" y="10752"/>
                    <a:pt x="2607" y="10752"/>
                  </a:cubicBezTo>
                  <a:cubicBezTo>
                    <a:pt x="2782" y="10752"/>
                    <a:pt x="3058" y="10577"/>
                    <a:pt x="3234" y="10527"/>
                  </a:cubicBezTo>
                  <a:lnTo>
                    <a:pt x="3610" y="10527"/>
                  </a:lnTo>
                  <a:cubicBezTo>
                    <a:pt x="3735" y="10527"/>
                    <a:pt x="3960" y="10476"/>
                    <a:pt x="4136" y="10476"/>
                  </a:cubicBezTo>
                  <a:lnTo>
                    <a:pt x="4637" y="10476"/>
                  </a:lnTo>
                  <a:lnTo>
                    <a:pt x="4913" y="10476"/>
                  </a:lnTo>
                  <a:cubicBezTo>
                    <a:pt x="5038" y="10476"/>
                    <a:pt x="5188" y="10577"/>
                    <a:pt x="5264" y="10652"/>
                  </a:cubicBezTo>
                  <a:cubicBezTo>
                    <a:pt x="5314" y="10702"/>
                    <a:pt x="5314" y="10802"/>
                    <a:pt x="5314" y="10877"/>
                  </a:cubicBezTo>
                  <a:cubicBezTo>
                    <a:pt x="5364" y="10928"/>
                    <a:pt x="5640" y="10928"/>
                    <a:pt x="5715" y="10978"/>
                  </a:cubicBezTo>
                  <a:cubicBezTo>
                    <a:pt x="5765" y="11028"/>
                    <a:pt x="5765" y="11203"/>
                    <a:pt x="5765" y="11253"/>
                  </a:cubicBezTo>
                  <a:cubicBezTo>
                    <a:pt x="5815" y="11329"/>
                    <a:pt x="5940" y="11379"/>
                    <a:pt x="5991" y="11429"/>
                  </a:cubicBezTo>
                  <a:cubicBezTo>
                    <a:pt x="6166" y="11429"/>
                    <a:pt x="6392" y="11203"/>
                    <a:pt x="6492" y="11203"/>
                  </a:cubicBezTo>
                  <a:cubicBezTo>
                    <a:pt x="6617" y="11203"/>
                    <a:pt x="6893" y="11253"/>
                    <a:pt x="6993" y="11253"/>
                  </a:cubicBezTo>
                  <a:cubicBezTo>
                    <a:pt x="7068" y="11329"/>
                    <a:pt x="7118" y="11379"/>
                    <a:pt x="7168" y="11379"/>
                  </a:cubicBezTo>
                  <a:cubicBezTo>
                    <a:pt x="7294" y="11429"/>
                    <a:pt x="7519" y="11379"/>
                    <a:pt x="7569" y="11429"/>
                  </a:cubicBezTo>
                  <a:cubicBezTo>
                    <a:pt x="7670" y="11479"/>
                    <a:pt x="7670" y="11654"/>
                    <a:pt x="7745" y="11705"/>
                  </a:cubicBezTo>
                  <a:cubicBezTo>
                    <a:pt x="7795" y="11780"/>
                    <a:pt x="7970" y="11880"/>
                    <a:pt x="8021" y="12005"/>
                  </a:cubicBezTo>
                  <a:cubicBezTo>
                    <a:pt x="8071" y="12055"/>
                    <a:pt x="8246" y="12106"/>
                    <a:pt x="8296" y="12231"/>
                  </a:cubicBezTo>
                  <a:cubicBezTo>
                    <a:pt x="8346" y="12281"/>
                    <a:pt x="8422" y="12456"/>
                    <a:pt x="8522" y="12507"/>
                  </a:cubicBezTo>
                  <a:cubicBezTo>
                    <a:pt x="8522" y="12557"/>
                    <a:pt x="8647" y="12507"/>
                    <a:pt x="8697" y="12557"/>
                  </a:cubicBezTo>
                  <a:cubicBezTo>
                    <a:pt x="8747" y="12607"/>
                    <a:pt x="8923" y="12782"/>
                    <a:pt x="8973" y="12832"/>
                  </a:cubicBezTo>
                  <a:cubicBezTo>
                    <a:pt x="9023" y="12908"/>
                    <a:pt x="9148" y="12958"/>
                    <a:pt x="9199" y="13008"/>
                  </a:cubicBezTo>
                  <a:cubicBezTo>
                    <a:pt x="9374" y="13058"/>
                    <a:pt x="9600" y="13183"/>
                    <a:pt x="9725" y="13283"/>
                  </a:cubicBezTo>
                  <a:cubicBezTo>
                    <a:pt x="9775" y="13283"/>
                    <a:pt x="9875" y="13409"/>
                    <a:pt x="9950" y="13459"/>
                  </a:cubicBezTo>
                  <a:lnTo>
                    <a:pt x="10226" y="13459"/>
                  </a:lnTo>
                  <a:cubicBezTo>
                    <a:pt x="10276" y="13509"/>
                    <a:pt x="10402" y="13584"/>
                    <a:pt x="10452" y="13634"/>
                  </a:cubicBezTo>
                  <a:lnTo>
                    <a:pt x="10727" y="13634"/>
                  </a:lnTo>
                  <a:cubicBezTo>
                    <a:pt x="10853" y="13684"/>
                    <a:pt x="10953" y="13735"/>
                    <a:pt x="11078" y="13735"/>
                  </a:cubicBezTo>
                  <a:cubicBezTo>
                    <a:pt x="11128" y="13735"/>
                    <a:pt x="11304" y="13735"/>
                    <a:pt x="11354" y="13810"/>
                  </a:cubicBezTo>
                  <a:cubicBezTo>
                    <a:pt x="11454" y="13860"/>
                    <a:pt x="11680" y="14085"/>
                    <a:pt x="11805" y="14186"/>
                  </a:cubicBezTo>
                  <a:cubicBezTo>
                    <a:pt x="11855" y="14186"/>
                    <a:pt x="11905" y="14361"/>
                    <a:pt x="11981" y="14361"/>
                  </a:cubicBezTo>
                  <a:cubicBezTo>
                    <a:pt x="11981" y="14411"/>
                    <a:pt x="12031" y="14361"/>
                    <a:pt x="12081" y="14411"/>
                  </a:cubicBezTo>
                  <a:cubicBezTo>
                    <a:pt x="12131" y="14411"/>
                    <a:pt x="12131" y="14587"/>
                    <a:pt x="12131" y="14637"/>
                  </a:cubicBezTo>
                  <a:cubicBezTo>
                    <a:pt x="12206" y="14712"/>
                    <a:pt x="12356" y="14862"/>
                    <a:pt x="12482" y="14862"/>
                  </a:cubicBezTo>
                  <a:cubicBezTo>
                    <a:pt x="12582" y="14938"/>
                    <a:pt x="12808" y="14938"/>
                    <a:pt x="12883" y="14988"/>
                  </a:cubicBezTo>
                  <a:cubicBezTo>
                    <a:pt x="12983" y="15038"/>
                    <a:pt x="13033" y="15213"/>
                    <a:pt x="13158" y="15263"/>
                  </a:cubicBezTo>
                  <a:lnTo>
                    <a:pt x="13384" y="15263"/>
                  </a:lnTo>
                  <a:cubicBezTo>
                    <a:pt x="13484" y="15263"/>
                    <a:pt x="13710" y="15263"/>
                    <a:pt x="13835" y="15314"/>
                  </a:cubicBezTo>
                  <a:cubicBezTo>
                    <a:pt x="13885" y="15389"/>
                    <a:pt x="13935" y="15489"/>
                    <a:pt x="14011" y="15489"/>
                  </a:cubicBezTo>
                  <a:cubicBezTo>
                    <a:pt x="14061" y="15539"/>
                    <a:pt x="14236" y="15539"/>
                    <a:pt x="14286" y="15614"/>
                  </a:cubicBezTo>
                  <a:cubicBezTo>
                    <a:pt x="14336" y="15664"/>
                    <a:pt x="14286" y="15840"/>
                    <a:pt x="14336" y="15890"/>
                  </a:cubicBezTo>
                  <a:cubicBezTo>
                    <a:pt x="14387" y="15940"/>
                    <a:pt x="14612" y="15990"/>
                    <a:pt x="14687" y="15990"/>
                  </a:cubicBezTo>
                  <a:cubicBezTo>
                    <a:pt x="14788" y="15940"/>
                    <a:pt x="14963" y="15840"/>
                    <a:pt x="15063" y="15840"/>
                  </a:cubicBezTo>
                  <a:cubicBezTo>
                    <a:pt x="15189" y="15840"/>
                    <a:pt x="15364" y="15890"/>
                    <a:pt x="15464" y="15840"/>
                  </a:cubicBezTo>
                  <a:cubicBezTo>
                    <a:pt x="15590" y="15840"/>
                    <a:pt x="15865" y="15715"/>
                    <a:pt x="15966" y="15715"/>
                  </a:cubicBezTo>
                  <a:cubicBezTo>
                    <a:pt x="16091" y="15664"/>
                    <a:pt x="16417" y="15715"/>
                    <a:pt x="16542" y="15765"/>
                  </a:cubicBezTo>
                  <a:cubicBezTo>
                    <a:pt x="16642" y="15765"/>
                    <a:pt x="16868" y="15890"/>
                    <a:pt x="17043" y="15890"/>
                  </a:cubicBezTo>
                  <a:cubicBezTo>
                    <a:pt x="17093" y="15890"/>
                    <a:pt x="17319" y="15840"/>
                    <a:pt x="17444" y="15840"/>
                  </a:cubicBezTo>
                  <a:cubicBezTo>
                    <a:pt x="17494" y="15840"/>
                    <a:pt x="17720" y="15940"/>
                    <a:pt x="17770" y="15940"/>
                  </a:cubicBezTo>
                  <a:cubicBezTo>
                    <a:pt x="17895" y="15990"/>
                    <a:pt x="18121" y="15990"/>
                    <a:pt x="18221" y="16065"/>
                  </a:cubicBezTo>
                  <a:cubicBezTo>
                    <a:pt x="18296" y="16116"/>
                    <a:pt x="18447" y="16216"/>
                    <a:pt x="18572" y="16291"/>
                  </a:cubicBezTo>
                  <a:cubicBezTo>
                    <a:pt x="18622" y="16341"/>
                    <a:pt x="18798" y="16391"/>
                    <a:pt x="18848" y="16391"/>
                  </a:cubicBezTo>
                  <a:cubicBezTo>
                    <a:pt x="18973" y="16517"/>
                    <a:pt x="19199" y="16742"/>
                    <a:pt x="19299" y="16792"/>
                  </a:cubicBezTo>
                  <a:cubicBezTo>
                    <a:pt x="19349" y="16892"/>
                    <a:pt x="19650" y="17018"/>
                    <a:pt x="19700" y="17118"/>
                  </a:cubicBezTo>
                  <a:cubicBezTo>
                    <a:pt x="19750" y="17193"/>
                    <a:pt x="19750" y="17344"/>
                    <a:pt x="19750" y="17419"/>
                  </a:cubicBezTo>
                  <a:cubicBezTo>
                    <a:pt x="19800" y="17519"/>
                    <a:pt x="19875" y="17644"/>
                    <a:pt x="19925" y="17745"/>
                  </a:cubicBezTo>
                  <a:cubicBezTo>
                    <a:pt x="19976" y="17795"/>
                    <a:pt x="20101" y="17870"/>
                    <a:pt x="20151" y="17920"/>
                  </a:cubicBezTo>
                  <a:cubicBezTo>
                    <a:pt x="20251" y="18020"/>
                    <a:pt x="20326" y="18321"/>
                    <a:pt x="20377" y="18471"/>
                  </a:cubicBezTo>
                  <a:cubicBezTo>
                    <a:pt x="20427" y="18547"/>
                    <a:pt x="20552" y="18647"/>
                    <a:pt x="20602" y="18772"/>
                  </a:cubicBezTo>
                  <a:cubicBezTo>
                    <a:pt x="20602" y="18822"/>
                    <a:pt x="20552" y="18923"/>
                    <a:pt x="20552" y="18998"/>
                  </a:cubicBezTo>
                  <a:cubicBezTo>
                    <a:pt x="20602" y="19048"/>
                    <a:pt x="20778" y="19098"/>
                    <a:pt x="20878" y="19148"/>
                  </a:cubicBezTo>
                  <a:cubicBezTo>
                    <a:pt x="20878" y="19148"/>
                    <a:pt x="20928" y="19273"/>
                    <a:pt x="21003" y="19273"/>
                  </a:cubicBezTo>
                  <a:cubicBezTo>
                    <a:pt x="21053" y="19324"/>
                    <a:pt x="21279" y="19324"/>
                    <a:pt x="21329" y="19324"/>
                  </a:cubicBezTo>
                  <a:cubicBezTo>
                    <a:pt x="21454" y="19324"/>
                    <a:pt x="21605" y="19374"/>
                    <a:pt x="21680" y="19449"/>
                  </a:cubicBezTo>
                  <a:cubicBezTo>
                    <a:pt x="21780" y="19449"/>
                    <a:pt x="22006" y="19449"/>
                    <a:pt x="22131" y="19499"/>
                  </a:cubicBezTo>
                  <a:cubicBezTo>
                    <a:pt x="22231" y="19499"/>
                    <a:pt x="22457" y="19549"/>
                    <a:pt x="22507" y="19599"/>
                  </a:cubicBezTo>
                  <a:cubicBezTo>
                    <a:pt x="22582" y="19674"/>
                    <a:pt x="22632" y="19900"/>
                    <a:pt x="22682" y="19950"/>
                  </a:cubicBezTo>
                  <a:cubicBezTo>
                    <a:pt x="22732" y="20000"/>
                    <a:pt x="22808" y="20050"/>
                    <a:pt x="22858" y="20050"/>
                  </a:cubicBezTo>
                  <a:cubicBezTo>
                    <a:pt x="22958" y="20050"/>
                    <a:pt x="23133" y="20000"/>
                    <a:pt x="23259" y="20050"/>
                  </a:cubicBezTo>
                  <a:cubicBezTo>
                    <a:pt x="23359" y="20050"/>
                    <a:pt x="23484" y="20126"/>
                    <a:pt x="23585" y="20176"/>
                  </a:cubicBezTo>
                  <a:cubicBezTo>
                    <a:pt x="23635" y="20176"/>
                    <a:pt x="23810" y="20226"/>
                    <a:pt x="23935" y="20226"/>
                  </a:cubicBezTo>
                  <a:cubicBezTo>
                    <a:pt x="23986" y="20226"/>
                    <a:pt x="24086" y="20050"/>
                    <a:pt x="24161" y="20050"/>
                  </a:cubicBezTo>
                  <a:cubicBezTo>
                    <a:pt x="24211" y="20000"/>
                    <a:pt x="24387" y="19950"/>
                    <a:pt x="24437" y="19950"/>
                  </a:cubicBezTo>
                  <a:cubicBezTo>
                    <a:pt x="24487" y="19900"/>
                    <a:pt x="24612" y="19825"/>
                    <a:pt x="24662" y="19825"/>
                  </a:cubicBezTo>
                  <a:cubicBezTo>
                    <a:pt x="24763" y="19825"/>
                    <a:pt x="24988" y="19825"/>
                    <a:pt x="25063" y="19900"/>
                  </a:cubicBezTo>
                  <a:cubicBezTo>
                    <a:pt x="25164" y="19900"/>
                    <a:pt x="25214" y="20050"/>
                    <a:pt x="25289" y="20126"/>
                  </a:cubicBezTo>
                  <a:cubicBezTo>
                    <a:pt x="25339" y="20176"/>
                    <a:pt x="25439" y="20276"/>
                    <a:pt x="25565" y="20276"/>
                  </a:cubicBezTo>
                  <a:cubicBezTo>
                    <a:pt x="25615" y="20276"/>
                    <a:pt x="25790" y="20126"/>
                    <a:pt x="25840" y="20126"/>
                  </a:cubicBezTo>
                  <a:cubicBezTo>
                    <a:pt x="25966" y="20050"/>
                    <a:pt x="26116" y="20126"/>
                    <a:pt x="26241" y="20126"/>
                  </a:cubicBezTo>
                  <a:cubicBezTo>
                    <a:pt x="26291" y="20176"/>
                    <a:pt x="26417" y="20401"/>
                    <a:pt x="26467" y="20451"/>
                  </a:cubicBezTo>
                  <a:cubicBezTo>
                    <a:pt x="26517" y="20502"/>
                    <a:pt x="26642" y="20627"/>
                    <a:pt x="26692" y="20627"/>
                  </a:cubicBezTo>
                  <a:cubicBezTo>
                    <a:pt x="26743" y="20677"/>
                    <a:pt x="26868" y="20727"/>
                    <a:pt x="26918" y="20677"/>
                  </a:cubicBezTo>
                  <a:cubicBezTo>
                    <a:pt x="27018" y="20677"/>
                    <a:pt x="26968" y="20502"/>
                    <a:pt x="27018" y="20451"/>
                  </a:cubicBezTo>
                  <a:cubicBezTo>
                    <a:pt x="27093" y="20401"/>
                    <a:pt x="27244" y="20502"/>
                    <a:pt x="27319" y="20451"/>
                  </a:cubicBezTo>
                  <a:cubicBezTo>
                    <a:pt x="27369" y="20401"/>
                    <a:pt x="27319" y="20176"/>
                    <a:pt x="27244" y="20126"/>
                  </a:cubicBezTo>
                  <a:cubicBezTo>
                    <a:pt x="27244" y="20000"/>
                    <a:pt x="27144" y="19900"/>
                    <a:pt x="27144" y="19825"/>
                  </a:cubicBezTo>
                  <a:lnTo>
                    <a:pt x="27144" y="19549"/>
                  </a:lnTo>
                  <a:cubicBezTo>
                    <a:pt x="27144" y="19499"/>
                    <a:pt x="27018" y="19374"/>
                    <a:pt x="27018" y="19324"/>
                  </a:cubicBezTo>
                  <a:cubicBezTo>
                    <a:pt x="26968" y="19223"/>
                    <a:pt x="26918" y="18923"/>
                    <a:pt x="26918" y="18772"/>
                  </a:cubicBezTo>
                  <a:cubicBezTo>
                    <a:pt x="26868" y="18647"/>
                    <a:pt x="26868" y="18471"/>
                    <a:pt x="26868" y="18371"/>
                  </a:cubicBezTo>
                  <a:cubicBezTo>
                    <a:pt x="26918" y="18246"/>
                    <a:pt x="27018" y="18096"/>
                    <a:pt x="27093" y="17970"/>
                  </a:cubicBezTo>
                  <a:cubicBezTo>
                    <a:pt x="27093" y="17920"/>
                    <a:pt x="27093" y="17695"/>
                    <a:pt x="27144" y="17569"/>
                  </a:cubicBezTo>
                  <a:cubicBezTo>
                    <a:pt x="27194" y="17519"/>
                    <a:pt x="27419" y="17344"/>
                    <a:pt x="27469" y="17294"/>
                  </a:cubicBezTo>
                  <a:cubicBezTo>
                    <a:pt x="27545" y="17243"/>
                    <a:pt x="27595" y="17068"/>
                    <a:pt x="27595" y="17018"/>
                  </a:cubicBezTo>
                  <a:cubicBezTo>
                    <a:pt x="27645" y="17018"/>
                    <a:pt x="27695" y="16968"/>
                    <a:pt x="27695" y="16892"/>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75" name="Google Shape;132;p16">
              <a:extLst>
                <a:ext uri="{FF2B5EF4-FFF2-40B4-BE49-F238E27FC236}">
                  <a16:creationId xmlns:a16="http://schemas.microsoft.com/office/drawing/2014/main" id="{0DF78283-25E3-8AC3-7AF8-5878F5AD1ACE}"/>
                </a:ext>
              </a:extLst>
            </p:cNvPr>
            <p:cNvSpPr/>
            <p:nvPr/>
          </p:nvSpPr>
          <p:spPr>
            <a:xfrm>
              <a:off x="2747695" y="4008689"/>
              <a:ext cx="859712" cy="578518"/>
            </a:xfrm>
            <a:custGeom>
              <a:avLst/>
              <a:gdLst/>
              <a:ahLst/>
              <a:cxnLst/>
              <a:rect l="l" t="t" r="r" b="b"/>
              <a:pathLst>
                <a:path w="30803" h="20728" fill="none" extrusionOk="0">
                  <a:moveTo>
                    <a:pt x="27695" y="16892"/>
                  </a:moveTo>
                  <a:cubicBezTo>
                    <a:pt x="27820" y="16842"/>
                    <a:pt x="27920" y="16742"/>
                    <a:pt x="28046" y="16742"/>
                  </a:cubicBezTo>
                  <a:cubicBezTo>
                    <a:pt x="28096" y="16667"/>
                    <a:pt x="28221" y="16667"/>
                    <a:pt x="28271" y="16667"/>
                  </a:cubicBezTo>
                  <a:cubicBezTo>
                    <a:pt x="28271" y="16617"/>
                    <a:pt x="28321" y="16517"/>
                    <a:pt x="28321" y="16391"/>
                  </a:cubicBezTo>
                  <a:lnTo>
                    <a:pt x="28321" y="16216"/>
                  </a:lnTo>
                  <a:cubicBezTo>
                    <a:pt x="28372" y="16166"/>
                    <a:pt x="28497" y="16166"/>
                    <a:pt x="28547" y="16166"/>
                  </a:cubicBezTo>
                  <a:cubicBezTo>
                    <a:pt x="28547" y="16116"/>
                    <a:pt x="28597" y="16065"/>
                    <a:pt x="28672" y="16065"/>
                  </a:cubicBezTo>
                  <a:cubicBezTo>
                    <a:pt x="28722" y="16065"/>
                    <a:pt x="28823" y="16166"/>
                    <a:pt x="28898" y="16166"/>
                  </a:cubicBezTo>
                  <a:cubicBezTo>
                    <a:pt x="28948" y="16166"/>
                    <a:pt x="28998" y="16065"/>
                    <a:pt x="28998" y="15990"/>
                  </a:cubicBezTo>
                  <a:cubicBezTo>
                    <a:pt x="28998" y="15940"/>
                    <a:pt x="28898" y="15890"/>
                    <a:pt x="28898" y="15890"/>
                  </a:cubicBezTo>
                  <a:cubicBezTo>
                    <a:pt x="28823" y="15840"/>
                    <a:pt x="28823" y="15715"/>
                    <a:pt x="28773" y="15715"/>
                  </a:cubicBezTo>
                  <a:cubicBezTo>
                    <a:pt x="28722" y="15715"/>
                    <a:pt x="28597" y="15840"/>
                    <a:pt x="28547" y="15840"/>
                  </a:cubicBezTo>
                  <a:cubicBezTo>
                    <a:pt x="28497" y="15840"/>
                    <a:pt x="28372" y="15765"/>
                    <a:pt x="28372" y="15715"/>
                  </a:cubicBezTo>
                  <a:cubicBezTo>
                    <a:pt x="28372" y="15664"/>
                    <a:pt x="28321" y="15539"/>
                    <a:pt x="28372" y="15539"/>
                  </a:cubicBezTo>
                  <a:lnTo>
                    <a:pt x="28497" y="15539"/>
                  </a:lnTo>
                  <a:cubicBezTo>
                    <a:pt x="28547" y="15614"/>
                    <a:pt x="28597" y="15664"/>
                    <a:pt x="28672" y="15664"/>
                  </a:cubicBezTo>
                  <a:cubicBezTo>
                    <a:pt x="28722" y="15614"/>
                    <a:pt x="28773" y="15539"/>
                    <a:pt x="28773" y="15489"/>
                  </a:cubicBezTo>
                  <a:cubicBezTo>
                    <a:pt x="28773" y="15389"/>
                    <a:pt x="28672" y="15263"/>
                    <a:pt x="28672" y="15213"/>
                  </a:cubicBezTo>
                  <a:cubicBezTo>
                    <a:pt x="28597" y="15163"/>
                    <a:pt x="28597" y="15088"/>
                    <a:pt x="28597" y="15038"/>
                  </a:cubicBezTo>
                  <a:cubicBezTo>
                    <a:pt x="28547" y="14988"/>
                    <a:pt x="28447" y="14862"/>
                    <a:pt x="28372" y="14862"/>
                  </a:cubicBezTo>
                  <a:cubicBezTo>
                    <a:pt x="28372" y="14862"/>
                    <a:pt x="28271" y="14988"/>
                    <a:pt x="28221" y="14988"/>
                  </a:cubicBezTo>
                  <a:cubicBezTo>
                    <a:pt x="28096" y="14938"/>
                    <a:pt x="27870" y="14862"/>
                    <a:pt x="27820" y="14762"/>
                  </a:cubicBezTo>
                  <a:cubicBezTo>
                    <a:pt x="27820" y="14762"/>
                    <a:pt x="27770" y="14637"/>
                    <a:pt x="27770" y="14587"/>
                  </a:cubicBezTo>
                  <a:cubicBezTo>
                    <a:pt x="27820" y="14587"/>
                    <a:pt x="27870" y="14537"/>
                    <a:pt x="27870" y="14486"/>
                  </a:cubicBezTo>
                  <a:cubicBezTo>
                    <a:pt x="27870" y="14486"/>
                    <a:pt x="27870" y="14361"/>
                    <a:pt x="27820" y="14361"/>
                  </a:cubicBezTo>
                  <a:cubicBezTo>
                    <a:pt x="27820" y="14311"/>
                    <a:pt x="27695" y="14411"/>
                    <a:pt x="27645" y="14361"/>
                  </a:cubicBezTo>
                  <a:cubicBezTo>
                    <a:pt x="27595" y="14361"/>
                    <a:pt x="27545" y="14311"/>
                    <a:pt x="27545" y="14261"/>
                  </a:cubicBezTo>
                  <a:cubicBezTo>
                    <a:pt x="27469" y="14186"/>
                    <a:pt x="27369" y="14085"/>
                    <a:pt x="27369" y="13960"/>
                  </a:cubicBezTo>
                  <a:cubicBezTo>
                    <a:pt x="27369" y="13910"/>
                    <a:pt x="27319" y="13684"/>
                    <a:pt x="27369" y="13584"/>
                  </a:cubicBezTo>
                  <a:cubicBezTo>
                    <a:pt x="27369" y="13584"/>
                    <a:pt x="27469" y="13459"/>
                    <a:pt x="27545" y="13459"/>
                  </a:cubicBezTo>
                  <a:cubicBezTo>
                    <a:pt x="27595" y="13509"/>
                    <a:pt x="27469" y="13634"/>
                    <a:pt x="27545" y="13684"/>
                  </a:cubicBezTo>
                  <a:cubicBezTo>
                    <a:pt x="27545" y="13684"/>
                    <a:pt x="27645" y="13735"/>
                    <a:pt x="27695" y="13735"/>
                  </a:cubicBezTo>
                  <a:cubicBezTo>
                    <a:pt x="27820" y="13735"/>
                    <a:pt x="27920" y="13634"/>
                    <a:pt x="27996" y="13584"/>
                  </a:cubicBezTo>
                  <a:cubicBezTo>
                    <a:pt x="27996" y="13509"/>
                    <a:pt x="28096" y="13409"/>
                    <a:pt x="28046" y="13283"/>
                  </a:cubicBezTo>
                  <a:cubicBezTo>
                    <a:pt x="28046" y="13233"/>
                    <a:pt x="27870" y="13133"/>
                    <a:pt x="27770" y="13008"/>
                  </a:cubicBezTo>
                  <a:cubicBezTo>
                    <a:pt x="27770" y="12958"/>
                    <a:pt x="27645" y="12832"/>
                    <a:pt x="27595" y="12782"/>
                  </a:cubicBezTo>
                  <a:cubicBezTo>
                    <a:pt x="27595" y="12782"/>
                    <a:pt x="27469" y="12682"/>
                    <a:pt x="27419" y="12682"/>
                  </a:cubicBezTo>
                  <a:cubicBezTo>
                    <a:pt x="27369" y="12732"/>
                    <a:pt x="27419" y="12832"/>
                    <a:pt x="27369" y="12832"/>
                  </a:cubicBezTo>
                  <a:cubicBezTo>
                    <a:pt x="27369" y="12908"/>
                    <a:pt x="27244" y="12832"/>
                    <a:pt x="27194" y="12832"/>
                  </a:cubicBezTo>
                  <a:cubicBezTo>
                    <a:pt x="27093" y="12782"/>
                    <a:pt x="26868" y="12682"/>
                    <a:pt x="26793" y="12607"/>
                  </a:cubicBezTo>
                  <a:cubicBezTo>
                    <a:pt x="26692" y="12607"/>
                    <a:pt x="26517" y="12557"/>
                    <a:pt x="26467" y="12507"/>
                  </a:cubicBezTo>
                  <a:cubicBezTo>
                    <a:pt x="26417" y="12456"/>
                    <a:pt x="26417" y="12331"/>
                    <a:pt x="26417" y="12281"/>
                  </a:cubicBezTo>
                  <a:cubicBezTo>
                    <a:pt x="26417" y="12156"/>
                    <a:pt x="26341" y="12005"/>
                    <a:pt x="26341" y="11880"/>
                  </a:cubicBezTo>
                  <a:cubicBezTo>
                    <a:pt x="26291" y="11780"/>
                    <a:pt x="26341" y="11604"/>
                    <a:pt x="26341" y="11479"/>
                  </a:cubicBezTo>
                  <a:lnTo>
                    <a:pt x="26341" y="11329"/>
                  </a:lnTo>
                  <a:cubicBezTo>
                    <a:pt x="26417" y="11253"/>
                    <a:pt x="26517" y="11203"/>
                    <a:pt x="26567" y="11153"/>
                  </a:cubicBezTo>
                  <a:cubicBezTo>
                    <a:pt x="26567" y="11153"/>
                    <a:pt x="26642" y="10978"/>
                    <a:pt x="26567" y="10928"/>
                  </a:cubicBezTo>
                  <a:cubicBezTo>
                    <a:pt x="26567" y="10877"/>
                    <a:pt x="26467" y="10877"/>
                    <a:pt x="26417" y="10802"/>
                  </a:cubicBezTo>
                  <a:cubicBezTo>
                    <a:pt x="26341" y="10752"/>
                    <a:pt x="26291" y="10652"/>
                    <a:pt x="26241" y="10577"/>
                  </a:cubicBezTo>
                  <a:cubicBezTo>
                    <a:pt x="26241" y="10527"/>
                    <a:pt x="26191" y="10476"/>
                    <a:pt x="26191" y="10426"/>
                  </a:cubicBezTo>
                  <a:cubicBezTo>
                    <a:pt x="26191" y="10351"/>
                    <a:pt x="26241" y="10351"/>
                    <a:pt x="26291" y="10301"/>
                  </a:cubicBezTo>
                  <a:cubicBezTo>
                    <a:pt x="26291" y="10251"/>
                    <a:pt x="26241" y="10075"/>
                    <a:pt x="26241" y="9975"/>
                  </a:cubicBezTo>
                  <a:cubicBezTo>
                    <a:pt x="26291" y="9900"/>
                    <a:pt x="26417" y="9900"/>
                    <a:pt x="26467" y="9850"/>
                  </a:cubicBezTo>
                  <a:cubicBezTo>
                    <a:pt x="26517" y="9800"/>
                    <a:pt x="26567" y="9674"/>
                    <a:pt x="26567" y="9624"/>
                  </a:cubicBezTo>
                  <a:cubicBezTo>
                    <a:pt x="26642" y="9574"/>
                    <a:pt x="26692" y="9449"/>
                    <a:pt x="26743" y="9399"/>
                  </a:cubicBezTo>
                  <a:cubicBezTo>
                    <a:pt x="26793" y="9349"/>
                    <a:pt x="26968" y="9298"/>
                    <a:pt x="26968" y="9223"/>
                  </a:cubicBezTo>
                  <a:cubicBezTo>
                    <a:pt x="27018" y="9073"/>
                    <a:pt x="27018" y="8722"/>
                    <a:pt x="27018" y="8622"/>
                  </a:cubicBezTo>
                  <a:cubicBezTo>
                    <a:pt x="27018" y="8446"/>
                    <a:pt x="26968" y="8171"/>
                    <a:pt x="27018" y="7995"/>
                  </a:cubicBezTo>
                  <a:cubicBezTo>
                    <a:pt x="27018" y="7945"/>
                    <a:pt x="27093" y="7820"/>
                    <a:pt x="27144" y="7720"/>
                  </a:cubicBezTo>
                  <a:lnTo>
                    <a:pt x="27144" y="7369"/>
                  </a:lnTo>
                  <a:cubicBezTo>
                    <a:pt x="27093" y="7319"/>
                    <a:pt x="27018" y="7143"/>
                    <a:pt x="27018" y="7093"/>
                  </a:cubicBezTo>
                  <a:cubicBezTo>
                    <a:pt x="27093" y="6993"/>
                    <a:pt x="27194" y="6817"/>
                    <a:pt x="27244" y="6692"/>
                  </a:cubicBezTo>
                  <a:cubicBezTo>
                    <a:pt x="27244" y="6592"/>
                    <a:pt x="27419" y="6416"/>
                    <a:pt x="27469" y="6316"/>
                  </a:cubicBezTo>
                  <a:cubicBezTo>
                    <a:pt x="27545" y="6241"/>
                    <a:pt x="27595" y="6090"/>
                    <a:pt x="27645" y="6015"/>
                  </a:cubicBezTo>
                  <a:cubicBezTo>
                    <a:pt x="27695" y="5965"/>
                    <a:pt x="27820" y="5915"/>
                    <a:pt x="27870" y="5865"/>
                  </a:cubicBezTo>
                  <a:cubicBezTo>
                    <a:pt x="27920" y="5790"/>
                    <a:pt x="27870" y="5639"/>
                    <a:pt x="27920" y="5564"/>
                  </a:cubicBezTo>
                  <a:cubicBezTo>
                    <a:pt x="27920" y="5514"/>
                    <a:pt x="28046" y="5339"/>
                    <a:pt x="28096" y="5288"/>
                  </a:cubicBezTo>
                  <a:cubicBezTo>
                    <a:pt x="28146" y="5188"/>
                    <a:pt x="28221" y="4963"/>
                    <a:pt x="28271" y="4837"/>
                  </a:cubicBezTo>
                  <a:cubicBezTo>
                    <a:pt x="28321" y="4737"/>
                    <a:pt x="28447" y="4562"/>
                    <a:pt x="28497" y="4511"/>
                  </a:cubicBezTo>
                  <a:cubicBezTo>
                    <a:pt x="28597" y="4386"/>
                    <a:pt x="28773" y="4161"/>
                    <a:pt x="28898" y="4060"/>
                  </a:cubicBezTo>
                  <a:cubicBezTo>
                    <a:pt x="28898" y="4060"/>
                    <a:pt x="28898" y="3935"/>
                    <a:pt x="28948" y="3885"/>
                  </a:cubicBezTo>
                  <a:cubicBezTo>
                    <a:pt x="28998" y="3760"/>
                    <a:pt x="29174" y="3609"/>
                    <a:pt x="29224" y="3484"/>
                  </a:cubicBezTo>
                  <a:cubicBezTo>
                    <a:pt x="29349" y="3384"/>
                    <a:pt x="29399" y="3083"/>
                    <a:pt x="29449" y="2983"/>
                  </a:cubicBezTo>
                  <a:cubicBezTo>
                    <a:pt x="29499" y="2933"/>
                    <a:pt x="29625" y="2857"/>
                    <a:pt x="29625" y="2807"/>
                  </a:cubicBezTo>
                  <a:cubicBezTo>
                    <a:pt x="29725" y="2707"/>
                    <a:pt x="29725" y="2356"/>
                    <a:pt x="29800" y="2256"/>
                  </a:cubicBezTo>
                  <a:cubicBezTo>
                    <a:pt x="29800" y="2131"/>
                    <a:pt x="29800" y="1955"/>
                    <a:pt x="29850" y="1905"/>
                  </a:cubicBezTo>
                  <a:cubicBezTo>
                    <a:pt x="29900" y="1805"/>
                    <a:pt x="30076" y="1679"/>
                    <a:pt x="30076" y="1629"/>
                  </a:cubicBezTo>
                  <a:cubicBezTo>
                    <a:pt x="30076" y="1504"/>
                    <a:pt x="29951" y="1404"/>
                    <a:pt x="29951" y="1278"/>
                  </a:cubicBezTo>
                  <a:cubicBezTo>
                    <a:pt x="29951" y="1228"/>
                    <a:pt x="30076" y="1003"/>
                    <a:pt x="30126" y="953"/>
                  </a:cubicBezTo>
                  <a:cubicBezTo>
                    <a:pt x="30176" y="827"/>
                    <a:pt x="30352" y="727"/>
                    <a:pt x="30477" y="677"/>
                  </a:cubicBezTo>
                  <a:cubicBezTo>
                    <a:pt x="30527" y="602"/>
                    <a:pt x="30753" y="501"/>
                    <a:pt x="30803" y="451"/>
                  </a:cubicBezTo>
                  <a:cubicBezTo>
                    <a:pt x="30803" y="376"/>
                    <a:pt x="30803" y="326"/>
                    <a:pt x="30753" y="276"/>
                  </a:cubicBezTo>
                  <a:cubicBezTo>
                    <a:pt x="30702" y="151"/>
                    <a:pt x="30352" y="226"/>
                    <a:pt x="30251" y="151"/>
                  </a:cubicBezTo>
                  <a:cubicBezTo>
                    <a:pt x="30126" y="151"/>
                    <a:pt x="30026" y="151"/>
                    <a:pt x="29951" y="100"/>
                  </a:cubicBezTo>
                  <a:cubicBezTo>
                    <a:pt x="29900" y="100"/>
                    <a:pt x="29850" y="0"/>
                    <a:pt x="29800" y="0"/>
                  </a:cubicBezTo>
                  <a:cubicBezTo>
                    <a:pt x="29725" y="0"/>
                    <a:pt x="29625" y="100"/>
                    <a:pt x="29575" y="151"/>
                  </a:cubicBezTo>
                  <a:cubicBezTo>
                    <a:pt x="29499" y="151"/>
                    <a:pt x="29449" y="100"/>
                    <a:pt x="29399" y="151"/>
                  </a:cubicBezTo>
                  <a:cubicBezTo>
                    <a:pt x="29349" y="226"/>
                    <a:pt x="29274" y="376"/>
                    <a:pt x="29274" y="451"/>
                  </a:cubicBezTo>
                  <a:cubicBezTo>
                    <a:pt x="29174" y="501"/>
                    <a:pt x="28998" y="727"/>
                    <a:pt x="28898" y="727"/>
                  </a:cubicBezTo>
                  <a:cubicBezTo>
                    <a:pt x="28773" y="777"/>
                    <a:pt x="28597" y="677"/>
                    <a:pt x="28547" y="727"/>
                  </a:cubicBezTo>
                  <a:lnTo>
                    <a:pt x="28372" y="727"/>
                  </a:lnTo>
                  <a:cubicBezTo>
                    <a:pt x="28321" y="777"/>
                    <a:pt x="28321" y="953"/>
                    <a:pt x="28271" y="1003"/>
                  </a:cubicBezTo>
                  <a:cubicBezTo>
                    <a:pt x="28221" y="1128"/>
                    <a:pt x="28046" y="1278"/>
                    <a:pt x="27920" y="1354"/>
                  </a:cubicBezTo>
                  <a:lnTo>
                    <a:pt x="27469" y="1579"/>
                  </a:lnTo>
                  <a:cubicBezTo>
                    <a:pt x="27369" y="1579"/>
                    <a:pt x="27194" y="1579"/>
                    <a:pt x="27093" y="1504"/>
                  </a:cubicBezTo>
                  <a:lnTo>
                    <a:pt x="27018" y="1404"/>
                  </a:lnTo>
                  <a:cubicBezTo>
                    <a:pt x="27018" y="1278"/>
                    <a:pt x="27093" y="1128"/>
                    <a:pt x="27093" y="1053"/>
                  </a:cubicBezTo>
                  <a:cubicBezTo>
                    <a:pt x="27018" y="953"/>
                    <a:pt x="27018" y="777"/>
                    <a:pt x="26968" y="727"/>
                  </a:cubicBezTo>
                  <a:cubicBezTo>
                    <a:pt x="26918" y="677"/>
                    <a:pt x="26743" y="602"/>
                    <a:pt x="26692" y="602"/>
                  </a:cubicBezTo>
                  <a:cubicBezTo>
                    <a:pt x="26642" y="677"/>
                    <a:pt x="26567" y="677"/>
                    <a:pt x="26517" y="727"/>
                  </a:cubicBezTo>
                  <a:cubicBezTo>
                    <a:pt x="26517" y="777"/>
                    <a:pt x="26642" y="827"/>
                    <a:pt x="26642" y="902"/>
                  </a:cubicBezTo>
                  <a:cubicBezTo>
                    <a:pt x="26692" y="953"/>
                    <a:pt x="26743" y="1128"/>
                    <a:pt x="26743" y="1228"/>
                  </a:cubicBezTo>
                  <a:cubicBezTo>
                    <a:pt x="26743" y="1354"/>
                    <a:pt x="26692" y="1679"/>
                    <a:pt x="26642" y="1855"/>
                  </a:cubicBezTo>
                  <a:cubicBezTo>
                    <a:pt x="26567" y="2030"/>
                    <a:pt x="26417" y="2256"/>
                    <a:pt x="26291" y="2306"/>
                  </a:cubicBezTo>
                  <a:cubicBezTo>
                    <a:pt x="26116" y="2406"/>
                    <a:pt x="25890" y="2632"/>
                    <a:pt x="25740" y="2632"/>
                  </a:cubicBezTo>
                  <a:cubicBezTo>
                    <a:pt x="25665" y="2707"/>
                    <a:pt x="25514" y="2707"/>
                    <a:pt x="25389" y="2632"/>
                  </a:cubicBezTo>
                  <a:cubicBezTo>
                    <a:pt x="25339" y="2632"/>
                    <a:pt x="25214" y="2481"/>
                    <a:pt x="25164" y="2406"/>
                  </a:cubicBezTo>
                  <a:cubicBezTo>
                    <a:pt x="25063" y="2356"/>
                    <a:pt x="24888" y="2356"/>
                    <a:pt x="24763" y="2356"/>
                  </a:cubicBezTo>
                  <a:cubicBezTo>
                    <a:pt x="24662" y="2356"/>
                    <a:pt x="24437" y="2356"/>
                    <a:pt x="24311" y="2306"/>
                  </a:cubicBezTo>
                  <a:cubicBezTo>
                    <a:pt x="24261" y="2256"/>
                    <a:pt x="24161" y="2030"/>
                    <a:pt x="24036" y="1955"/>
                  </a:cubicBezTo>
                  <a:lnTo>
                    <a:pt x="23760" y="1955"/>
                  </a:lnTo>
                  <a:cubicBezTo>
                    <a:pt x="23635" y="2030"/>
                    <a:pt x="23534" y="2181"/>
                    <a:pt x="23409" y="2256"/>
                  </a:cubicBezTo>
                  <a:cubicBezTo>
                    <a:pt x="23359" y="2356"/>
                    <a:pt x="23133" y="2481"/>
                    <a:pt x="23033" y="2481"/>
                  </a:cubicBezTo>
                  <a:cubicBezTo>
                    <a:pt x="22908" y="2532"/>
                    <a:pt x="22682" y="2481"/>
                    <a:pt x="22582" y="2481"/>
                  </a:cubicBezTo>
                  <a:cubicBezTo>
                    <a:pt x="22457" y="2481"/>
                    <a:pt x="22231" y="2406"/>
                    <a:pt x="22131" y="2481"/>
                  </a:cubicBezTo>
                  <a:cubicBezTo>
                    <a:pt x="22006" y="2532"/>
                    <a:pt x="21905" y="2807"/>
                    <a:pt x="21830" y="2933"/>
                  </a:cubicBezTo>
                  <a:cubicBezTo>
                    <a:pt x="21780" y="3033"/>
                    <a:pt x="21680" y="3258"/>
                    <a:pt x="21555" y="3308"/>
                  </a:cubicBezTo>
                  <a:cubicBezTo>
                    <a:pt x="21454" y="3434"/>
                    <a:pt x="21229" y="3534"/>
                    <a:pt x="21103" y="3609"/>
                  </a:cubicBezTo>
                  <a:cubicBezTo>
                    <a:pt x="21053" y="3659"/>
                    <a:pt x="20878" y="3709"/>
                    <a:pt x="20828" y="3709"/>
                  </a:cubicBezTo>
                  <a:lnTo>
                    <a:pt x="20602" y="3709"/>
                  </a:lnTo>
                  <a:cubicBezTo>
                    <a:pt x="20552" y="3760"/>
                    <a:pt x="20427" y="3835"/>
                    <a:pt x="20427" y="3885"/>
                  </a:cubicBezTo>
                  <a:cubicBezTo>
                    <a:pt x="20251" y="3935"/>
                    <a:pt x="19976" y="4060"/>
                    <a:pt x="19800" y="4060"/>
                  </a:cubicBezTo>
                  <a:cubicBezTo>
                    <a:pt x="19700" y="4110"/>
                    <a:pt x="19424" y="3985"/>
                    <a:pt x="19249" y="4060"/>
                  </a:cubicBezTo>
                  <a:cubicBezTo>
                    <a:pt x="19199" y="4060"/>
                    <a:pt x="19023" y="4110"/>
                    <a:pt x="18898" y="4110"/>
                  </a:cubicBezTo>
                  <a:cubicBezTo>
                    <a:pt x="18798" y="4161"/>
                    <a:pt x="18572" y="4336"/>
                    <a:pt x="18447" y="4336"/>
                  </a:cubicBezTo>
                  <a:cubicBezTo>
                    <a:pt x="18296" y="4386"/>
                    <a:pt x="17996" y="4336"/>
                    <a:pt x="17895" y="4336"/>
                  </a:cubicBezTo>
                  <a:cubicBezTo>
                    <a:pt x="17770" y="4386"/>
                    <a:pt x="17544" y="4511"/>
                    <a:pt x="17394" y="4511"/>
                  </a:cubicBezTo>
                  <a:cubicBezTo>
                    <a:pt x="17319" y="4511"/>
                    <a:pt x="17093" y="4511"/>
                    <a:pt x="16993" y="4436"/>
                  </a:cubicBezTo>
                  <a:cubicBezTo>
                    <a:pt x="16868" y="4436"/>
                    <a:pt x="16642" y="4336"/>
                    <a:pt x="16542" y="4336"/>
                  </a:cubicBezTo>
                  <a:cubicBezTo>
                    <a:pt x="16492" y="4336"/>
                    <a:pt x="16367" y="4336"/>
                    <a:pt x="16316" y="4386"/>
                  </a:cubicBezTo>
                  <a:cubicBezTo>
                    <a:pt x="16266" y="4386"/>
                    <a:pt x="16191" y="4511"/>
                    <a:pt x="16091" y="4511"/>
                  </a:cubicBezTo>
                  <a:cubicBezTo>
                    <a:pt x="15966" y="4562"/>
                    <a:pt x="15740" y="4511"/>
                    <a:pt x="15640" y="4511"/>
                  </a:cubicBezTo>
                  <a:cubicBezTo>
                    <a:pt x="15590" y="4436"/>
                    <a:pt x="15514" y="4336"/>
                    <a:pt x="15464" y="4336"/>
                  </a:cubicBezTo>
                  <a:cubicBezTo>
                    <a:pt x="15414" y="4286"/>
                    <a:pt x="15289" y="4286"/>
                    <a:pt x="15239" y="4286"/>
                  </a:cubicBezTo>
                  <a:cubicBezTo>
                    <a:pt x="15189" y="4286"/>
                    <a:pt x="15063" y="4386"/>
                    <a:pt x="15013" y="4386"/>
                  </a:cubicBezTo>
                  <a:cubicBezTo>
                    <a:pt x="14963" y="4386"/>
                    <a:pt x="14913" y="4436"/>
                    <a:pt x="14838" y="4436"/>
                  </a:cubicBezTo>
                  <a:cubicBezTo>
                    <a:pt x="14838" y="4436"/>
                    <a:pt x="14737" y="4336"/>
                    <a:pt x="14687" y="4336"/>
                  </a:cubicBezTo>
                  <a:cubicBezTo>
                    <a:pt x="14612" y="4336"/>
                    <a:pt x="14512" y="4436"/>
                    <a:pt x="14387" y="4511"/>
                  </a:cubicBezTo>
                  <a:cubicBezTo>
                    <a:pt x="14336" y="4511"/>
                    <a:pt x="14161" y="4612"/>
                    <a:pt x="14061" y="4662"/>
                  </a:cubicBezTo>
                  <a:cubicBezTo>
                    <a:pt x="14011" y="4662"/>
                    <a:pt x="13935" y="4837"/>
                    <a:pt x="13885" y="4837"/>
                  </a:cubicBezTo>
                  <a:cubicBezTo>
                    <a:pt x="13835" y="4887"/>
                    <a:pt x="13710" y="5013"/>
                    <a:pt x="13660" y="5013"/>
                  </a:cubicBezTo>
                  <a:lnTo>
                    <a:pt x="13209" y="5238"/>
                  </a:lnTo>
                  <a:cubicBezTo>
                    <a:pt x="13033" y="5238"/>
                    <a:pt x="12707" y="5238"/>
                    <a:pt x="12532" y="5188"/>
                  </a:cubicBezTo>
                  <a:cubicBezTo>
                    <a:pt x="12432" y="5188"/>
                    <a:pt x="12131" y="5013"/>
                    <a:pt x="11981" y="4963"/>
                  </a:cubicBezTo>
                  <a:cubicBezTo>
                    <a:pt x="11905" y="4887"/>
                    <a:pt x="11680" y="4837"/>
                    <a:pt x="11580" y="4787"/>
                  </a:cubicBezTo>
                  <a:cubicBezTo>
                    <a:pt x="11454" y="4662"/>
                    <a:pt x="11354" y="4511"/>
                    <a:pt x="11229" y="4436"/>
                  </a:cubicBezTo>
                  <a:cubicBezTo>
                    <a:pt x="11128" y="4386"/>
                    <a:pt x="10953" y="4386"/>
                    <a:pt x="10853" y="4386"/>
                  </a:cubicBezTo>
                  <a:lnTo>
                    <a:pt x="10627" y="4161"/>
                  </a:lnTo>
                  <a:lnTo>
                    <a:pt x="10627" y="3760"/>
                  </a:lnTo>
                  <a:cubicBezTo>
                    <a:pt x="10627" y="3709"/>
                    <a:pt x="10627" y="3534"/>
                    <a:pt x="10552" y="3484"/>
                  </a:cubicBezTo>
                  <a:lnTo>
                    <a:pt x="10402" y="3484"/>
                  </a:lnTo>
                  <a:cubicBezTo>
                    <a:pt x="10326" y="3484"/>
                    <a:pt x="10276" y="3434"/>
                    <a:pt x="10226" y="3434"/>
                  </a:cubicBezTo>
                  <a:cubicBezTo>
                    <a:pt x="10176" y="3484"/>
                    <a:pt x="10176" y="3609"/>
                    <a:pt x="10176" y="3659"/>
                  </a:cubicBezTo>
                  <a:cubicBezTo>
                    <a:pt x="10101" y="3659"/>
                    <a:pt x="10001" y="3760"/>
                    <a:pt x="9950" y="3760"/>
                  </a:cubicBezTo>
                  <a:cubicBezTo>
                    <a:pt x="9825" y="3835"/>
                    <a:pt x="9650" y="3709"/>
                    <a:pt x="9549" y="3709"/>
                  </a:cubicBezTo>
                  <a:cubicBezTo>
                    <a:pt x="9499" y="3709"/>
                    <a:pt x="9324" y="3760"/>
                    <a:pt x="9274" y="3760"/>
                  </a:cubicBezTo>
                  <a:cubicBezTo>
                    <a:pt x="9199" y="3760"/>
                    <a:pt x="9098" y="3709"/>
                    <a:pt x="9098" y="3659"/>
                  </a:cubicBezTo>
                  <a:cubicBezTo>
                    <a:pt x="8973" y="3609"/>
                    <a:pt x="8973" y="3384"/>
                    <a:pt x="8923" y="3308"/>
                  </a:cubicBezTo>
                  <a:cubicBezTo>
                    <a:pt x="8923" y="3208"/>
                    <a:pt x="8923" y="2933"/>
                    <a:pt x="8873" y="2807"/>
                  </a:cubicBezTo>
                  <a:cubicBezTo>
                    <a:pt x="8798" y="2757"/>
                    <a:pt x="8697" y="2757"/>
                    <a:pt x="8647" y="2707"/>
                  </a:cubicBezTo>
                  <a:cubicBezTo>
                    <a:pt x="8572" y="2632"/>
                    <a:pt x="8522" y="2582"/>
                    <a:pt x="8472" y="2532"/>
                  </a:cubicBezTo>
                  <a:lnTo>
                    <a:pt x="8472" y="2306"/>
                  </a:lnTo>
                  <a:cubicBezTo>
                    <a:pt x="8346" y="2256"/>
                    <a:pt x="8196" y="2256"/>
                    <a:pt x="8071" y="2306"/>
                  </a:cubicBezTo>
                  <a:cubicBezTo>
                    <a:pt x="8021" y="2356"/>
                    <a:pt x="7970" y="2481"/>
                    <a:pt x="7895" y="2532"/>
                  </a:cubicBezTo>
                  <a:lnTo>
                    <a:pt x="7620" y="2807"/>
                  </a:lnTo>
                  <a:cubicBezTo>
                    <a:pt x="7519" y="2857"/>
                    <a:pt x="7219" y="2857"/>
                    <a:pt x="7068" y="2857"/>
                  </a:cubicBezTo>
                  <a:cubicBezTo>
                    <a:pt x="6943" y="2857"/>
                    <a:pt x="6767" y="2807"/>
                    <a:pt x="6667" y="2807"/>
                  </a:cubicBezTo>
                  <a:cubicBezTo>
                    <a:pt x="6617" y="2757"/>
                    <a:pt x="6442" y="2807"/>
                    <a:pt x="6392" y="2807"/>
                  </a:cubicBezTo>
                  <a:cubicBezTo>
                    <a:pt x="6316" y="2807"/>
                    <a:pt x="6216" y="2857"/>
                    <a:pt x="6166" y="2933"/>
                  </a:cubicBezTo>
                  <a:cubicBezTo>
                    <a:pt x="6091" y="2983"/>
                    <a:pt x="5991" y="3083"/>
                    <a:pt x="5991" y="3158"/>
                  </a:cubicBezTo>
                  <a:cubicBezTo>
                    <a:pt x="5991" y="3208"/>
                    <a:pt x="6041" y="3308"/>
                    <a:pt x="5991" y="3384"/>
                  </a:cubicBezTo>
                  <a:cubicBezTo>
                    <a:pt x="5991" y="3384"/>
                    <a:pt x="5940" y="3384"/>
                    <a:pt x="5865" y="3434"/>
                  </a:cubicBezTo>
                  <a:lnTo>
                    <a:pt x="5865" y="3534"/>
                  </a:lnTo>
                  <a:cubicBezTo>
                    <a:pt x="5940" y="3609"/>
                    <a:pt x="5991" y="3709"/>
                    <a:pt x="5991" y="3760"/>
                  </a:cubicBezTo>
                  <a:cubicBezTo>
                    <a:pt x="6041" y="3885"/>
                    <a:pt x="5991" y="4060"/>
                    <a:pt x="5991" y="4161"/>
                  </a:cubicBezTo>
                  <a:cubicBezTo>
                    <a:pt x="5940" y="4211"/>
                    <a:pt x="5765" y="4286"/>
                    <a:pt x="5640" y="4336"/>
                  </a:cubicBezTo>
                  <a:cubicBezTo>
                    <a:pt x="5590" y="4386"/>
                    <a:pt x="5364" y="4511"/>
                    <a:pt x="5264" y="4562"/>
                  </a:cubicBezTo>
                  <a:cubicBezTo>
                    <a:pt x="5188" y="4612"/>
                    <a:pt x="5138" y="4737"/>
                    <a:pt x="5088" y="4787"/>
                  </a:cubicBezTo>
                  <a:lnTo>
                    <a:pt x="4863" y="4787"/>
                  </a:lnTo>
                  <a:cubicBezTo>
                    <a:pt x="4813" y="4787"/>
                    <a:pt x="4687" y="4887"/>
                    <a:pt x="4637" y="4887"/>
                  </a:cubicBezTo>
                  <a:cubicBezTo>
                    <a:pt x="4512" y="4963"/>
                    <a:pt x="4361" y="4963"/>
                    <a:pt x="4236" y="4963"/>
                  </a:cubicBezTo>
                  <a:cubicBezTo>
                    <a:pt x="4186" y="4887"/>
                    <a:pt x="4011" y="4662"/>
                    <a:pt x="3960" y="4612"/>
                  </a:cubicBezTo>
                  <a:cubicBezTo>
                    <a:pt x="3910" y="4612"/>
                    <a:pt x="3735" y="4511"/>
                    <a:pt x="3685" y="4511"/>
                  </a:cubicBezTo>
                  <a:cubicBezTo>
                    <a:pt x="3559" y="4386"/>
                    <a:pt x="3384" y="4286"/>
                    <a:pt x="3334" y="4161"/>
                  </a:cubicBezTo>
                  <a:cubicBezTo>
                    <a:pt x="3284" y="4060"/>
                    <a:pt x="3284" y="3835"/>
                    <a:pt x="3234" y="3709"/>
                  </a:cubicBezTo>
                  <a:cubicBezTo>
                    <a:pt x="3234" y="3659"/>
                    <a:pt x="3108" y="3534"/>
                    <a:pt x="3058" y="3484"/>
                  </a:cubicBezTo>
                  <a:cubicBezTo>
                    <a:pt x="3058" y="3434"/>
                    <a:pt x="3158" y="3308"/>
                    <a:pt x="3108" y="3258"/>
                  </a:cubicBezTo>
                  <a:cubicBezTo>
                    <a:pt x="3108" y="3208"/>
                    <a:pt x="2933" y="3208"/>
                    <a:pt x="2883" y="3158"/>
                  </a:cubicBezTo>
                  <a:cubicBezTo>
                    <a:pt x="2883" y="3158"/>
                    <a:pt x="2833" y="3033"/>
                    <a:pt x="2782" y="3033"/>
                  </a:cubicBezTo>
                  <a:cubicBezTo>
                    <a:pt x="2707" y="3033"/>
                    <a:pt x="2607" y="3083"/>
                    <a:pt x="2607" y="3158"/>
                  </a:cubicBezTo>
                  <a:cubicBezTo>
                    <a:pt x="2557" y="3208"/>
                    <a:pt x="2482" y="3384"/>
                    <a:pt x="2557" y="3434"/>
                  </a:cubicBezTo>
                  <a:cubicBezTo>
                    <a:pt x="2557" y="3484"/>
                    <a:pt x="2657" y="3534"/>
                    <a:pt x="2657" y="3609"/>
                  </a:cubicBezTo>
                  <a:cubicBezTo>
                    <a:pt x="2657" y="3659"/>
                    <a:pt x="2557" y="3760"/>
                    <a:pt x="2557" y="3835"/>
                  </a:cubicBezTo>
                  <a:cubicBezTo>
                    <a:pt x="2557" y="3885"/>
                    <a:pt x="2607" y="3935"/>
                    <a:pt x="2607" y="3985"/>
                  </a:cubicBezTo>
                  <a:cubicBezTo>
                    <a:pt x="2557" y="4060"/>
                    <a:pt x="2432" y="4161"/>
                    <a:pt x="2381" y="4161"/>
                  </a:cubicBezTo>
                  <a:cubicBezTo>
                    <a:pt x="2331" y="4161"/>
                    <a:pt x="2256" y="4060"/>
                    <a:pt x="2206" y="4060"/>
                  </a:cubicBezTo>
                  <a:cubicBezTo>
                    <a:pt x="2156" y="3985"/>
                    <a:pt x="2106" y="4060"/>
                    <a:pt x="2031" y="4060"/>
                  </a:cubicBezTo>
                  <a:cubicBezTo>
                    <a:pt x="1980" y="4110"/>
                    <a:pt x="1980" y="4211"/>
                    <a:pt x="1930" y="4211"/>
                  </a:cubicBezTo>
                  <a:cubicBezTo>
                    <a:pt x="1930" y="4336"/>
                    <a:pt x="1880" y="4436"/>
                    <a:pt x="1805" y="4511"/>
                  </a:cubicBezTo>
                  <a:cubicBezTo>
                    <a:pt x="1755" y="4562"/>
                    <a:pt x="1655" y="4612"/>
                    <a:pt x="1579" y="4612"/>
                  </a:cubicBezTo>
                  <a:cubicBezTo>
                    <a:pt x="1529" y="4662"/>
                    <a:pt x="1429" y="4562"/>
                    <a:pt x="1354" y="4562"/>
                  </a:cubicBezTo>
                  <a:cubicBezTo>
                    <a:pt x="1304" y="4612"/>
                    <a:pt x="1128" y="4662"/>
                    <a:pt x="1078" y="4737"/>
                  </a:cubicBezTo>
                  <a:cubicBezTo>
                    <a:pt x="1028" y="4737"/>
                    <a:pt x="978" y="4887"/>
                    <a:pt x="903" y="4963"/>
                  </a:cubicBezTo>
                  <a:cubicBezTo>
                    <a:pt x="903" y="4963"/>
                    <a:pt x="803" y="5013"/>
                    <a:pt x="803" y="5063"/>
                  </a:cubicBezTo>
                  <a:cubicBezTo>
                    <a:pt x="752" y="5063"/>
                    <a:pt x="577" y="5113"/>
                    <a:pt x="527" y="5188"/>
                  </a:cubicBezTo>
                  <a:cubicBezTo>
                    <a:pt x="452" y="5188"/>
                    <a:pt x="301" y="5238"/>
                    <a:pt x="301" y="5288"/>
                  </a:cubicBezTo>
                  <a:cubicBezTo>
                    <a:pt x="301" y="5339"/>
                    <a:pt x="452" y="5339"/>
                    <a:pt x="452" y="5414"/>
                  </a:cubicBezTo>
                  <a:cubicBezTo>
                    <a:pt x="452" y="5414"/>
                    <a:pt x="402" y="5514"/>
                    <a:pt x="402" y="5564"/>
                  </a:cubicBezTo>
                  <a:cubicBezTo>
                    <a:pt x="452" y="5564"/>
                    <a:pt x="577" y="5564"/>
                    <a:pt x="577" y="5639"/>
                  </a:cubicBezTo>
                  <a:cubicBezTo>
                    <a:pt x="627" y="5689"/>
                    <a:pt x="577" y="5740"/>
                    <a:pt x="577" y="5790"/>
                  </a:cubicBezTo>
                  <a:cubicBezTo>
                    <a:pt x="577" y="5790"/>
                    <a:pt x="452" y="5790"/>
                    <a:pt x="452" y="5865"/>
                  </a:cubicBezTo>
                  <a:lnTo>
                    <a:pt x="452" y="6015"/>
                  </a:lnTo>
                  <a:cubicBezTo>
                    <a:pt x="402" y="6015"/>
                    <a:pt x="351" y="6090"/>
                    <a:pt x="351" y="6090"/>
                  </a:cubicBezTo>
                  <a:cubicBezTo>
                    <a:pt x="351" y="6141"/>
                    <a:pt x="452" y="6141"/>
                    <a:pt x="452" y="6191"/>
                  </a:cubicBezTo>
                  <a:cubicBezTo>
                    <a:pt x="527" y="6241"/>
                    <a:pt x="527" y="6316"/>
                    <a:pt x="452" y="6366"/>
                  </a:cubicBezTo>
                  <a:cubicBezTo>
                    <a:pt x="452" y="6366"/>
                    <a:pt x="402" y="6416"/>
                    <a:pt x="351" y="6416"/>
                  </a:cubicBezTo>
                  <a:cubicBezTo>
                    <a:pt x="301" y="6416"/>
                    <a:pt x="226" y="6542"/>
                    <a:pt x="226" y="6542"/>
                  </a:cubicBezTo>
                  <a:cubicBezTo>
                    <a:pt x="226" y="6592"/>
                    <a:pt x="226" y="6692"/>
                    <a:pt x="301" y="6767"/>
                  </a:cubicBezTo>
                  <a:cubicBezTo>
                    <a:pt x="301" y="6817"/>
                    <a:pt x="402" y="6867"/>
                    <a:pt x="402" y="6918"/>
                  </a:cubicBezTo>
                  <a:cubicBezTo>
                    <a:pt x="452" y="6993"/>
                    <a:pt x="402" y="7143"/>
                    <a:pt x="402" y="7218"/>
                  </a:cubicBezTo>
                  <a:lnTo>
                    <a:pt x="402" y="7594"/>
                  </a:lnTo>
                  <a:cubicBezTo>
                    <a:pt x="351" y="7594"/>
                    <a:pt x="226" y="7644"/>
                    <a:pt x="176" y="7720"/>
                  </a:cubicBezTo>
                  <a:cubicBezTo>
                    <a:pt x="176" y="7720"/>
                    <a:pt x="76" y="7770"/>
                    <a:pt x="0" y="7820"/>
                  </a:cubicBezTo>
                  <a:lnTo>
                    <a:pt x="0" y="7995"/>
                  </a:lnTo>
                  <a:cubicBezTo>
                    <a:pt x="76" y="8045"/>
                    <a:pt x="176" y="8095"/>
                    <a:pt x="176" y="8171"/>
                  </a:cubicBezTo>
                  <a:cubicBezTo>
                    <a:pt x="226" y="8221"/>
                    <a:pt x="301" y="8396"/>
                    <a:pt x="351" y="8496"/>
                  </a:cubicBezTo>
                  <a:cubicBezTo>
                    <a:pt x="402" y="8622"/>
                    <a:pt x="452" y="8772"/>
                    <a:pt x="452" y="8897"/>
                  </a:cubicBezTo>
                  <a:cubicBezTo>
                    <a:pt x="452" y="8948"/>
                    <a:pt x="452" y="9123"/>
                    <a:pt x="527" y="9173"/>
                  </a:cubicBezTo>
                  <a:cubicBezTo>
                    <a:pt x="527" y="9223"/>
                    <a:pt x="752" y="9349"/>
                    <a:pt x="803" y="9449"/>
                  </a:cubicBezTo>
                  <a:cubicBezTo>
                    <a:pt x="853" y="9449"/>
                    <a:pt x="903" y="9574"/>
                    <a:pt x="903" y="9574"/>
                  </a:cubicBezTo>
                  <a:cubicBezTo>
                    <a:pt x="1028" y="9624"/>
                    <a:pt x="1204" y="9574"/>
                    <a:pt x="1254" y="9574"/>
                  </a:cubicBezTo>
                  <a:cubicBezTo>
                    <a:pt x="1354" y="9574"/>
                    <a:pt x="1479" y="9674"/>
                    <a:pt x="1579" y="9750"/>
                  </a:cubicBezTo>
                  <a:cubicBezTo>
                    <a:pt x="1655" y="9750"/>
                    <a:pt x="1705" y="9800"/>
                    <a:pt x="1755" y="9850"/>
                  </a:cubicBezTo>
                  <a:cubicBezTo>
                    <a:pt x="1805" y="9975"/>
                    <a:pt x="1805" y="10126"/>
                    <a:pt x="1880" y="10251"/>
                  </a:cubicBezTo>
                  <a:cubicBezTo>
                    <a:pt x="1930" y="10351"/>
                    <a:pt x="2106" y="10577"/>
                    <a:pt x="2206" y="10702"/>
                  </a:cubicBezTo>
                  <a:cubicBezTo>
                    <a:pt x="2331" y="10752"/>
                    <a:pt x="2482" y="10752"/>
                    <a:pt x="2607" y="10752"/>
                  </a:cubicBezTo>
                  <a:cubicBezTo>
                    <a:pt x="2782" y="10752"/>
                    <a:pt x="3058" y="10577"/>
                    <a:pt x="3234" y="10527"/>
                  </a:cubicBezTo>
                  <a:lnTo>
                    <a:pt x="3610" y="10527"/>
                  </a:lnTo>
                  <a:cubicBezTo>
                    <a:pt x="3735" y="10527"/>
                    <a:pt x="3960" y="10476"/>
                    <a:pt x="4136" y="10476"/>
                  </a:cubicBezTo>
                  <a:lnTo>
                    <a:pt x="4637" y="10476"/>
                  </a:lnTo>
                  <a:lnTo>
                    <a:pt x="4913" y="10476"/>
                  </a:lnTo>
                  <a:cubicBezTo>
                    <a:pt x="5038" y="10476"/>
                    <a:pt x="5188" y="10577"/>
                    <a:pt x="5264" y="10652"/>
                  </a:cubicBezTo>
                  <a:cubicBezTo>
                    <a:pt x="5314" y="10702"/>
                    <a:pt x="5314" y="10802"/>
                    <a:pt x="5314" y="10877"/>
                  </a:cubicBezTo>
                  <a:cubicBezTo>
                    <a:pt x="5364" y="10928"/>
                    <a:pt x="5640" y="10928"/>
                    <a:pt x="5715" y="10978"/>
                  </a:cubicBezTo>
                  <a:cubicBezTo>
                    <a:pt x="5765" y="11028"/>
                    <a:pt x="5765" y="11203"/>
                    <a:pt x="5765" y="11253"/>
                  </a:cubicBezTo>
                  <a:cubicBezTo>
                    <a:pt x="5815" y="11329"/>
                    <a:pt x="5940" y="11379"/>
                    <a:pt x="5991" y="11429"/>
                  </a:cubicBezTo>
                  <a:cubicBezTo>
                    <a:pt x="6166" y="11429"/>
                    <a:pt x="6392" y="11203"/>
                    <a:pt x="6492" y="11203"/>
                  </a:cubicBezTo>
                  <a:cubicBezTo>
                    <a:pt x="6617" y="11203"/>
                    <a:pt x="6893" y="11253"/>
                    <a:pt x="6993" y="11253"/>
                  </a:cubicBezTo>
                  <a:cubicBezTo>
                    <a:pt x="7068" y="11329"/>
                    <a:pt x="7118" y="11379"/>
                    <a:pt x="7168" y="11379"/>
                  </a:cubicBezTo>
                  <a:cubicBezTo>
                    <a:pt x="7294" y="11429"/>
                    <a:pt x="7519" y="11379"/>
                    <a:pt x="7569" y="11429"/>
                  </a:cubicBezTo>
                  <a:cubicBezTo>
                    <a:pt x="7670" y="11479"/>
                    <a:pt x="7670" y="11654"/>
                    <a:pt x="7745" y="11705"/>
                  </a:cubicBezTo>
                  <a:cubicBezTo>
                    <a:pt x="7795" y="11780"/>
                    <a:pt x="7970" y="11880"/>
                    <a:pt x="8021" y="12005"/>
                  </a:cubicBezTo>
                  <a:cubicBezTo>
                    <a:pt x="8071" y="12055"/>
                    <a:pt x="8246" y="12106"/>
                    <a:pt x="8296" y="12231"/>
                  </a:cubicBezTo>
                  <a:cubicBezTo>
                    <a:pt x="8346" y="12281"/>
                    <a:pt x="8422" y="12456"/>
                    <a:pt x="8522" y="12507"/>
                  </a:cubicBezTo>
                  <a:cubicBezTo>
                    <a:pt x="8522" y="12557"/>
                    <a:pt x="8647" y="12507"/>
                    <a:pt x="8697" y="12557"/>
                  </a:cubicBezTo>
                  <a:cubicBezTo>
                    <a:pt x="8747" y="12607"/>
                    <a:pt x="8923" y="12782"/>
                    <a:pt x="8973" y="12832"/>
                  </a:cubicBezTo>
                  <a:cubicBezTo>
                    <a:pt x="9023" y="12908"/>
                    <a:pt x="9148" y="12958"/>
                    <a:pt x="9199" y="13008"/>
                  </a:cubicBezTo>
                  <a:cubicBezTo>
                    <a:pt x="9374" y="13058"/>
                    <a:pt x="9600" y="13183"/>
                    <a:pt x="9725" y="13283"/>
                  </a:cubicBezTo>
                  <a:cubicBezTo>
                    <a:pt x="9775" y="13283"/>
                    <a:pt x="9875" y="13409"/>
                    <a:pt x="9950" y="13459"/>
                  </a:cubicBezTo>
                  <a:lnTo>
                    <a:pt x="10226" y="13459"/>
                  </a:lnTo>
                  <a:cubicBezTo>
                    <a:pt x="10276" y="13509"/>
                    <a:pt x="10402" y="13584"/>
                    <a:pt x="10452" y="13634"/>
                  </a:cubicBezTo>
                  <a:lnTo>
                    <a:pt x="10727" y="13634"/>
                  </a:lnTo>
                  <a:cubicBezTo>
                    <a:pt x="10853" y="13684"/>
                    <a:pt x="10953" y="13735"/>
                    <a:pt x="11078" y="13735"/>
                  </a:cubicBezTo>
                  <a:cubicBezTo>
                    <a:pt x="11128" y="13735"/>
                    <a:pt x="11304" y="13735"/>
                    <a:pt x="11354" y="13810"/>
                  </a:cubicBezTo>
                  <a:cubicBezTo>
                    <a:pt x="11454" y="13860"/>
                    <a:pt x="11680" y="14085"/>
                    <a:pt x="11805" y="14186"/>
                  </a:cubicBezTo>
                  <a:cubicBezTo>
                    <a:pt x="11855" y="14186"/>
                    <a:pt x="11905" y="14361"/>
                    <a:pt x="11981" y="14361"/>
                  </a:cubicBezTo>
                  <a:cubicBezTo>
                    <a:pt x="11981" y="14411"/>
                    <a:pt x="12031" y="14361"/>
                    <a:pt x="12081" y="14411"/>
                  </a:cubicBezTo>
                  <a:cubicBezTo>
                    <a:pt x="12131" y="14411"/>
                    <a:pt x="12131" y="14587"/>
                    <a:pt x="12131" y="14637"/>
                  </a:cubicBezTo>
                  <a:cubicBezTo>
                    <a:pt x="12206" y="14712"/>
                    <a:pt x="12356" y="14862"/>
                    <a:pt x="12482" y="14862"/>
                  </a:cubicBezTo>
                  <a:cubicBezTo>
                    <a:pt x="12582" y="14938"/>
                    <a:pt x="12808" y="14938"/>
                    <a:pt x="12883" y="14988"/>
                  </a:cubicBezTo>
                  <a:cubicBezTo>
                    <a:pt x="12983" y="15038"/>
                    <a:pt x="13033" y="15213"/>
                    <a:pt x="13158" y="15263"/>
                  </a:cubicBezTo>
                  <a:lnTo>
                    <a:pt x="13384" y="15263"/>
                  </a:lnTo>
                  <a:cubicBezTo>
                    <a:pt x="13484" y="15263"/>
                    <a:pt x="13710" y="15263"/>
                    <a:pt x="13835" y="15314"/>
                  </a:cubicBezTo>
                  <a:cubicBezTo>
                    <a:pt x="13885" y="15389"/>
                    <a:pt x="13935" y="15489"/>
                    <a:pt x="14011" y="15489"/>
                  </a:cubicBezTo>
                  <a:cubicBezTo>
                    <a:pt x="14061" y="15539"/>
                    <a:pt x="14236" y="15539"/>
                    <a:pt x="14286" y="15614"/>
                  </a:cubicBezTo>
                  <a:cubicBezTo>
                    <a:pt x="14336" y="15664"/>
                    <a:pt x="14286" y="15840"/>
                    <a:pt x="14336" y="15890"/>
                  </a:cubicBezTo>
                  <a:cubicBezTo>
                    <a:pt x="14387" y="15940"/>
                    <a:pt x="14612" y="15990"/>
                    <a:pt x="14687" y="15990"/>
                  </a:cubicBezTo>
                  <a:cubicBezTo>
                    <a:pt x="14788" y="15940"/>
                    <a:pt x="14963" y="15840"/>
                    <a:pt x="15063" y="15840"/>
                  </a:cubicBezTo>
                  <a:cubicBezTo>
                    <a:pt x="15189" y="15840"/>
                    <a:pt x="15364" y="15890"/>
                    <a:pt x="15464" y="15840"/>
                  </a:cubicBezTo>
                  <a:cubicBezTo>
                    <a:pt x="15590" y="15840"/>
                    <a:pt x="15865" y="15715"/>
                    <a:pt x="15966" y="15715"/>
                  </a:cubicBezTo>
                  <a:cubicBezTo>
                    <a:pt x="16091" y="15664"/>
                    <a:pt x="16417" y="15715"/>
                    <a:pt x="16542" y="15765"/>
                  </a:cubicBezTo>
                  <a:cubicBezTo>
                    <a:pt x="16642" y="15765"/>
                    <a:pt x="16868" y="15890"/>
                    <a:pt x="17043" y="15890"/>
                  </a:cubicBezTo>
                  <a:cubicBezTo>
                    <a:pt x="17093" y="15890"/>
                    <a:pt x="17319" y="15840"/>
                    <a:pt x="17444" y="15840"/>
                  </a:cubicBezTo>
                  <a:cubicBezTo>
                    <a:pt x="17494" y="15840"/>
                    <a:pt x="17720" y="15940"/>
                    <a:pt x="17770" y="15940"/>
                  </a:cubicBezTo>
                  <a:cubicBezTo>
                    <a:pt x="17895" y="15990"/>
                    <a:pt x="18121" y="15990"/>
                    <a:pt x="18221" y="16065"/>
                  </a:cubicBezTo>
                  <a:cubicBezTo>
                    <a:pt x="18296" y="16116"/>
                    <a:pt x="18447" y="16216"/>
                    <a:pt x="18572" y="16291"/>
                  </a:cubicBezTo>
                  <a:cubicBezTo>
                    <a:pt x="18622" y="16341"/>
                    <a:pt x="18798" y="16391"/>
                    <a:pt x="18848" y="16391"/>
                  </a:cubicBezTo>
                  <a:cubicBezTo>
                    <a:pt x="18973" y="16517"/>
                    <a:pt x="19199" y="16742"/>
                    <a:pt x="19299" y="16792"/>
                  </a:cubicBezTo>
                  <a:cubicBezTo>
                    <a:pt x="19349" y="16892"/>
                    <a:pt x="19650" y="17018"/>
                    <a:pt x="19700" y="17118"/>
                  </a:cubicBezTo>
                  <a:cubicBezTo>
                    <a:pt x="19750" y="17193"/>
                    <a:pt x="19750" y="17344"/>
                    <a:pt x="19750" y="17419"/>
                  </a:cubicBezTo>
                  <a:cubicBezTo>
                    <a:pt x="19800" y="17519"/>
                    <a:pt x="19875" y="17644"/>
                    <a:pt x="19925" y="17745"/>
                  </a:cubicBezTo>
                  <a:cubicBezTo>
                    <a:pt x="19976" y="17795"/>
                    <a:pt x="20101" y="17870"/>
                    <a:pt x="20151" y="17920"/>
                  </a:cubicBezTo>
                  <a:cubicBezTo>
                    <a:pt x="20251" y="18020"/>
                    <a:pt x="20326" y="18321"/>
                    <a:pt x="20377" y="18471"/>
                  </a:cubicBezTo>
                  <a:cubicBezTo>
                    <a:pt x="20427" y="18547"/>
                    <a:pt x="20552" y="18647"/>
                    <a:pt x="20602" y="18772"/>
                  </a:cubicBezTo>
                  <a:cubicBezTo>
                    <a:pt x="20602" y="18822"/>
                    <a:pt x="20552" y="18923"/>
                    <a:pt x="20552" y="18998"/>
                  </a:cubicBezTo>
                  <a:cubicBezTo>
                    <a:pt x="20602" y="19048"/>
                    <a:pt x="20778" y="19098"/>
                    <a:pt x="20878" y="19148"/>
                  </a:cubicBezTo>
                  <a:cubicBezTo>
                    <a:pt x="20878" y="19148"/>
                    <a:pt x="20928" y="19273"/>
                    <a:pt x="21003" y="19273"/>
                  </a:cubicBezTo>
                  <a:cubicBezTo>
                    <a:pt x="21053" y="19324"/>
                    <a:pt x="21279" y="19324"/>
                    <a:pt x="21329" y="19324"/>
                  </a:cubicBezTo>
                  <a:cubicBezTo>
                    <a:pt x="21454" y="19324"/>
                    <a:pt x="21605" y="19374"/>
                    <a:pt x="21680" y="19449"/>
                  </a:cubicBezTo>
                  <a:cubicBezTo>
                    <a:pt x="21780" y="19449"/>
                    <a:pt x="22006" y="19449"/>
                    <a:pt x="22131" y="19499"/>
                  </a:cubicBezTo>
                  <a:cubicBezTo>
                    <a:pt x="22231" y="19499"/>
                    <a:pt x="22457" y="19549"/>
                    <a:pt x="22507" y="19599"/>
                  </a:cubicBezTo>
                  <a:cubicBezTo>
                    <a:pt x="22582" y="19674"/>
                    <a:pt x="22632" y="19900"/>
                    <a:pt x="22682" y="19950"/>
                  </a:cubicBezTo>
                  <a:cubicBezTo>
                    <a:pt x="22732" y="20000"/>
                    <a:pt x="22808" y="20050"/>
                    <a:pt x="22858" y="20050"/>
                  </a:cubicBezTo>
                  <a:cubicBezTo>
                    <a:pt x="22958" y="20050"/>
                    <a:pt x="23133" y="20000"/>
                    <a:pt x="23259" y="20050"/>
                  </a:cubicBezTo>
                  <a:cubicBezTo>
                    <a:pt x="23359" y="20050"/>
                    <a:pt x="23484" y="20126"/>
                    <a:pt x="23585" y="20176"/>
                  </a:cubicBezTo>
                  <a:cubicBezTo>
                    <a:pt x="23635" y="20176"/>
                    <a:pt x="23810" y="20226"/>
                    <a:pt x="23935" y="20226"/>
                  </a:cubicBezTo>
                  <a:cubicBezTo>
                    <a:pt x="23986" y="20226"/>
                    <a:pt x="24086" y="20050"/>
                    <a:pt x="24161" y="20050"/>
                  </a:cubicBezTo>
                  <a:cubicBezTo>
                    <a:pt x="24211" y="20000"/>
                    <a:pt x="24387" y="19950"/>
                    <a:pt x="24437" y="19950"/>
                  </a:cubicBezTo>
                  <a:cubicBezTo>
                    <a:pt x="24487" y="19900"/>
                    <a:pt x="24612" y="19825"/>
                    <a:pt x="24662" y="19825"/>
                  </a:cubicBezTo>
                  <a:cubicBezTo>
                    <a:pt x="24763" y="19825"/>
                    <a:pt x="24988" y="19825"/>
                    <a:pt x="25063" y="19900"/>
                  </a:cubicBezTo>
                  <a:cubicBezTo>
                    <a:pt x="25164" y="19900"/>
                    <a:pt x="25214" y="20050"/>
                    <a:pt x="25289" y="20126"/>
                  </a:cubicBezTo>
                  <a:cubicBezTo>
                    <a:pt x="25339" y="20176"/>
                    <a:pt x="25439" y="20276"/>
                    <a:pt x="25565" y="20276"/>
                  </a:cubicBezTo>
                  <a:cubicBezTo>
                    <a:pt x="25615" y="20276"/>
                    <a:pt x="25790" y="20126"/>
                    <a:pt x="25840" y="20126"/>
                  </a:cubicBezTo>
                  <a:cubicBezTo>
                    <a:pt x="25966" y="20050"/>
                    <a:pt x="26116" y="20126"/>
                    <a:pt x="26241" y="20126"/>
                  </a:cubicBezTo>
                  <a:cubicBezTo>
                    <a:pt x="26291" y="20176"/>
                    <a:pt x="26417" y="20401"/>
                    <a:pt x="26467" y="20451"/>
                  </a:cubicBezTo>
                  <a:cubicBezTo>
                    <a:pt x="26517" y="20502"/>
                    <a:pt x="26642" y="20627"/>
                    <a:pt x="26692" y="20627"/>
                  </a:cubicBezTo>
                  <a:cubicBezTo>
                    <a:pt x="26743" y="20677"/>
                    <a:pt x="26868" y="20727"/>
                    <a:pt x="26918" y="20677"/>
                  </a:cubicBezTo>
                  <a:cubicBezTo>
                    <a:pt x="27018" y="20677"/>
                    <a:pt x="26968" y="20502"/>
                    <a:pt x="27018" y="20451"/>
                  </a:cubicBezTo>
                  <a:cubicBezTo>
                    <a:pt x="27093" y="20401"/>
                    <a:pt x="27244" y="20502"/>
                    <a:pt x="27319" y="20451"/>
                  </a:cubicBezTo>
                  <a:cubicBezTo>
                    <a:pt x="27369" y="20401"/>
                    <a:pt x="27319" y="20176"/>
                    <a:pt x="27244" y="20126"/>
                  </a:cubicBezTo>
                  <a:cubicBezTo>
                    <a:pt x="27244" y="20000"/>
                    <a:pt x="27144" y="19900"/>
                    <a:pt x="27144" y="19825"/>
                  </a:cubicBezTo>
                  <a:lnTo>
                    <a:pt x="27144" y="19549"/>
                  </a:lnTo>
                  <a:cubicBezTo>
                    <a:pt x="27144" y="19499"/>
                    <a:pt x="27018" y="19374"/>
                    <a:pt x="27018" y="19324"/>
                  </a:cubicBezTo>
                  <a:cubicBezTo>
                    <a:pt x="26968" y="19223"/>
                    <a:pt x="26918" y="18923"/>
                    <a:pt x="26918" y="18772"/>
                  </a:cubicBezTo>
                  <a:cubicBezTo>
                    <a:pt x="26868" y="18647"/>
                    <a:pt x="26868" y="18471"/>
                    <a:pt x="26868" y="18371"/>
                  </a:cubicBezTo>
                  <a:cubicBezTo>
                    <a:pt x="26918" y="18246"/>
                    <a:pt x="27018" y="18096"/>
                    <a:pt x="27093" y="17970"/>
                  </a:cubicBezTo>
                  <a:cubicBezTo>
                    <a:pt x="27093" y="17920"/>
                    <a:pt x="27093" y="17695"/>
                    <a:pt x="27144" y="17569"/>
                  </a:cubicBezTo>
                  <a:cubicBezTo>
                    <a:pt x="27194" y="17519"/>
                    <a:pt x="27419" y="17344"/>
                    <a:pt x="27469" y="17294"/>
                  </a:cubicBezTo>
                  <a:cubicBezTo>
                    <a:pt x="27545" y="17243"/>
                    <a:pt x="27595" y="17068"/>
                    <a:pt x="27595" y="17018"/>
                  </a:cubicBezTo>
                  <a:cubicBezTo>
                    <a:pt x="27645" y="17018"/>
                    <a:pt x="27695" y="16968"/>
                    <a:pt x="27695" y="16892"/>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76" name="Google Shape;133;p16">
              <a:extLst>
                <a:ext uri="{FF2B5EF4-FFF2-40B4-BE49-F238E27FC236}">
                  <a16:creationId xmlns:a16="http://schemas.microsoft.com/office/drawing/2014/main" id="{743B0914-BE4C-D2A7-343F-458697DD9C84}"/>
                </a:ext>
              </a:extLst>
            </p:cNvPr>
            <p:cNvSpPr/>
            <p:nvPr/>
          </p:nvSpPr>
          <p:spPr>
            <a:xfrm>
              <a:off x="2747695" y="4008689"/>
              <a:ext cx="859712" cy="577681"/>
            </a:xfrm>
            <a:custGeom>
              <a:avLst/>
              <a:gdLst/>
              <a:ahLst/>
              <a:cxnLst/>
              <a:rect l="l" t="t" r="r" b="b"/>
              <a:pathLst>
                <a:path w="30803" h="20698" extrusionOk="0">
                  <a:moveTo>
                    <a:pt x="29800" y="0"/>
                  </a:moveTo>
                  <a:cubicBezTo>
                    <a:pt x="29725" y="0"/>
                    <a:pt x="29625" y="100"/>
                    <a:pt x="29575" y="151"/>
                  </a:cubicBezTo>
                  <a:cubicBezTo>
                    <a:pt x="29524" y="151"/>
                    <a:pt x="29485" y="128"/>
                    <a:pt x="29450" y="128"/>
                  </a:cubicBezTo>
                  <a:cubicBezTo>
                    <a:pt x="29433" y="128"/>
                    <a:pt x="29416" y="134"/>
                    <a:pt x="29399" y="151"/>
                  </a:cubicBezTo>
                  <a:cubicBezTo>
                    <a:pt x="29349" y="226"/>
                    <a:pt x="29274" y="376"/>
                    <a:pt x="29274" y="451"/>
                  </a:cubicBezTo>
                  <a:cubicBezTo>
                    <a:pt x="29174" y="501"/>
                    <a:pt x="28998" y="727"/>
                    <a:pt x="28898" y="727"/>
                  </a:cubicBezTo>
                  <a:cubicBezTo>
                    <a:pt x="28871" y="738"/>
                    <a:pt x="28843" y="741"/>
                    <a:pt x="28813" y="741"/>
                  </a:cubicBezTo>
                  <a:cubicBezTo>
                    <a:pt x="28733" y="741"/>
                    <a:pt x="28649" y="713"/>
                    <a:pt x="28594" y="713"/>
                  </a:cubicBezTo>
                  <a:cubicBezTo>
                    <a:pt x="28574" y="713"/>
                    <a:pt x="28558" y="716"/>
                    <a:pt x="28547" y="727"/>
                  </a:cubicBezTo>
                  <a:lnTo>
                    <a:pt x="28372" y="727"/>
                  </a:lnTo>
                  <a:cubicBezTo>
                    <a:pt x="28321" y="777"/>
                    <a:pt x="28321" y="953"/>
                    <a:pt x="28271" y="1003"/>
                  </a:cubicBezTo>
                  <a:cubicBezTo>
                    <a:pt x="28221" y="1128"/>
                    <a:pt x="28046" y="1278"/>
                    <a:pt x="27920" y="1354"/>
                  </a:cubicBezTo>
                  <a:lnTo>
                    <a:pt x="27469" y="1579"/>
                  </a:lnTo>
                  <a:cubicBezTo>
                    <a:pt x="27369" y="1579"/>
                    <a:pt x="27194" y="1579"/>
                    <a:pt x="27093" y="1504"/>
                  </a:cubicBezTo>
                  <a:lnTo>
                    <a:pt x="27018" y="1404"/>
                  </a:lnTo>
                  <a:cubicBezTo>
                    <a:pt x="27018" y="1278"/>
                    <a:pt x="27093" y="1128"/>
                    <a:pt x="27093" y="1053"/>
                  </a:cubicBezTo>
                  <a:cubicBezTo>
                    <a:pt x="27018" y="953"/>
                    <a:pt x="27018" y="777"/>
                    <a:pt x="26968" y="727"/>
                  </a:cubicBezTo>
                  <a:cubicBezTo>
                    <a:pt x="26918" y="677"/>
                    <a:pt x="26743" y="602"/>
                    <a:pt x="26692" y="602"/>
                  </a:cubicBezTo>
                  <a:cubicBezTo>
                    <a:pt x="26642" y="677"/>
                    <a:pt x="26567" y="677"/>
                    <a:pt x="26517" y="727"/>
                  </a:cubicBezTo>
                  <a:cubicBezTo>
                    <a:pt x="26517" y="777"/>
                    <a:pt x="26642" y="827"/>
                    <a:pt x="26642" y="902"/>
                  </a:cubicBezTo>
                  <a:cubicBezTo>
                    <a:pt x="26692" y="953"/>
                    <a:pt x="26743" y="1128"/>
                    <a:pt x="26743" y="1228"/>
                  </a:cubicBezTo>
                  <a:cubicBezTo>
                    <a:pt x="26743" y="1354"/>
                    <a:pt x="26692" y="1679"/>
                    <a:pt x="26642" y="1855"/>
                  </a:cubicBezTo>
                  <a:cubicBezTo>
                    <a:pt x="26567" y="2030"/>
                    <a:pt x="26417" y="2256"/>
                    <a:pt x="26291" y="2306"/>
                  </a:cubicBezTo>
                  <a:cubicBezTo>
                    <a:pt x="26116" y="2406"/>
                    <a:pt x="25890" y="2632"/>
                    <a:pt x="25740" y="2632"/>
                  </a:cubicBezTo>
                  <a:cubicBezTo>
                    <a:pt x="25702" y="2669"/>
                    <a:pt x="25646" y="2688"/>
                    <a:pt x="25583" y="2688"/>
                  </a:cubicBezTo>
                  <a:cubicBezTo>
                    <a:pt x="25521" y="2688"/>
                    <a:pt x="25452" y="2669"/>
                    <a:pt x="25389" y="2632"/>
                  </a:cubicBezTo>
                  <a:cubicBezTo>
                    <a:pt x="25339" y="2632"/>
                    <a:pt x="25214" y="2481"/>
                    <a:pt x="25164" y="2406"/>
                  </a:cubicBezTo>
                  <a:cubicBezTo>
                    <a:pt x="25063" y="2356"/>
                    <a:pt x="24888" y="2356"/>
                    <a:pt x="24763" y="2356"/>
                  </a:cubicBezTo>
                  <a:cubicBezTo>
                    <a:pt x="24662" y="2356"/>
                    <a:pt x="24437" y="2356"/>
                    <a:pt x="24311" y="2306"/>
                  </a:cubicBezTo>
                  <a:cubicBezTo>
                    <a:pt x="24261" y="2256"/>
                    <a:pt x="24161" y="2030"/>
                    <a:pt x="24036" y="1955"/>
                  </a:cubicBezTo>
                  <a:lnTo>
                    <a:pt x="23760" y="1955"/>
                  </a:lnTo>
                  <a:cubicBezTo>
                    <a:pt x="23635" y="2030"/>
                    <a:pt x="23534" y="2181"/>
                    <a:pt x="23409" y="2256"/>
                  </a:cubicBezTo>
                  <a:cubicBezTo>
                    <a:pt x="23359" y="2356"/>
                    <a:pt x="23133" y="2481"/>
                    <a:pt x="23033" y="2481"/>
                  </a:cubicBezTo>
                  <a:cubicBezTo>
                    <a:pt x="22991" y="2498"/>
                    <a:pt x="22939" y="2504"/>
                    <a:pt x="22883" y="2504"/>
                  </a:cubicBezTo>
                  <a:cubicBezTo>
                    <a:pt x="22771" y="2504"/>
                    <a:pt x="22649" y="2481"/>
                    <a:pt x="22582" y="2481"/>
                  </a:cubicBezTo>
                  <a:cubicBezTo>
                    <a:pt x="22499" y="2481"/>
                    <a:pt x="22370" y="2448"/>
                    <a:pt x="22265" y="2448"/>
                  </a:cubicBezTo>
                  <a:cubicBezTo>
                    <a:pt x="22212" y="2448"/>
                    <a:pt x="22164" y="2456"/>
                    <a:pt x="22131" y="2481"/>
                  </a:cubicBezTo>
                  <a:cubicBezTo>
                    <a:pt x="22006" y="2532"/>
                    <a:pt x="21905" y="2807"/>
                    <a:pt x="21830" y="2933"/>
                  </a:cubicBezTo>
                  <a:cubicBezTo>
                    <a:pt x="21780" y="3033"/>
                    <a:pt x="21680" y="3258"/>
                    <a:pt x="21555" y="3308"/>
                  </a:cubicBezTo>
                  <a:cubicBezTo>
                    <a:pt x="21454" y="3434"/>
                    <a:pt x="21229" y="3534"/>
                    <a:pt x="21103" y="3609"/>
                  </a:cubicBezTo>
                  <a:cubicBezTo>
                    <a:pt x="21053" y="3659"/>
                    <a:pt x="20878" y="3709"/>
                    <a:pt x="20828" y="3709"/>
                  </a:cubicBezTo>
                  <a:lnTo>
                    <a:pt x="20602" y="3709"/>
                  </a:lnTo>
                  <a:cubicBezTo>
                    <a:pt x="20552" y="3760"/>
                    <a:pt x="20427" y="3835"/>
                    <a:pt x="20427" y="3885"/>
                  </a:cubicBezTo>
                  <a:cubicBezTo>
                    <a:pt x="20251" y="3935"/>
                    <a:pt x="19976" y="4060"/>
                    <a:pt x="19800" y="4060"/>
                  </a:cubicBezTo>
                  <a:cubicBezTo>
                    <a:pt x="19782" y="4069"/>
                    <a:pt x="19759" y="4073"/>
                    <a:pt x="19732" y="4073"/>
                  </a:cubicBezTo>
                  <a:cubicBezTo>
                    <a:pt x="19643" y="4073"/>
                    <a:pt x="19511" y="4036"/>
                    <a:pt x="19390" y="4036"/>
                  </a:cubicBezTo>
                  <a:cubicBezTo>
                    <a:pt x="19340" y="4036"/>
                    <a:pt x="19291" y="4042"/>
                    <a:pt x="19249" y="4060"/>
                  </a:cubicBezTo>
                  <a:cubicBezTo>
                    <a:pt x="19199" y="4060"/>
                    <a:pt x="19023" y="4110"/>
                    <a:pt x="18898" y="4110"/>
                  </a:cubicBezTo>
                  <a:cubicBezTo>
                    <a:pt x="18798" y="4161"/>
                    <a:pt x="18572" y="4336"/>
                    <a:pt x="18447" y="4336"/>
                  </a:cubicBezTo>
                  <a:cubicBezTo>
                    <a:pt x="18397" y="4353"/>
                    <a:pt x="18330" y="4358"/>
                    <a:pt x="18259" y="4358"/>
                  </a:cubicBezTo>
                  <a:cubicBezTo>
                    <a:pt x="18118" y="4358"/>
                    <a:pt x="17962" y="4336"/>
                    <a:pt x="17895" y="4336"/>
                  </a:cubicBezTo>
                  <a:cubicBezTo>
                    <a:pt x="17770" y="4386"/>
                    <a:pt x="17544" y="4511"/>
                    <a:pt x="17394" y="4511"/>
                  </a:cubicBezTo>
                  <a:cubicBezTo>
                    <a:pt x="17319" y="4511"/>
                    <a:pt x="17093" y="4511"/>
                    <a:pt x="16993" y="4436"/>
                  </a:cubicBezTo>
                  <a:cubicBezTo>
                    <a:pt x="16868" y="4436"/>
                    <a:pt x="16642" y="4336"/>
                    <a:pt x="16542" y="4336"/>
                  </a:cubicBezTo>
                  <a:cubicBezTo>
                    <a:pt x="16492" y="4336"/>
                    <a:pt x="16367" y="4336"/>
                    <a:pt x="16316" y="4386"/>
                  </a:cubicBezTo>
                  <a:cubicBezTo>
                    <a:pt x="16266" y="4386"/>
                    <a:pt x="16191" y="4511"/>
                    <a:pt x="16091" y="4511"/>
                  </a:cubicBezTo>
                  <a:cubicBezTo>
                    <a:pt x="16049" y="4528"/>
                    <a:pt x="15996" y="4534"/>
                    <a:pt x="15940" y="4534"/>
                  </a:cubicBezTo>
                  <a:cubicBezTo>
                    <a:pt x="15829" y="4534"/>
                    <a:pt x="15707" y="4511"/>
                    <a:pt x="15640" y="4511"/>
                  </a:cubicBezTo>
                  <a:cubicBezTo>
                    <a:pt x="15590" y="4436"/>
                    <a:pt x="15514" y="4336"/>
                    <a:pt x="15464" y="4336"/>
                  </a:cubicBezTo>
                  <a:cubicBezTo>
                    <a:pt x="15414" y="4286"/>
                    <a:pt x="15289" y="4286"/>
                    <a:pt x="15239" y="4286"/>
                  </a:cubicBezTo>
                  <a:cubicBezTo>
                    <a:pt x="15189" y="4286"/>
                    <a:pt x="15063" y="4386"/>
                    <a:pt x="15013" y="4386"/>
                  </a:cubicBezTo>
                  <a:cubicBezTo>
                    <a:pt x="14963" y="4386"/>
                    <a:pt x="14913" y="4436"/>
                    <a:pt x="14838" y="4436"/>
                  </a:cubicBezTo>
                  <a:cubicBezTo>
                    <a:pt x="14838" y="4436"/>
                    <a:pt x="14737" y="4336"/>
                    <a:pt x="14687" y="4336"/>
                  </a:cubicBezTo>
                  <a:cubicBezTo>
                    <a:pt x="14612" y="4336"/>
                    <a:pt x="14512" y="4436"/>
                    <a:pt x="14387" y="4511"/>
                  </a:cubicBezTo>
                  <a:cubicBezTo>
                    <a:pt x="14336" y="4511"/>
                    <a:pt x="14161" y="4612"/>
                    <a:pt x="14061" y="4662"/>
                  </a:cubicBezTo>
                  <a:cubicBezTo>
                    <a:pt x="14011" y="4662"/>
                    <a:pt x="13935" y="4837"/>
                    <a:pt x="13885" y="4837"/>
                  </a:cubicBezTo>
                  <a:cubicBezTo>
                    <a:pt x="13835" y="4887"/>
                    <a:pt x="13710" y="5013"/>
                    <a:pt x="13660" y="5013"/>
                  </a:cubicBezTo>
                  <a:lnTo>
                    <a:pt x="13209" y="5238"/>
                  </a:lnTo>
                  <a:cubicBezTo>
                    <a:pt x="13033" y="5238"/>
                    <a:pt x="12707" y="5238"/>
                    <a:pt x="12532" y="5188"/>
                  </a:cubicBezTo>
                  <a:cubicBezTo>
                    <a:pt x="12432" y="5188"/>
                    <a:pt x="12131" y="5013"/>
                    <a:pt x="11981" y="4963"/>
                  </a:cubicBezTo>
                  <a:cubicBezTo>
                    <a:pt x="11905" y="4887"/>
                    <a:pt x="11680" y="4837"/>
                    <a:pt x="11580" y="4787"/>
                  </a:cubicBezTo>
                  <a:cubicBezTo>
                    <a:pt x="11454" y="4662"/>
                    <a:pt x="11354" y="4511"/>
                    <a:pt x="11229" y="4436"/>
                  </a:cubicBezTo>
                  <a:cubicBezTo>
                    <a:pt x="11128" y="4386"/>
                    <a:pt x="10953" y="4386"/>
                    <a:pt x="10853" y="4386"/>
                  </a:cubicBezTo>
                  <a:lnTo>
                    <a:pt x="10627" y="4161"/>
                  </a:lnTo>
                  <a:lnTo>
                    <a:pt x="10627" y="3760"/>
                  </a:lnTo>
                  <a:cubicBezTo>
                    <a:pt x="10627" y="3709"/>
                    <a:pt x="10627" y="3534"/>
                    <a:pt x="10552" y="3484"/>
                  </a:cubicBezTo>
                  <a:lnTo>
                    <a:pt x="10402" y="3484"/>
                  </a:lnTo>
                  <a:cubicBezTo>
                    <a:pt x="10326" y="3484"/>
                    <a:pt x="10276" y="3434"/>
                    <a:pt x="10226" y="3434"/>
                  </a:cubicBezTo>
                  <a:cubicBezTo>
                    <a:pt x="10176" y="3484"/>
                    <a:pt x="10176" y="3609"/>
                    <a:pt x="10176" y="3659"/>
                  </a:cubicBezTo>
                  <a:cubicBezTo>
                    <a:pt x="10101" y="3659"/>
                    <a:pt x="10001" y="3760"/>
                    <a:pt x="9950" y="3760"/>
                  </a:cubicBezTo>
                  <a:cubicBezTo>
                    <a:pt x="9922" y="3777"/>
                    <a:pt x="9890" y="3784"/>
                    <a:pt x="9857" y="3784"/>
                  </a:cubicBezTo>
                  <a:cubicBezTo>
                    <a:pt x="9748" y="3784"/>
                    <a:pt x="9627" y="3709"/>
                    <a:pt x="9549" y="3709"/>
                  </a:cubicBezTo>
                  <a:cubicBezTo>
                    <a:pt x="9499" y="3709"/>
                    <a:pt x="9324" y="3760"/>
                    <a:pt x="9274" y="3760"/>
                  </a:cubicBezTo>
                  <a:cubicBezTo>
                    <a:pt x="9199" y="3760"/>
                    <a:pt x="9098" y="3709"/>
                    <a:pt x="9098" y="3659"/>
                  </a:cubicBezTo>
                  <a:cubicBezTo>
                    <a:pt x="8973" y="3609"/>
                    <a:pt x="8973" y="3384"/>
                    <a:pt x="8923" y="3308"/>
                  </a:cubicBezTo>
                  <a:cubicBezTo>
                    <a:pt x="8923" y="3208"/>
                    <a:pt x="8923" y="2933"/>
                    <a:pt x="8873" y="2807"/>
                  </a:cubicBezTo>
                  <a:cubicBezTo>
                    <a:pt x="8798" y="2757"/>
                    <a:pt x="8697" y="2757"/>
                    <a:pt x="8647" y="2707"/>
                  </a:cubicBezTo>
                  <a:cubicBezTo>
                    <a:pt x="8572" y="2632"/>
                    <a:pt x="8522" y="2582"/>
                    <a:pt x="8472" y="2532"/>
                  </a:cubicBezTo>
                  <a:lnTo>
                    <a:pt x="8472" y="2306"/>
                  </a:lnTo>
                  <a:cubicBezTo>
                    <a:pt x="8409" y="2281"/>
                    <a:pt x="8340" y="2268"/>
                    <a:pt x="8271" y="2268"/>
                  </a:cubicBezTo>
                  <a:cubicBezTo>
                    <a:pt x="8202" y="2268"/>
                    <a:pt x="8133" y="2281"/>
                    <a:pt x="8071" y="2306"/>
                  </a:cubicBezTo>
                  <a:cubicBezTo>
                    <a:pt x="8021" y="2356"/>
                    <a:pt x="7970" y="2481"/>
                    <a:pt x="7895" y="2532"/>
                  </a:cubicBezTo>
                  <a:lnTo>
                    <a:pt x="7620" y="2807"/>
                  </a:lnTo>
                  <a:cubicBezTo>
                    <a:pt x="7519" y="2857"/>
                    <a:pt x="7219" y="2857"/>
                    <a:pt x="7068" y="2857"/>
                  </a:cubicBezTo>
                  <a:cubicBezTo>
                    <a:pt x="6943" y="2857"/>
                    <a:pt x="6767" y="2807"/>
                    <a:pt x="6667" y="2807"/>
                  </a:cubicBezTo>
                  <a:cubicBezTo>
                    <a:pt x="6650" y="2791"/>
                    <a:pt x="6620" y="2785"/>
                    <a:pt x="6585" y="2785"/>
                  </a:cubicBezTo>
                  <a:cubicBezTo>
                    <a:pt x="6514" y="2785"/>
                    <a:pt x="6425" y="2807"/>
                    <a:pt x="6392" y="2807"/>
                  </a:cubicBezTo>
                  <a:cubicBezTo>
                    <a:pt x="6316" y="2807"/>
                    <a:pt x="6216" y="2857"/>
                    <a:pt x="6166" y="2933"/>
                  </a:cubicBezTo>
                  <a:cubicBezTo>
                    <a:pt x="6091" y="2983"/>
                    <a:pt x="5991" y="3083"/>
                    <a:pt x="5991" y="3158"/>
                  </a:cubicBezTo>
                  <a:cubicBezTo>
                    <a:pt x="5991" y="3208"/>
                    <a:pt x="6041" y="3308"/>
                    <a:pt x="5991" y="3384"/>
                  </a:cubicBezTo>
                  <a:cubicBezTo>
                    <a:pt x="5991" y="3384"/>
                    <a:pt x="5940" y="3384"/>
                    <a:pt x="5865" y="3434"/>
                  </a:cubicBezTo>
                  <a:lnTo>
                    <a:pt x="5865" y="3534"/>
                  </a:lnTo>
                  <a:cubicBezTo>
                    <a:pt x="5940" y="3609"/>
                    <a:pt x="5991" y="3709"/>
                    <a:pt x="5991" y="3760"/>
                  </a:cubicBezTo>
                  <a:cubicBezTo>
                    <a:pt x="6041" y="3885"/>
                    <a:pt x="5991" y="4060"/>
                    <a:pt x="5991" y="4161"/>
                  </a:cubicBezTo>
                  <a:cubicBezTo>
                    <a:pt x="5940" y="4211"/>
                    <a:pt x="5765" y="4286"/>
                    <a:pt x="5640" y="4336"/>
                  </a:cubicBezTo>
                  <a:cubicBezTo>
                    <a:pt x="5590" y="4386"/>
                    <a:pt x="5364" y="4511"/>
                    <a:pt x="5264" y="4562"/>
                  </a:cubicBezTo>
                  <a:cubicBezTo>
                    <a:pt x="5188" y="4612"/>
                    <a:pt x="5138" y="4737"/>
                    <a:pt x="5088" y="4787"/>
                  </a:cubicBezTo>
                  <a:lnTo>
                    <a:pt x="4863" y="4787"/>
                  </a:lnTo>
                  <a:cubicBezTo>
                    <a:pt x="4813" y="4787"/>
                    <a:pt x="4687" y="4887"/>
                    <a:pt x="4637" y="4887"/>
                  </a:cubicBezTo>
                  <a:cubicBezTo>
                    <a:pt x="4512" y="4963"/>
                    <a:pt x="4361" y="4963"/>
                    <a:pt x="4236" y="4963"/>
                  </a:cubicBezTo>
                  <a:cubicBezTo>
                    <a:pt x="4186" y="4887"/>
                    <a:pt x="4011" y="4662"/>
                    <a:pt x="3960" y="4612"/>
                  </a:cubicBezTo>
                  <a:cubicBezTo>
                    <a:pt x="3910" y="4612"/>
                    <a:pt x="3735" y="4511"/>
                    <a:pt x="3685" y="4511"/>
                  </a:cubicBezTo>
                  <a:cubicBezTo>
                    <a:pt x="3559" y="4386"/>
                    <a:pt x="3384" y="4286"/>
                    <a:pt x="3334" y="4161"/>
                  </a:cubicBezTo>
                  <a:cubicBezTo>
                    <a:pt x="3284" y="4060"/>
                    <a:pt x="3284" y="3835"/>
                    <a:pt x="3234" y="3709"/>
                  </a:cubicBezTo>
                  <a:cubicBezTo>
                    <a:pt x="3234" y="3659"/>
                    <a:pt x="3108" y="3534"/>
                    <a:pt x="3058" y="3484"/>
                  </a:cubicBezTo>
                  <a:cubicBezTo>
                    <a:pt x="3058" y="3434"/>
                    <a:pt x="3158" y="3308"/>
                    <a:pt x="3108" y="3258"/>
                  </a:cubicBezTo>
                  <a:cubicBezTo>
                    <a:pt x="3108" y="3208"/>
                    <a:pt x="2933" y="3208"/>
                    <a:pt x="2883" y="3158"/>
                  </a:cubicBezTo>
                  <a:cubicBezTo>
                    <a:pt x="2883" y="3158"/>
                    <a:pt x="2833" y="3033"/>
                    <a:pt x="2782" y="3033"/>
                  </a:cubicBezTo>
                  <a:cubicBezTo>
                    <a:pt x="2707" y="3033"/>
                    <a:pt x="2607" y="3083"/>
                    <a:pt x="2607" y="3158"/>
                  </a:cubicBezTo>
                  <a:cubicBezTo>
                    <a:pt x="2557" y="3208"/>
                    <a:pt x="2482" y="3384"/>
                    <a:pt x="2557" y="3434"/>
                  </a:cubicBezTo>
                  <a:cubicBezTo>
                    <a:pt x="2557" y="3484"/>
                    <a:pt x="2657" y="3534"/>
                    <a:pt x="2657" y="3609"/>
                  </a:cubicBezTo>
                  <a:cubicBezTo>
                    <a:pt x="2657" y="3659"/>
                    <a:pt x="2557" y="3760"/>
                    <a:pt x="2557" y="3835"/>
                  </a:cubicBezTo>
                  <a:cubicBezTo>
                    <a:pt x="2557" y="3885"/>
                    <a:pt x="2607" y="3935"/>
                    <a:pt x="2607" y="3985"/>
                  </a:cubicBezTo>
                  <a:cubicBezTo>
                    <a:pt x="2557" y="4060"/>
                    <a:pt x="2432" y="4161"/>
                    <a:pt x="2381" y="4161"/>
                  </a:cubicBezTo>
                  <a:cubicBezTo>
                    <a:pt x="2331" y="4161"/>
                    <a:pt x="2256" y="4060"/>
                    <a:pt x="2206" y="4060"/>
                  </a:cubicBezTo>
                  <a:cubicBezTo>
                    <a:pt x="2189" y="4035"/>
                    <a:pt x="2173" y="4027"/>
                    <a:pt x="2155" y="4027"/>
                  </a:cubicBezTo>
                  <a:cubicBezTo>
                    <a:pt x="2120" y="4027"/>
                    <a:pt x="2081" y="4060"/>
                    <a:pt x="2031" y="4060"/>
                  </a:cubicBezTo>
                  <a:cubicBezTo>
                    <a:pt x="1980" y="4110"/>
                    <a:pt x="1980" y="4211"/>
                    <a:pt x="1930" y="4211"/>
                  </a:cubicBezTo>
                  <a:cubicBezTo>
                    <a:pt x="1930" y="4336"/>
                    <a:pt x="1880" y="4436"/>
                    <a:pt x="1805" y="4511"/>
                  </a:cubicBezTo>
                  <a:cubicBezTo>
                    <a:pt x="1755" y="4562"/>
                    <a:pt x="1655" y="4612"/>
                    <a:pt x="1579" y="4612"/>
                  </a:cubicBezTo>
                  <a:cubicBezTo>
                    <a:pt x="1569" y="4622"/>
                    <a:pt x="1557" y="4626"/>
                    <a:pt x="1544" y="4626"/>
                  </a:cubicBezTo>
                  <a:cubicBezTo>
                    <a:pt x="1490" y="4626"/>
                    <a:pt x="1414" y="4562"/>
                    <a:pt x="1354" y="4562"/>
                  </a:cubicBezTo>
                  <a:cubicBezTo>
                    <a:pt x="1304" y="4612"/>
                    <a:pt x="1128" y="4662"/>
                    <a:pt x="1078" y="4737"/>
                  </a:cubicBezTo>
                  <a:cubicBezTo>
                    <a:pt x="1028" y="4737"/>
                    <a:pt x="978" y="4887"/>
                    <a:pt x="903" y="4963"/>
                  </a:cubicBezTo>
                  <a:cubicBezTo>
                    <a:pt x="903" y="4963"/>
                    <a:pt x="803" y="5013"/>
                    <a:pt x="803" y="5063"/>
                  </a:cubicBezTo>
                  <a:cubicBezTo>
                    <a:pt x="752" y="5063"/>
                    <a:pt x="577" y="5113"/>
                    <a:pt x="527" y="5188"/>
                  </a:cubicBezTo>
                  <a:cubicBezTo>
                    <a:pt x="452" y="5188"/>
                    <a:pt x="301" y="5238"/>
                    <a:pt x="301" y="5288"/>
                  </a:cubicBezTo>
                  <a:cubicBezTo>
                    <a:pt x="301" y="5339"/>
                    <a:pt x="452" y="5339"/>
                    <a:pt x="452" y="5414"/>
                  </a:cubicBezTo>
                  <a:cubicBezTo>
                    <a:pt x="452" y="5414"/>
                    <a:pt x="402" y="5514"/>
                    <a:pt x="402" y="5564"/>
                  </a:cubicBezTo>
                  <a:cubicBezTo>
                    <a:pt x="452" y="5564"/>
                    <a:pt x="577" y="5564"/>
                    <a:pt x="577" y="5639"/>
                  </a:cubicBezTo>
                  <a:cubicBezTo>
                    <a:pt x="627" y="5689"/>
                    <a:pt x="577" y="5740"/>
                    <a:pt x="577" y="5790"/>
                  </a:cubicBezTo>
                  <a:cubicBezTo>
                    <a:pt x="577" y="5790"/>
                    <a:pt x="452" y="5790"/>
                    <a:pt x="452" y="5865"/>
                  </a:cubicBezTo>
                  <a:lnTo>
                    <a:pt x="452" y="6015"/>
                  </a:lnTo>
                  <a:cubicBezTo>
                    <a:pt x="402" y="6015"/>
                    <a:pt x="351" y="6090"/>
                    <a:pt x="351" y="6090"/>
                  </a:cubicBezTo>
                  <a:cubicBezTo>
                    <a:pt x="351" y="6141"/>
                    <a:pt x="452" y="6141"/>
                    <a:pt x="452" y="6191"/>
                  </a:cubicBezTo>
                  <a:cubicBezTo>
                    <a:pt x="527" y="6241"/>
                    <a:pt x="527" y="6316"/>
                    <a:pt x="452" y="6366"/>
                  </a:cubicBezTo>
                  <a:cubicBezTo>
                    <a:pt x="452" y="6366"/>
                    <a:pt x="402" y="6416"/>
                    <a:pt x="351" y="6416"/>
                  </a:cubicBezTo>
                  <a:cubicBezTo>
                    <a:pt x="301" y="6416"/>
                    <a:pt x="226" y="6542"/>
                    <a:pt x="226" y="6542"/>
                  </a:cubicBezTo>
                  <a:cubicBezTo>
                    <a:pt x="226" y="6592"/>
                    <a:pt x="226" y="6692"/>
                    <a:pt x="301" y="6767"/>
                  </a:cubicBezTo>
                  <a:cubicBezTo>
                    <a:pt x="301" y="6817"/>
                    <a:pt x="402" y="6867"/>
                    <a:pt x="402" y="6918"/>
                  </a:cubicBezTo>
                  <a:cubicBezTo>
                    <a:pt x="452" y="6993"/>
                    <a:pt x="402" y="7143"/>
                    <a:pt x="402" y="7218"/>
                  </a:cubicBezTo>
                  <a:lnTo>
                    <a:pt x="402" y="7594"/>
                  </a:lnTo>
                  <a:cubicBezTo>
                    <a:pt x="351" y="7594"/>
                    <a:pt x="226" y="7644"/>
                    <a:pt x="176" y="7720"/>
                  </a:cubicBezTo>
                  <a:cubicBezTo>
                    <a:pt x="176" y="7720"/>
                    <a:pt x="76" y="7770"/>
                    <a:pt x="0" y="7820"/>
                  </a:cubicBezTo>
                  <a:lnTo>
                    <a:pt x="0" y="7995"/>
                  </a:lnTo>
                  <a:cubicBezTo>
                    <a:pt x="76" y="8045"/>
                    <a:pt x="176" y="8095"/>
                    <a:pt x="176" y="8171"/>
                  </a:cubicBezTo>
                  <a:cubicBezTo>
                    <a:pt x="226" y="8221"/>
                    <a:pt x="301" y="8396"/>
                    <a:pt x="351" y="8496"/>
                  </a:cubicBezTo>
                  <a:cubicBezTo>
                    <a:pt x="402" y="8622"/>
                    <a:pt x="452" y="8772"/>
                    <a:pt x="452" y="8897"/>
                  </a:cubicBezTo>
                  <a:cubicBezTo>
                    <a:pt x="452" y="8948"/>
                    <a:pt x="452" y="9123"/>
                    <a:pt x="527" y="9173"/>
                  </a:cubicBezTo>
                  <a:cubicBezTo>
                    <a:pt x="527" y="9223"/>
                    <a:pt x="752" y="9349"/>
                    <a:pt x="803" y="9449"/>
                  </a:cubicBezTo>
                  <a:cubicBezTo>
                    <a:pt x="853" y="9449"/>
                    <a:pt x="903" y="9574"/>
                    <a:pt x="903" y="9574"/>
                  </a:cubicBezTo>
                  <a:cubicBezTo>
                    <a:pt x="945" y="9591"/>
                    <a:pt x="992" y="9596"/>
                    <a:pt x="1038" y="9596"/>
                  </a:cubicBezTo>
                  <a:cubicBezTo>
                    <a:pt x="1131" y="9596"/>
                    <a:pt x="1220" y="9574"/>
                    <a:pt x="1254" y="9574"/>
                  </a:cubicBezTo>
                  <a:cubicBezTo>
                    <a:pt x="1354" y="9574"/>
                    <a:pt x="1479" y="9674"/>
                    <a:pt x="1579" y="9750"/>
                  </a:cubicBezTo>
                  <a:cubicBezTo>
                    <a:pt x="1655" y="9750"/>
                    <a:pt x="1705" y="9800"/>
                    <a:pt x="1755" y="9850"/>
                  </a:cubicBezTo>
                  <a:cubicBezTo>
                    <a:pt x="1805" y="9975"/>
                    <a:pt x="1805" y="10126"/>
                    <a:pt x="1880" y="10251"/>
                  </a:cubicBezTo>
                  <a:cubicBezTo>
                    <a:pt x="1930" y="10351"/>
                    <a:pt x="2106" y="10577"/>
                    <a:pt x="2206" y="10702"/>
                  </a:cubicBezTo>
                  <a:cubicBezTo>
                    <a:pt x="2331" y="10752"/>
                    <a:pt x="2482" y="10752"/>
                    <a:pt x="2607" y="10752"/>
                  </a:cubicBezTo>
                  <a:cubicBezTo>
                    <a:pt x="2782" y="10752"/>
                    <a:pt x="3058" y="10577"/>
                    <a:pt x="3234" y="10527"/>
                  </a:cubicBezTo>
                  <a:lnTo>
                    <a:pt x="3610" y="10527"/>
                  </a:lnTo>
                  <a:cubicBezTo>
                    <a:pt x="3735" y="10527"/>
                    <a:pt x="3960" y="10476"/>
                    <a:pt x="4136" y="10476"/>
                  </a:cubicBezTo>
                  <a:lnTo>
                    <a:pt x="4913" y="10476"/>
                  </a:lnTo>
                  <a:cubicBezTo>
                    <a:pt x="5038" y="10476"/>
                    <a:pt x="5188" y="10577"/>
                    <a:pt x="5264" y="10652"/>
                  </a:cubicBezTo>
                  <a:cubicBezTo>
                    <a:pt x="5314" y="10702"/>
                    <a:pt x="5314" y="10802"/>
                    <a:pt x="5314" y="10877"/>
                  </a:cubicBezTo>
                  <a:cubicBezTo>
                    <a:pt x="5364" y="10928"/>
                    <a:pt x="5640" y="10928"/>
                    <a:pt x="5715" y="10978"/>
                  </a:cubicBezTo>
                  <a:cubicBezTo>
                    <a:pt x="5765" y="11028"/>
                    <a:pt x="5765" y="11203"/>
                    <a:pt x="5765" y="11253"/>
                  </a:cubicBezTo>
                  <a:cubicBezTo>
                    <a:pt x="5815" y="11329"/>
                    <a:pt x="5940" y="11379"/>
                    <a:pt x="5991" y="11429"/>
                  </a:cubicBezTo>
                  <a:cubicBezTo>
                    <a:pt x="6166" y="11429"/>
                    <a:pt x="6392" y="11203"/>
                    <a:pt x="6492" y="11203"/>
                  </a:cubicBezTo>
                  <a:cubicBezTo>
                    <a:pt x="6617" y="11203"/>
                    <a:pt x="6893" y="11253"/>
                    <a:pt x="6993" y="11253"/>
                  </a:cubicBezTo>
                  <a:cubicBezTo>
                    <a:pt x="7068" y="11329"/>
                    <a:pt x="7118" y="11379"/>
                    <a:pt x="7168" y="11379"/>
                  </a:cubicBezTo>
                  <a:cubicBezTo>
                    <a:pt x="7231" y="11404"/>
                    <a:pt x="7319" y="11404"/>
                    <a:pt x="7397" y="11404"/>
                  </a:cubicBezTo>
                  <a:cubicBezTo>
                    <a:pt x="7475" y="11404"/>
                    <a:pt x="7544" y="11404"/>
                    <a:pt x="7569" y="11429"/>
                  </a:cubicBezTo>
                  <a:cubicBezTo>
                    <a:pt x="7670" y="11479"/>
                    <a:pt x="7670" y="11654"/>
                    <a:pt x="7745" y="11705"/>
                  </a:cubicBezTo>
                  <a:cubicBezTo>
                    <a:pt x="7795" y="11780"/>
                    <a:pt x="7970" y="11880"/>
                    <a:pt x="8021" y="12005"/>
                  </a:cubicBezTo>
                  <a:cubicBezTo>
                    <a:pt x="8071" y="12055"/>
                    <a:pt x="8246" y="12106"/>
                    <a:pt x="8296" y="12231"/>
                  </a:cubicBezTo>
                  <a:cubicBezTo>
                    <a:pt x="8346" y="12281"/>
                    <a:pt x="8422" y="12456"/>
                    <a:pt x="8522" y="12507"/>
                  </a:cubicBezTo>
                  <a:cubicBezTo>
                    <a:pt x="8522" y="12532"/>
                    <a:pt x="8553" y="12532"/>
                    <a:pt x="8591" y="12532"/>
                  </a:cubicBezTo>
                  <a:cubicBezTo>
                    <a:pt x="8628" y="12532"/>
                    <a:pt x="8672" y="12532"/>
                    <a:pt x="8697" y="12557"/>
                  </a:cubicBezTo>
                  <a:cubicBezTo>
                    <a:pt x="8747" y="12607"/>
                    <a:pt x="8923" y="12782"/>
                    <a:pt x="8973" y="12832"/>
                  </a:cubicBezTo>
                  <a:cubicBezTo>
                    <a:pt x="9023" y="12908"/>
                    <a:pt x="9148" y="12958"/>
                    <a:pt x="9199" y="13008"/>
                  </a:cubicBezTo>
                  <a:cubicBezTo>
                    <a:pt x="9374" y="13058"/>
                    <a:pt x="9600" y="13183"/>
                    <a:pt x="9725" y="13283"/>
                  </a:cubicBezTo>
                  <a:cubicBezTo>
                    <a:pt x="9775" y="13283"/>
                    <a:pt x="9875" y="13409"/>
                    <a:pt x="9950" y="13459"/>
                  </a:cubicBezTo>
                  <a:lnTo>
                    <a:pt x="10226" y="13459"/>
                  </a:lnTo>
                  <a:cubicBezTo>
                    <a:pt x="10276" y="13509"/>
                    <a:pt x="10402" y="13584"/>
                    <a:pt x="10452" y="13634"/>
                  </a:cubicBezTo>
                  <a:lnTo>
                    <a:pt x="10727" y="13634"/>
                  </a:lnTo>
                  <a:cubicBezTo>
                    <a:pt x="10853" y="13684"/>
                    <a:pt x="10953" y="13735"/>
                    <a:pt x="11078" y="13735"/>
                  </a:cubicBezTo>
                  <a:cubicBezTo>
                    <a:pt x="11128" y="13735"/>
                    <a:pt x="11304" y="13735"/>
                    <a:pt x="11354" y="13810"/>
                  </a:cubicBezTo>
                  <a:cubicBezTo>
                    <a:pt x="11454" y="13860"/>
                    <a:pt x="11680" y="14085"/>
                    <a:pt x="11805" y="14186"/>
                  </a:cubicBezTo>
                  <a:cubicBezTo>
                    <a:pt x="11855" y="14186"/>
                    <a:pt x="11905" y="14361"/>
                    <a:pt x="11981" y="14361"/>
                  </a:cubicBezTo>
                  <a:cubicBezTo>
                    <a:pt x="11981" y="14386"/>
                    <a:pt x="11993" y="14386"/>
                    <a:pt x="12012" y="14386"/>
                  </a:cubicBezTo>
                  <a:cubicBezTo>
                    <a:pt x="12031" y="14386"/>
                    <a:pt x="12056" y="14386"/>
                    <a:pt x="12081" y="14411"/>
                  </a:cubicBezTo>
                  <a:cubicBezTo>
                    <a:pt x="12131" y="14411"/>
                    <a:pt x="12131" y="14587"/>
                    <a:pt x="12131" y="14637"/>
                  </a:cubicBezTo>
                  <a:cubicBezTo>
                    <a:pt x="12206" y="14712"/>
                    <a:pt x="12356" y="14862"/>
                    <a:pt x="12482" y="14862"/>
                  </a:cubicBezTo>
                  <a:cubicBezTo>
                    <a:pt x="12582" y="14938"/>
                    <a:pt x="12808" y="14938"/>
                    <a:pt x="12883" y="14988"/>
                  </a:cubicBezTo>
                  <a:cubicBezTo>
                    <a:pt x="12983" y="15038"/>
                    <a:pt x="13033" y="15213"/>
                    <a:pt x="13158" y="15263"/>
                  </a:cubicBezTo>
                  <a:lnTo>
                    <a:pt x="13384" y="15263"/>
                  </a:lnTo>
                  <a:cubicBezTo>
                    <a:pt x="13484" y="15263"/>
                    <a:pt x="13710" y="15263"/>
                    <a:pt x="13835" y="15314"/>
                  </a:cubicBezTo>
                  <a:cubicBezTo>
                    <a:pt x="13885" y="15389"/>
                    <a:pt x="13935" y="15489"/>
                    <a:pt x="14011" y="15489"/>
                  </a:cubicBezTo>
                  <a:cubicBezTo>
                    <a:pt x="14061" y="15539"/>
                    <a:pt x="14236" y="15539"/>
                    <a:pt x="14286" y="15614"/>
                  </a:cubicBezTo>
                  <a:cubicBezTo>
                    <a:pt x="14336" y="15664"/>
                    <a:pt x="14286" y="15840"/>
                    <a:pt x="14336" y="15890"/>
                  </a:cubicBezTo>
                  <a:cubicBezTo>
                    <a:pt x="14387" y="15940"/>
                    <a:pt x="14612" y="15990"/>
                    <a:pt x="14687" y="15990"/>
                  </a:cubicBezTo>
                  <a:cubicBezTo>
                    <a:pt x="14788" y="15940"/>
                    <a:pt x="14963" y="15840"/>
                    <a:pt x="15063" y="15840"/>
                  </a:cubicBezTo>
                  <a:cubicBezTo>
                    <a:pt x="15147" y="15840"/>
                    <a:pt x="15253" y="15862"/>
                    <a:pt x="15344" y="15862"/>
                  </a:cubicBezTo>
                  <a:cubicBezTo>
                    <a:pt x="15389" y="15862"/>
                    <a:pt x="15431" y="15857"/>
                    <a:pt x="15464" y="15840"/>
                  </a:cubicBezTo>
                  <a:cubicBezTo>
                    <a:pt x="15590" y="15840"/>
                    <a:pt x="15865" y="15715"/>
                    <a:pt x="15966" y="15715"/>
                  </a:cubicBezTo>
                  <a:cubicBezTo>
                    <a:pt x="16002" y="15700"/>
                    <a:pt x="16056" y="15694"/>
                    <a:pt x="16117" y="15694"/>
                  </a:cubicBezTo>
                  <a:cubicBezTo>
                    <a:pt x="16264" y="15694"/>
                    <a:pt x="16453" y="15729"/>
                    <a:pt x="16542" y="15765"/>
                  </a:cubicBezTo>
                  <a:cubicBezTo>
                    <a:pt x="16642" y="15765"/>
                    <a:pt x="16868" y="15890"/>
                    <a:pt x="17043" y="15890"/>
                  </a:cubicBezTo>
                  <a:cubicBezTo>
                    <a:pt x="17093" y="15890"/>
                    <a:pt x="17319" y="15840"/>
                    <a:pt x="17444" y="15840"/>
                  </a:cubicBezTo>
                  <a:cubicBezTo>
                    <a:pt x="17494" y="15840"/>
                    <a:pt x="17720" y="15940"/>
                    <a:pt x="17770" y="15940"/>
                  </a:cubicBezTo>
                  <a:cubicBezTo>
                    <a:pt x="17895" y="15990"/>
                    <a:pt x="18121" y="15990"/>
                    <a:pt x="18221" y="16065"/>
                  </a:cubicBezTo>
                  <a:cubicBezTo>
                    <a:pt x="18296" y="16116"/>
                    <a:pt x="18447" y="16216"/>
                    <a:pt x="18572" y="16291"/>
                  </a:cubicBezTo>
                  <a:cubicBezTo>
                    <a:pt x="18622" y="16341"/>
                    <a:pt x="18798" y="16391"/>
                    <a:pt x="18848" y="16391"/>
                  </a:cubicBezTo>
                  <a:cubicBezTo>
                    <a:pt x="18973" y="16517"/>
                    <a:pt x="19199" y="16742"/>
                    <a:pt x="19299" y="16792"/>
                  </a:cubicBezTo>
                  <a:cubicBezTo>
                    <a:pt x="19349" y="16892"/>
                    <a:pt x="19650" y="17018"/>
                    <a:pt x="19700" y="17118"/>
                  </a:cubicBezTo>
                  <a:cubicBezTo>
                    <a:pt x="19750" y="17193"/>
                    <a:pt x="19750" y="17344"/>
                    <a:pt x="19750" y="17419"/>
                  </a:cubicBezTo>
                  <a:cubicBezTo>
                    <a:pt x="19800" y="17519"/>
                    <a:pt x="19875" y="17644"/>
                    <a:pt x="19925" y="17745"/>
                  </a:cubicBezTo>
                  <a:cubicBezTo>
                    <a:pt x="19976" y="17795"/>
                    <a:pt x="20101" y="17870"/>
                    <a:pt x="20151" y="17920"/>
                  </a:cubicBezTo>
                  <a:cubicBezTo>
                    <a:pt x="20251" y="18020"/>
                    <a:pt x="20326" y="18321"/>
                    <a:pt x="20377" y="18471"/>
                  </a:cubicBezTo>
                  <a:cubicBezTo>
                    <a:pt x="20427" y="18547"/>
                    <a:pt x="20552" y="18647"/>
                    <a:pt x="20602" y="18772"/>
                  </a:cubicBezTo>
                  <a:cubicBezTo>
                    <a:pt x="20602" y="18822"/>
                    <a:pt x="20552" y="18923"/>
                    <a:pt x="20552" y="18998"/>
                  </a:cubicBezTo>
                  <a:cubicBezTo>
                    <a:pt x="20602" y="19048"/>
                    <a:pt x="20778" y="19098"/>
                    <a:pt x="20878" y="19148"/>
                  </a:cubicBezTo>
                  <a:cubicBezTo>
                    <a:pt x="20878" y="19148"/>
                    <a:pt x="20928" y="19273"/>
                    <a:pt x="21003" y="19273"/>
                  </a:cubicBezTo>
                  <a:cubicBezTo>
                    <a:pt x="21053" y="19324"/>
                    <a:pt x="21279" y="19324"/>
                    <a:pt x="21329" y="19324"/>
                  </a:cubicBezTo>
                  <a:cubicBezTo>
                    <a:pt x="21454" y="19324"/>
                    <a:pt x="21605" y="19374"/>
                    <a:pt x="21680" y="19449"/>
                  </a:cubicBezTo>
                  <a:cubicBezTo>
                    <a:pt x="21780" y="19449"/>
                    <a:pt x="22006" y="19449"/>
                    <a:pt x="22131" y="19499"/>
                  </a:cubicBezTo>
                  <a:cubicBezTo>
                    <a:pt x="22231" y="19499"/>
                    <a:pt x="22457" y="19549"/>
                    <a:pt x="22507" y="19599"/>
                  </a:cubicBezTo>
                  <a:cubicBezTo>
                    <a:pt x="22582" y="19674"/>
                    <a:pt x="22632" y="19900"/>
                    <a:pt x="22682" y="19950"/>
                  </a:cubicBezTo>
                  <a:cubicBezTo>
                    <a:pt x="22732" y="20000"/>
                    <a:pt x="22808" y="20050"/>
                    <a:pt x="22858" y="20050"/>
                  </a:cubicBezTo>
                  <a:cubicBezTo>
                    <a:pt x="22925" y="20050"/>
                    <a:pt x="23025" y="20028"/>
                    <a:pt x="23121" y="20028"/>
                  </a:cubicBezTo>
                  <a:cubicBezTo>
                    <a:pt x="23170" y="20028"/>
                    <a:pt x="23217" y="20034"/>
                    <a:pt x="23259" y="20050"/>
                  </a:cubicBezTo>
                  <a:cubicBezTo>
                    <a:pt x="23359" y="20050"/>
                    <a:pt x="23484" y="20126"/>
                    <a:pt x="23585" y="20176"/>
                  </a:cubicBezTo>
                  <a:cubicBezTo>
                    <a:pt x="23635" y="20176"/>
                    <a:pt x="23810" y="20226"/>
                    <a:pt x="23935" y="20226"/>
                  </a:cubicBezTo>
                  <a:cubicBezTo>
                    <a:pt x="23986" y="20226"/>
                    <a:pt x="24086" y="20050"/>
                    <a:pt x="24161" y="20050"/>
                  </a:cubicBezTo>
                  <a:cubicBezTo>
                    <a:pt x="24211" y="20000"/>
                    <a:pt x="24387" y="19950"/>
                    <a:pt x="24437" y="19950"/>
                  </a:cubicBezTo>
                  <a:cubicBezTo>
                    <a:pt x="24487" y="19900"/>
                    <a:pt x="24612" y="19825"/>
                    <a:pt x="24662" y="19825"/>
                  </a:cubicBezTo>
                  <a:cubicBezTo>
                    <a:pt x="24763" y="19825"/>
                    <a:pt x="24988" y="19825"/>
                    <a:pt x="25063" y="19900"/>
                  </a:cubicBezTo>
                  <a:cubicBezTo>
                    <a:pt x="25164" y="19900"/>
                    <a:pt x="25214" y="20050"/>
                    <a:pt x="25289" y="20126"/>
                  </a:cubicBezTo>
                  <a:cubicBezTo>
                    <a:pt x="25339" y="20176"/>
                    <a:pt x="25439" y="20276"/>
                    <a:pt x="25565" y="20276"/>
                  </a:cubicBezTo>
                  <a:cubicBezTo>
                    <a:pt x="25615" y="20276"/>
                    <a:pt x="25790" y="20126"/>
                    <a:pt x="25840" y="20126"/>
                  </a:cubicBezTo>
                  <a:cubicBezTo>
                    <a:pt x="25882" y="20101"/>
                    <a:pt x="25927" y="20092"/>
                    <a:pt x="25972" y="20092"/>
                  </a:cubicBezTo>
                  <a:cubicBezTo>
                    <a:pt x="26063" y="20092"/>
                    <a:pt x="26158" y="20126"/>
                    <a:pt x="26241" y="20126"/>
                  </a:cubicBezTo>
                  <a:cubicBezTo>
                    <a:pt x="26291" y="20176"/>
                    <a:pt x="26417" y="20401"/>
                    <a:pt x="26467" y="20451"/>
                  </a:cubicBezTo>
                  <a:cubicBezTo>
                    <a:pt x="26517" y="20502"/>
                    <a:pt x="26642" y="20627"/>
                    <a:pt x="26692" y="20627"/>
                  </a:cubicBezTo>
                  <a:cubicBezTo>
                    <a:pt x="26728" y="20662"/>
                    <a:pt x="26801" y="20698"/>
                    <a:pt x="26858" y="20698"/>
                  </a:cubicBezTo>
                  <a:cubicBezTo>
                    <a:pt x="26882" y="20698"/>
                    <a:pt x="26903" y="20692"/>
                    <a:pt x="26918" y="20677"/>
                  </a:cubicBezTo>
                  <a:cubicBezTo>
                    <a:pt x="27018" y="20677"/>
                    <a:pt x="26968" y="20502"/>
                    <a:pt x="27018" y="20451"/>
                  </a:cubicBezTo>
                  <a:cubicBezTo>
                    <a:pt x="27034" y="20441"/>
                    <a:pt x="27053" y="20437"/>
                    <a:pt x="27075" y="20437"/>
                  </a:cubicBezTo>
                  <a:cubicBezTo>
                    <a:pt x="27132" y="20437"/>
                    <a:pt x="27205" y="20466"/>
                    <a:pt x="27263" y="20466"/>
                  </a:cubicBezTo>
                  <a:cubicBezTo>
                    <a:pt x="27284" y="20466"/>
                    <a:pt x="27303" y="20462"/>
                    <a:pt x="27319" y="20451"/>
                  </a:cubicBezTo>
                  <a:cubicBezTo>
                    <a:pt x="27369" y="20401"/>
                    <a:pt x="27319" y="20176"/>
                    <a:pt x="27244" y="20126"/>
                  </a:cubicBezTo>
                  <a:cubicBezTo>
                    <a:pt x="27244" y="20000"/>
                    <a:pt x="27144" y="19900"/>
                    <a:pt x="27144" y="19825"/>
                  </a:cubicBezTo>
                  <a:lnTo>
                    <a:pt x="27144" y="19549"/>
                  </a:lnTo>
                  <a:cubicBezTo>
                    <a:pt x="27144" y="19499"/>
                    <a:pt x="27018" y="19374"/>
                    <a:pt x="27018" y="19324"/>
                  </a:cubicBezTo>
                  <a:cubicBezTo>
                    <a:pt x="26968" y="19223"/>
                    <a:pt x="26918" y="18923"/>
                    <a:pt x="26918" y="18772"/>
                  </a:cubicBezTo>
                  <a:cubicBezTo>
                    <a:pt x="26868" y="18647"/>
                    <a:pt x="26868" y="18471"/>
                    <a:pt x="26868" y="18371"/>
                  </a:cubicBezTo>
                  <a:cubicBezTo>
                    <a:pt x="26918" y="18246"/>
                    <a:pt x="27018" y="18096"/>
                    <a:pt x="27093" y="17970"/>
                  </a:cubicBezTo>
                  <a:cubicBezTo>
                    <a:pt x="27093" y="17920"/>
                    <a:pt x="27093" y="17695"/>
                    <a:pt x="27144" y="17569"/>
                  </a:cubicBezTo>
                  <a:cubicBezTo>
                    <a:pt x="27194" y="17519"/>
                    <a:pt x="27419" y="17344"/>
                    <a:pt x="27469" y="17294"/>
                  </a:cubicBezTo>
                  <a:cubicBezTo>
                    <a:pt x="27545" y="17243"/>
                    <a:pt x="27595" y="17068"/>
                    <a:pt x="27595" y="17018"/>
                  </a:cubicBezTo>
                  <a:cubicBezTo>
                    <a:pt x="27645" y="17018"/>
                    <a:pt x="27695" y="16968"/>
                    <a:pt x="27695" y="16892"/>
                  </a:cubicBezTo>
                  <a:cubicBezTo>
                    <a:pt x="27820" y="16842"/>
                    <a:pt x="27920" y="16742"/>
                    <a:pt x="28046" y="16742"/>
                  </a:cubicBezTo>
                  <a:cubicBezTo>
                    <a:pt x="28096" y="16667"/>
                    <a:pt x="28221" y="16667"/>
                    <a:pt x="28271" y="16667"/>
                  </a:cubicBezTo>
                  <a:cubicBezTo>
                    <a:pt x="28271" y="16617"/>
                    <a:pt x="28321" y="16517"/>
                    <a:pt x="28321" y="16391"/>
                  </a:cubicBezTo>
                  <a:lnTo>
                    <a:pt x="28321" y="16216"/>
                  </a:lnTo>
                  <a:cubicBezTo>
                    <a:pt x="28372" y="16166"/>
                    <a:pt x="28497" y="16166"/>
                    <a:pt x="28547" y="16166"/>
                  </a:cubicBezTo>
                  <a:cubicBezTo>
                    <a:pt x="28547" y="16116"/>
                    <a:pt x="28597" y="16065"/>
                    <a:pt x="28672" y="16065"/>
                  </a:cubicBezTo>
                  <a:cubicBezTo>
                    <a:pt x="28722" y="16065"/>
                    <a:pt x="28823" y="16166"/>
                    <a:pt x="28898" y="16166"/>
                  </a:cubicBezTo>
                  <a:cubicBezTo>
                    <a:pt x="28948" y="16166"/>
                    <a:pt x="28998" y="16065"/>
                    <a:pt x="28998" y="15990"/>
                  </a:cubicBezTo>
                  <a:cubicBezTo>
                    <a:pt x="28998" y="15940"/>
                    <a:pt x="28898" y="15890"/>
                    <a:pt x="28898" y="15890"/>
                  </a:cubicBezTo>
                  <a:cubicBezTo>
                    <a:pt x="28823" y="15840"/>
                    <a:pt x="28823" y="15715"/>
                    <a:pt x="28773" y="15715"/>
                  </a:cubicBezTo>
                  <a:cubicBezTo>
                    <a:pt x="28722" y="15715"/>
                    <a:pt x="28597" y="15840"/>
                    <a:pt x="28547" y="15840"/>
                  </a:cubicBezTo>
                  <a:cubicBezTo>
                    <a:pt x="28497" y="15840"/>
                    <a:pt x="28372" y="15765"/>
                    <a:pt x="28372" y="15715"/>
                  </a:cubicBezTo>
                  <a:cubicBezTo>
                    <a:pt x="28372" y="15664"/>
                    <a:pt x="28321" y="15539"/>
                    <a:pt x="28372" y="15539"/>
                  </a:cubicBezTo>
                  <a:lnTo>
                    <a:pt x="28497" y="15539"/>
                  </a:lnTo>
                  <a:cubicBezTo>
                    <a:pt x="28547" y="15614"/>
                    <a:pt x="28597" y="15664"/>
                    <a:pt x="28672" y="15664"/>
                  </a:cubicBezTo>
                  <a:cubicBezTo>
                    <a:pt x="28722" y="15614"/>
                    <a:pt x="28773" y="15539"/>
                    <a:pt x="28773" y="15489"/>
                  </a:cubicBezTo>
                  <a:cubicBezTo>
                    <a:pt x="28773" y="15389"/>
                    <a:pt x="28672" y="15263"/>
                    <a:pt x="28672" y="15213"/>
                  </a:cubicBezTo>
                  <a:cubicBezTo>
                    <a:pt x="28597" y="15163"/>
                    <a:pt x="28597" y="15088"/>
                    <a:pt x="28597" y="15038"/>
                  </a:cubicBezTo>
                  <a:cubicBezTo>
                    <a:pt x="28547" y="14988"/>
                    <a:pt x="28447" y="14862"/>
                    <a:pt x="28372" y="14862"/>
                  </a:cubicBezTo>
                  <a:cubicBezTo>
                    <a:pt x="28372" y="14862"/>
                    <a:pt x="28271" y="14988"/>
                    <a:pt x="28221" y="14988"/>
                  </a:cubicBezTo>
                  <a:cubicBezTo>
                    <a:pt x="28096" y="14938"/>
                    <a:pt x="27870" y="14862"/>
                    <a:pt x="27820" y="14762"/>
                  </a:cubicBezTo>
                  <a:cubicBezTo>
                    <a:pt x="27820" y="14762"/>
                    <a:pt x="27770" y="14637"/>
                    <a:pt x="27770" y="14587"/>
                  </a:cubicBezTo>
                  <a:cubicBezTo>
                    <a:pt x="27820" y="14587"/>
                    <a:pt x="27870" y="14537"/>
                    <a:pt x="27870" y="14486"/>
                  </a:cubicBezTo>
                  <a:cubicBezTo>
                    <a:pt x="27870" y="14486"/>
                    <a:pt x="27870" y="14361"/>
                    <a:pt x="27820" y="14361"/>
                  </a:cubicBezTo>
                  <a:cubicBezTo>
                    <a:pt x="27820" y="14351"/>
                    <a:pt x="27815" y="14347"/>
                    <a:pt x="27805" y="14347"/>
                  </a:cubicBezTo>
                  <a:cubicBezTo>
                    <a:pt x="27780" y="14347"/>
                    <a:pt x="27727" y="14376"/>
                    <a:pt x="27685" y="14376"/>
                  </a:cubicBezTo>
                  <a:cubicBezTo>
                    <a:pt x="27669" y="14376"/>
                    <a:pt x="27655" y="14372"/>
                    <a:pt x="27645" y="14361"/>
                  </a:cubicBezTo>
                  <a:cubicBezTo>
                    <a:pt x="27595" y="14361"/>
                    <a:pt x="27545" y="14311"/>
                    <a:pt x="27545" y="14261"/>
                  </a:cubicBezTo>
                  <a:cubicBezTo>
                    <a:pt x="27469" y="14186"/>
                    <a:pt x="27369" y="14085"/>
                    <a:pt x="27369" y="13960"/>
                  </a:cubicBezTo>
                  <a:cubicBezTo>
                    <a:pt x="27369" y="13910"/>
                    <a:pt x="27319" y="13684"/>
                    <a:pt x="27369" y="13584"/>
                  </a:cubicBezTo>
                  <a:cubicBezTo>
                    <a:pt x="27369" y="13584"/>
                    <a:pt x="27469" y="13459"/>
                    <a:pt x="27545" y="13459"/>
                  </a:cubicBezTo>
                  <a:cubicBezTo>
                    <a:pt x="27595" y="13509"/>
                    <a:pt x="27469" y="13634"/>
                    <a:pt x="27545" y="13684"/>
                  </a:cubicBezTo>
                  <a:cubicBezTo>
                    <a:pt x="27545" y="13684"/>
                    <a:pt x="27645" y="13735"/>
                    <a:pt x="27695" y="13735"/>
                  </a:cubicBezTo>
                  <a:cubicBezTo>
                    <a:pt x="27820" y="13735"/>
                    <a:pt x="27920" y="13634"/>
                    <a:pt x="27996" y="13584"/>
                  </a:cubicBezTo>
                  <a:cubicBezTo>
                    <a:pt x="27996" y="13509"/>
                    <a:pt x="28096" y="13409"/>
                    <a:pt x="28046" y="13283"/>
                  </a:cubicBezTo>
                  <a:cubicBezTo>
                    <a:pt x="28046" y="13233"/>
                    <a:pt x="27870" y="13133"/>
                    <a:pt x="27770" y="13008"/>
                  </a:cubicBezTo>
                  <a:cubicBezTo>
                    <a:pt x="27770" y="12958"/>
                    <a:pt x="27645" y="12832"/>
                    <a:pt x="27595" y="12782"/>
                  </a:cubicBezTo>
                  <a:cubicBezTo>
                    <a:pt x="27595" y="12782"/>
                    <a:pt x="27469" y="12682"/>
                    <a:pt x="27419" y="12682"/>
                  </a:cubicBezTo>
                  <a:cubicBezTo>
                    <a:pt x="27369" y="12732"/>
                    <a:pt x="27419" y="12832"/>
                    <a:pt x="27369" y="12832"/>
                  </a:cubicBezTo>
                  <a:cubicBezTo>
                    <a:pt x="27369" y="12857"/>
                    <a:pt x="27355" y="12866"/>
                    <a:pt x="27335" y="12866"/>
                  </a:cubicBezTo>
                  <a:cubicBezTo>
                    <a:pt x="27294" y="12866"/>
                    <a:pt x="27227" y="12832"/>
                    <a:pt x="27194" y="12832"/>
                  </a:cubicBezTo>
                  <a:cubicBezTo>
                    <a:pt x="27093" y="12782"/>
                    <a:pt x="26868" y="12682"/>
                    <a:pt x="26793" y="12607"/>
                  </a:cubicBezTo>
                  <a:cubicBezTo>
                    <a:pt x="26692" y="12607"/>
                    <a:pt x="26517" y="12557"/>
                    <a:pt x="26467" y="12507"/>
                  </a:cubicBezTo>
                  <a:cubicBezTo>
                    <a:pt x="26417" y="12456"/>
                    <a:pt x="26417" y="12331"/>
                    <a:pt x="26417" y="12281"/>
                  </a:cubicBezTo>
                  <a:cubicBezTo>
                    <a:pt x="26417" y="12156"/>
                    <a:pt x="26341" y="12005"/>
                    <a:pt x="26341" y="11880"/>
                  </a:cubicBezTo>
                  <a:cubicBezTo>
                    <a:pt x="26291" y="11780"/>
                    <a:pt x="26341" y="11604"/>
                    <a:pt x="26341" y="11479"/>
                  </a:cubicBezTo>
                  <a:lnTo>
                    <a:pt x="26341" y="11329"/>
                  </a:lnTo>
                  <a:cubicBezTo>
                    <a:pt x="26417" y="11253"/>
                    <a:pt x="26517" y="11203"/>
                    <a:pt x="26567" y="11153"/>
                  </a:cubicBezTo>
                  <a:cubicBezTo>
                    <a:pt x="26567" y="11153"/>
                    <a:pt x="26642" y="10978"/>
                    <a:pt x="26567" y="10928"/>
                  </a:cubicBezTo>
                  <a:cubicBezTo>
                    <a:pt x="26567" y="10877"/>
                    <a:pt x="26467" y="10877"/>
                    <a:pt x="26417" y="10802"/>
                  </a:cubicBezTo>
                  <a:cubicBezTo>
                    <a:pt x="26341" y="10752"/>
                    <a:pt x="26291" y="10652"/>
                    <a:pt x="26241" y="10577"/>
                  </a:cubicBezTo>
                  <a:cubicBezTo>
                    <a:pt x="26241" y="10527"/>
                    <a:pt x="26191" y="10476"/>
                    <a:pt x="26191" y="10426"/>
                  </a:cubicBezTo>
                  <a:cubicBezTo>
                    <a:pt x="26191" y="10351"/>
                    <a:pt x="26241" y="10351"/>
                    <a:pt x="26291" y="10301"/>
                  </a:cubicBezTo>
                  <a:cubicBezTo>
                    <a:pt x="26291" y="10251"/>
                    <a:pt x="26241" y="10075"/>
                    <a:pt x="26241" y="9975"/>
                  </a:cubicBezTo>
                  <a:cubicBezTo>
                    <a:pt x="26291" y="9900"/>
                    <a:pt x="26417" y="9900"/>
                    <a:pt x="26467" y="9850"/>
                  </a:cubicBezTo>
                  <a:cubicBezTo>
                    <a:pt x="26517" y="9800"/>
                    <a:pt x="26567" y="9674"/>
                    <a:pt x="26567" y="9624"/>
                  </a:cubicBezTo>
                  <a:cubicBezTo>
                    <a:pt x="26642" y="9574"/>
                    <a:pt x="26692" y="9449"/>
                    <a:pt x="26743" y="9399"/>
                  </a:cubicBezTo>
                  <a:cubicBezTo>
                    <a:pt x="26793" y="9349"/>
                    <a:pt x="26968" y="9298"/>
                    <a:pt x="26968" y="9223"/>
                  </a:cubicBezTo>
                  <a:cubicBezTo>
                    <a:pt x="27018" y="9073"/>
                    <a:pt x="27018" y="8722"/>
                    <a:pt x="27018" y="8622"/>
                  </a:cubicBezTo>
                  <a:cubicBezTo>
                    <a:pt x="27018" y="8446"/>
                    <a:pt x="26968" y="8171"/>
                    <a:pt x="27018" y="7995"/>
                  </a:cubicBezTo>
                  <a:cubicBezTo>
                    <a:pt x="27018" y="7945"/>
                    <a:pt x="27093" y="7820"/>
                    <a:pt x="27144" y="7720"/>
                  </a:cubicBezTo>
                  <a:lnTo>
                    <a:pt x="27144" y="7369"/>
                  </a:lnTo>
                  <a:cubicBezTo>
                    <a:pt x="27093" y="7319"/>
                    <a:pt x="27018" y="7143"/>
                    <a:pt x="27018" y="7093"/>
                  </a:cubicBezTo>
                  <a:cubicBezTo>
                    <a:pt x="27093" y="6993"/>
                    <a:pt x="27194" y="6817"/>
                    <a:pt x="27244" y="6692"/>
                  </a:cubicBezTo>
                  <a:cubicBezTo>
                    <a:pt x="27244" y="6592"/>
                    <a:pt x="27419" y="6416"/>
                    <a:pt x="27469" y="6316"/>
                  </a:cubicBezTo>
                  <a:cubicBezTo>
                    <a:pt x="27545" y="6241"/>
                    <a:pt x="27595" y="6090"/>
                    <a:pt x="27645" y="6015"/>
                  </a:cubicBezTo>
                  <a:cubicBezTo>
                    <a:pt x="27695" y="5965"/>
                    <a:pt x="27820" y="5915"/>
                    <a:pt x="27870" y="5865"/>
                  </a:cubicBezTo>
                  <a:cubicBezTo>
                    <a:pt x="27920" y="5790"/>
                    <a:pt x="27870" y="5639"/>
                    <a:pt x="27920" y="5564"/>
                  </a:cubicBezTo>
                  <a:cubicBezTo>
                    <a:pt x="27920" y="5514"/>
                    <a:pt x="28046" y="5339"/>
                    <a:pt x="28096" y="5288"/>
                  </a:cubicBezTo>
                  <a:cubicBezTo>
                    <a:pt x="28146" y="5188"/>
                    <a:pt x="28221" y="4963"/>
                    <a:pt x="28271" y="4837"/>
                  </a:cubicBezTo>
                  <a:cubicBezTo>
                    <a:pt x="28321" y="4737"/>
                    <a:pt x="28447" y="4562"/>
                    <a:pt x="28497" y="4511"/>
                  </a:cubicBezTo>
                  <a:cubicBezTo>
                    <a:pt x="28597" y="4386"/>
                    <a:pt x="28773" y="4161"/>
                    <a:pt x="28898" y="4060"/>
                  </a:cubicBezTo>
                  <a:cubicBezTo>
                    <a:pt x="28898" y="4060"/>
                    <a:pt x="28898" y="3935"/>
                    <a:pt x="28948" y="3885"/>
                  </a:cubicBezTo>
                  <a:cubicBezTo>
                    <a:pt x="28998" y="3760"/>
                    <a:pt x="29174" y="3609"/>
                    <a:pt x="29224" y="3484"/>
                  </a:cubicBezTo>
                  <a:cubicBezTo>
                    <a:pt x="29349" y="3384"/>
                    <a:pt x="29399" y="3083"/>
                    <a:pt x="29449" y="2983"/>
                  </a:cubicBezTo>
                  <a:cubicBezTo>
                    <a:pt x="29499" y="2933"/>
                    <a:pt x="29625" y="2857"/>
                    <a:pt x="29625" y="2807"/>
                  </a:cubicBezTo>
                  <a:cubicBezTo>
                    <a:pt x="29725" y="2707"/>
                    <a:pt x="29725" y="2356"/>
                    <a:pt x="29800" y="2256"/>
                  </a:cubicBezTo>
                  <a:cubicBezTo>
                    <a:pt x="29800" y="2131"/>
                    <a:pt x="29800" y="1955"/>
                    <a:pt x="29850" y="1905"/>
                  </a:cubicBezTo>
                  <a:cubicBezTo>
                    <a:pt x="29900" y="1805"/>
                    <a:pt x="30076" y="1679"/>
                    <a:pt x="30076" y="1629"/>
                  </a:cubicBezTo>
                  <a:cubicBezTo>
                    <a:pt x="30076" y="1504"/>
                    <a:pt x="29951" y="1404"/>
                    <a:pt x="29951" y="1278"/>
                  </a:cubicBezTo>
                  <a:cubicBezTo>
                    <a:pt x="29951" y="1228"/>
                    <a:pt x="30076" y="1003"/>
                    <a:pt x="30126" y="953"/>
                  </a:cubicBezTo>
                  <a:cubicBezTo>
                    <a:pt x="30176" y="827"/>
                    <a:pt x="30352" y="727"/>
                    <a:pt x="30477" y="677"/>
                  </a:cubicBezTo>
                  <a:cubicBezTo>
                    <a:pt x="30527" y="602"/>
                    <a:pt x="30753" y="501"/>
                    <a:pt x="30803" y="451"/>
                  </a:cubicBezTo>
                  <a:cubicBezTo>
                    <a:pt x="30803" y="376"/>
                    <a:pt x="30803" y="326"/>
                    <a:pt x="30753" y="276"/>
                  </a:cubicBezTo>
                  <a:cubicBezTo>
                    <a:pt x="30702" y="151"/>
                    <a:pt x="30352" y="226"/>
                    <a:pt x="30251" y="151"/>
                  </a:cubicBezTo>
                  <a:cubicBezTo>
                    <a:pt x="30126" y="151"/>
                    <a:pt x="30026" y="151"/>
                    <a:pt x="29951" y="100"/>
                  </a:cubicBezTo>
                  <a:cubicBezTo>
                    <a:pt x="29900" y="100"/>
                    <a:pt x="29850" y="0"/>
                    <a:pt x="29800" y="0"/>
                  </a:cubicBezTo>
                  <a:close/>
                </a:path>
              </a:pathLst>
            </a:custGeom>
            <a:solidFill>
              <a:schemeClr val="bg1"/>
            </a:solidFill>
            <a:ln>
              <a:noFill/>
            </a:ln>
          </p:spPr>
          <p:txBody>
            <a:bodyPr spcFirstLastPara="1" wrap="square" lIns="121900" tIns="121900" rIns="121900" bIns="121900" anchor="ctr" anchorCtr="0">
              <a:noAutofit/>
            </a:bodyPr>
            <a:lstStyle/>
            <a:p>
              <a:endParaRPr sz="2400"/>
            </a:p>
          </p:txBody>
        </p:sp>
        <p:sp>
          <p:nvSpPr>
            <p:cNvPr id="77" name="Google Shape;134;p16">
              <a:extLst>
                <a:ext uri="{FF2B5EF4-FFF2-40B4-BE49-F238E27FC236}">
                  <a16:creationId xmlns:a16="http://schemas.microsoft.com/office/drawing/2014/main" id="{5A7F916E-23A9-83A4-CB4B-ADAD9B64DF21}"/>
                </a:ext>
              </a:extLst>
            </p:cNvPr>
            <p:cNvSpPr/>
            <p:nvPr/>
          </p:nvSpPr>
          <p:spPr>
            <a:xfrm>
              <a:off x="2747695" y="4008689"/>
              <a:ext cx="859712" cy="578518"/>
            </a:xfrm>
            <a:custGeom>
              <a:avLst/>
              <a:gdLst/>
              <a:ahLst/>
              <a:cxnLst/>
              <a:rect l="l" t="t" r="r" b="b"/>
              <a:pathLst>
                <a:path w="30803" h="20728" fill="none" extrusionOk="0">
                  <a:moveTo>
                    <a:pt x="27695" y="16892"/>
                  </a:moveTo>
                  <a:cubicBezTo>
                    <a:pt x="27820" y="16842"/>
                    <a:pt x="27920" y="16742"/>
                    <a:pt x="28046" y="16742"/>
                  </a:cubicBezTo>
                  <a:cubicBezTo>
                    <a:pt x="28096" y="16667"/>
                    <a:pt x="28221" y="16667"/>
                    <a:pt x="28271" y="16667"/>
                  </a:cubicBezTo>
                  <a:cubicBezTo>
                    <a:pt x="28271" y="16617"/>
                    <a:pt x="28321" y="16517"/>
                    <a:pt x="28321" y="16391"/>
                  </a:cubicBezTo>
                  <a:lnTo>
                    <a:pt x="28321" y="16216"/>
                  </a:lnTo>
                  <a:cubicBezTo>
                    <a:pt x="28372" y="16166"/>
                    <a:pt x="28497" y="16166"/>
                    <a:pt x="28547" y="16166"/>
                  </a:cubicBezTo>
                  <a:cubicBezTo>
                    <a:pt x="28547" y="16116"/>
                    <a:pt x="28597" y="16065"/>
                    <a:pt x="28672" y="16065"/>
                  </a:cubicBezTo>
                  <a:cubicBezTo>
                    <a:pt x="28722" y="16065"/>
                    <a:pt x="28823" y="16166"/>
                    <a:pt x="28898" y="16166"/>
                  </a:cubicBezTo>
                  <a:cubicBezTo>
                    <a:pt x="28948" y="16166"/>
                    <a:pt x="28998" y="16065"/>
                    <a:pt x="28998" y="15990"/>
                  </a:cubicBezTo>
                  <a:cubicBezTo>
                    <a:pt x="28998" y="15940"/>
                    <a:pt x="28898" y="15890"/>
                    <a:pt x="28898" y="15890"/>
                  </a:cubicBezTo>
                  <a:cubicBezTo>
                    <a:pt x="28823" y="15840"/>
                    <a:pt x="28823" y="15715"/>
                    <a:pt x="28773" y="15715"/>
                  </a:cubicBezTo>
                  <a:cubicBezTo>
                    <a:pt x="28722" y="15715"/>
                    <a:pt x="28597" y="15840"/>
                    <a:pt x="28547" y="15840"/>
                  </a:cubicBezTo>
                  <a:cubicBezTo>
                    <a:pt x="28497" y="15840"/>
                    <a:pt x="28372" y="15765"/>
                    <a:pt x="28372" y="15715"/>
                  </a:cubicBezTo>
                  <a:cubicBezTo>
                    <a:pt x="28372" y="15664"/>
                    <a:pt x="28321" y="15539"/>
                    <a:pt x="28372" y="15539"/>
                  </a:cubicBezTo>
                  <a:lnTo>
                    <a:pt x="28497" y="15539"/>
                  </a:lnTo>
                  <a:cubicBezTo>
                    <a:pt x="28547" y="15614"/>
                    <a:pt x="28597" y="15664"/>
                    <a:pt x="28672" y="15664"/>
                  </a:cubicBezTo>
                  <a:cubicBezTo>
                    <a:pt x="28722" y="15614"/>
                    <a:pt x="28773" y="15539"/>
                    <a:pt x="28773" y="15489"/>
                  </a:cubicBezTo>
                  <a:cubicBezTo>
                    <a:pt x="28773" y="15389"/>
                    <a:pt x="28672" y="15263"/>
                    <a:pt x="28672" y="15213"/>
                  </a:cubicBezTo>
                  <a:cubicBezTo>
                    <a:pt x="28597" y="15163"/>
                    <a:pt x="28597" y="15088"/>
                    <a:pt x="28597" y="15038"/>
                  </a:cubicBezTo>
                  <a:cubicBezTo>
                    <a:pt x="28547" y="14988"/>
                    <a:pt x="28447" y="14862"/>
                    <a:pt x="28372" y="14862"/>
                  </a:cubicBezTo>
                  <a:cubicBezTo>
                    <a:pt x="28372" y="14862"/>
                    <a:pt x="28271" y="14988"/>
                    <a:pt x="28221" y="14988"/>
                  </a:cubicBezTo>
                  <a:cubicBezTo>
                    <a:pt x="28096" y="14938"/>
                    <a:pt x="27870" y="14862"/>
                    <a:pt x="27820" y="14762"/>
                  </a:cubicBezTo>
                  <a:cubicBezTo>
                    <a:pt x="27820" y="14762"/>
                    <a:pt x="27770" y="14637"/>
                    <a:pt x="27770" y="14587"/>
                  </a:cubicBezTo>
                  <a:cubicBezTo>
                    <a:pt x="27820" y="14587"/>
                    <a:pt x="27870" y="14537"/>
                    <a:pt x="27870" y="14486"/>
                  </a:cubicBezTo>
                  <a:cubicBezTo>
                    <a:pt x="27870" y="14486"/>
                    <a:pt x="27870" y="14361"/>
                    <a:pt x="27820" y="14361"/>
                  </a:cubicBezTo>
                  <a:cubicBezTo>
                    <a:pt x="27820" y="14311"/>
                    <a:pt x="27695" y="14411"/>
                    <a:pt x="27645" y="14361"/>
                  </a:cubicBezTo>
                  <a:cubicBezTo>
                    <a:pt x="27595" y="14361"/>
                    <a:pt x="27545" y="14311"/>
                    <a:pt x="27545" y="14261"/>
                  </a:cubicBezTo>
                  <a:cubicBezTo>
                    <a:pt x="27469" y="14186"/>
                    <a:pt x="27369" y="14085"/>
                    <a:pt x="27369" y="13960"/>
                  </a:cubicBezTo>
                  <a:cubicBezTo>
                    <a:pt x="27369" y="13910"/>
                    <a:pt x="27319" y="13684"/>
                    <a:pt x="27369" y="13584"/>
                  </a:cubicBezTo>
                  <a:cubicBezTo>
                    <a:pt x="27369" y="13584"/>
                    <a:pt x="27469" y="13459"/>
                    <a:pt x="27545" y="13459"/>
                  </a:cubicBezTo>
                  <a:cubicBezTo>
                    <a:pt x="27595" y="13509"/>
                    <a:pt x="27469" y="13634"/>
                    <a:pt x="27545" y="13684"/>
                  </a:cubicBezTo>
                  <a:cubicBezTo>
                    <a:pt x="27545" y="13684"/>
                    <a:pt x="27645" y="13735"/>
                    <a:pt x="27695" y="13735"/>
                  </a:cubicBezTo>
                  <a:cubicBezTo>
                    <a:pt x="27820" y="13735"/>
                    <a:pt x="27920" y="13634"/>
                    <a:pt x="27996" y="13584"/>
                  </a:cubicBezTo>
                  <a:cubicBezTo>
                    <a:pt x="27996" y="13509"/>
                    <a:pt x="28096" y="13409"/>
                    <a:pt x="28046" y="13283"/>
                  </a:cubicBezTo>
                  <a:cubicBezTo>
                    <a:pt x="28046" y="13233"/>
                    <a:pt x="27870" y="13133"/>
                    <a:pt x="27770" y="13008"/>
                  </a:cubicBezTo>
                  <a:cubicBezTo>
                    <a:pt x="27770" y="12958"/>
                    <a:pt x="27645" y="12832"/>
                    <a:pt x="27595" y="12782"/>
                  </a:cubicBezTo>
                  <a:cubicBezTo>
                    <a:pt x="27595" y="12782"/>
                    <a:pt x="27469" y="12682"/>
                    <a:pt x="27419" y="12682"/>
                  </a:cubicBezTo>
                  <a:cubicBezTo>
                    <a:pt x="27369" y="12732"/>
                    <a:pt x="27419" y="12832"/>
                    <a:pt x="27369" y="12832"/>
                  </a:cubicBezTo>
                  <a:cubicBezTo>
                    <a:pt x="27369" y="12908"/>
                    <a:pt x="27244" y="12832"/>
                    <a:pt x="27194" y="12832"/>
                  </a:cubicBezTo>
                  <a:cubicBezTo>
                    <a:pt x="27093" y="12782"/>
                    <a:pt x="26868" y="12682"/>
                    <a:pt x="26793" y="12607"/>
                  </a:cubicBezTo>
                  <a:cubicBezTo>
                    <a:pt x="26692" y="12607"/>
                    <a:pt x="26517" y="12557"/>
                    <a:pt x="26467" y="12507"/>
                  </a:cubicBezTo>
                  <a:cubicBezTo>
                    <a:pt x="26417" y="12456"/>
                    <a:pt x="26417" y="12331"/>
                    <a:pt x="26417" y="12281"/>
                  </a:cubicBezTo>
                  <a:cubicBezTo>
                    <a:pt x="26417" y="12156"/>
                    <a:pt x="26341" y="12005"/>
                    <a:pt x="26341" y="11880"/>
                  </a:cubicBezTo>
                  <a:cubicBezTo>
                    <a:pt x="26291" y="11780"/>
                    <a:pt x="26341" y="11604"/>
                    <a:pt x="26341" y="11479"/>
                  </a:cubicBezTo>
                  <a:lnTo>
                    <a:pt x="26341" y="11329"/>
                  </a:lnTo>
                  <a:cubicBezTo>
                    <a:pt x="26417" y="11253"/>
                    <a:pt x="26517" y="11203"/>
                    <a:pt x="26567" y="11153"/>
                  </a:cubicBezTo>
                  <a:cubicBezTo>
                    <a:pt x="26567" y="11153"/>
                    <a:pt x="26642" y="10978"/>
                    <a:pt x="26567" y="10928"/>
                  </a:cubicBezTo>
                  <a:cubicBezTo>
                    <a:pt x="26567" y="10877"/>
                    <a:pt x="26467" y="10877"/>
                    <a:pt x="26417" y="10802"/>
                  </a:cubicBezTo>
                  <a:cubicBezTo>
                    <a:pt x="26341" y="10752"/>
                    <a:pt x="26291" y="10652"/>
                    <a:pt x="26241" y="10577"/>
                  </a:cubicBezTo>
                  <a:cubicBezTo>
                    <a:pt x="26241" y="10527"/>
                    <a:pt x="26191" y="10476"/>
                    <a:pt x="26191" y="10426"/>
                  </a:cubicBezTo>
                  <a:cubicBezTo>
                    <a:pt x="26191" y="10351"/>
                    <a:pt x="26241" y="10351"/>
                    <a:pt x="26291" y="10301"/>
                  </a:cubicBezTo>
                  <a:cubicBezTo>
                    <a:pt x="26291" y="10251"/>
                    <a:pt x="26241" y="10075"/>
                    <a:pt x="26241" y="9975"/>
                  </a:cubicBezTo>
                  <a:cubicBezTo>
                    <a:pt x="26291" y="9900"/>
                    <a:pt x="26417" y="9900"/>
                    <a:pt x="26467" y="9850"/>
                  </a:cubicBezTo>
                  <a:cubicBezTo>
                    <a:pt x="26517" y="9800"/>
                    <a:pt x="26567" y="9674"/>
                    <a:pt x="26567" y="9624"/>
                  </a:cubicBezTo>
                  <a:cubicBezTo>
                    <a:pt x="26642" y="9574"/>
                    <a:pt x="26692" y="9449"/>
                    <a:pt x="26743" y="9399"/>
                  </a:cubicBezTo>
                  <a:cubicBezTo>
                    <a:pt x="26793" y="9349"/>
                    <a:pt x="26968" y="9298"/>
                    <a:pt x="26968" y="9223"/>
                  </a:cubicBezTo>
                  <a:cubicBezTo>
                    <a:pt x="27018" y="9073"/>
                    <a:pt x="27018" y="8722"/>
                    <a:pt x="27018" y="8622"/>
                  </a:cubicBezTo>
                  <a:cubicBezTo>
                    <a:pt x="27018" y="8446"/>
                    <a:pt x="26968" y="8171"/>
                    <a:pt x="27018" y="7995"/>
                  </a:cubicBezTo>
                  <a:cubicBezTo>
                    <a:pt x="27018" y="7945"/>
                    <a:pt x="27093" y="7820"/>
                    <a:pt x="27144" y="7720"/>
                  </a:cubicBezTo>
                  <a:lnTo>
                    <a:pt x="27144" y="7369"/>
                  </a:lnTo>
                  <a:cubicBezTo>
                    <a:pt x="27093" y="7319"/>
                    <a:pt x="27018" y="7143"/>
                    <a:pt x="27018" y="7093"/>
                  </a:cubicBezTo>
                  <a:cubicBezTo>
                    <a:pt x="27093" y="6993"/>
                    <a:pt x="27194" y="6817"/>
                    <a:pt x="27244" y="6692"/>
                  </a:cubicBezTo>
                  <a:cubicBezTo>
                    <a:pt x="27244" y="6592"/>
                    <a:pt x="27419" y="6416"/>
                    <a:pt x="27469" y="6316"/>
                  </a:cubicBezTo>
                  <a:cubicBezTo>
                    <a:pt x="27545" y="6241"/>
                    <a:pt x="27595" y="6090"/>
                    <a:pt x="27645" y="6015"/>
                  </a:cubicBezTo>
                  <a:cubicBezTo>
                    <a:pt x="27695" y="5965"/>
                    <a:pt x="27820" y="5915"/>
                    <a:pt x="27870" y="5865"/>
                  </a:cubicBezTo>
                  <a:cubicBezTo>
                    <a:pt x="27920" y="5790"/>
                    <a:pt x="27870" y="5639"/>
                    <a:pt x="27920" y="5564"/>
                  </a:cubicBezTo>
                  <a:cubicBezTo>
                    <a:pt x="27920" y="5514"/>
                    <a:pt x="28046" y="5339"/>
                    <a:pt x="28096" y="5288"/>
                  </a:cubicBezTo>
                  <a:cubicBezTo>
                    <a:pt x="28146" y="5188"/>
                    <a:pt x="28221" y="4963"/>
                    <a:pt x="28271" y="4837"/>
                  </a:cubicBezTo>
                  <a:cubicBezTo>
                    <a:pt x="28321" y="4737"/>
                    <a:pt x="28447" y="4562"/>
                    <a:pt x="28497" y="4511"/>
                  </a:cubicBezTo>
                  <a:cubicBezTo>
                    <a:pt x="28597" y="4386"/>
                    <a:pt x="28773" y="4161"/>
                    <a:pt x="28898" y="4060"/>
                  </a:cubicBezTo>
                  <a:cubicBezTo>
                    <a:pt x="28898" y="4060"/>
                    <a:pt x="28898" y="3935"/>
                    <a:pt x="28948" y="3885"/>
                  </a:cubicBezTo>
                  <a:cubicBezTo>
                    <a:pt x="28998" y="3760"/>
                    <a:pt x="29174" y="3609"/>
                    <a:pt x="29224" y="3484"/>
                  </a:cubicBezTo>
                  <a:cubicBezTo>
                    <a:pt x="29349" y="3384"/>
                    <a:pt x="29399" y="3083"/>
                    <a:pt x="29449" y="2983"/>
                  </a:cubicBezTo>
                  <a:cubicBezTo>
                    <a:pt x="29499" y="2933"/>
                    <a:pt x="29625" y="2857"/>
                    <a:pt x="29625" y="2807"/>
                  </a:cubicBezTo>
                  <a:cubicBezTo>
                    <a:pt x="29725" y="2707"/>
                    <a:pt x="29725" y="2356"/>
                    <a:pt x="29800" y="2256"/>
                  </a:cubicBezTo>
                  <a:cubicBezTo>
                    <a:pt x="29800" y="2131"/>
                    <a:pt x="29800" y="1955"/>
                    <a:pt x="29850" y="1905"/>
                  </a:cubicBezTo>
                  <a:cubicBezTo>
                    <a:pt x="29900" y="1805"/>
                    <a:pt x="30076" y="1679"/>
                    <a:pt x="30076" y="1629"/>
                  </a:cubicBezTo>
                  <a:cubicBezTo>
                    <a:pt x="30076" y="1504"/>
                    <a:pt x="29951" y="1404"/>
                    <a:pt x="29951" y="1278"/>
                  </a:cubicBezTo>
                  <a:cubicBezTo>
                    <a:pt x="29951" y="1228"/>
                    <a:pt x="30076" y="1003"/>
                    <a:pt x="30126" y="953"/>
                  </a:cubicBezTo>
                  <a:cubicBezTo>
                    <a:pt x="30176" y="827"/>
                    <a:pt x="30352" y="727"/>
                    <a:pt x="30477" y="677"/>
                  </a:cubicBezTo>
                  <a:cubicBezTo>
                    <a:pt x="30527" y="602"/>
                    <a:pt x="30753" y="501"/>
                    <a:pt x="30803" y="451"/>
                  </a:cubicBezTo>
                  <a:cubicBezTo>
                    <a:pt x="30803" y="376"/>
                    <a:pt x="30803" y="326"/>
                    <a:pt x="30753" y="276"/>
                  </a:cubicBezTo>
                  <a:cubicBezTo>
                    <a:pt x="30702" y="151"/>
                    <a:pt x="30352" y="226"/>
                    <a:pt x="30251" y="151"/>
                  </a:cubicBezTo>
                  <a:cubicBezTo>
                    <a:pt x="30126" y="151"/>
                    <a:pt x="30026" y="151"/>
                    <a:pt x="29951" y="100"/>
                  </a:cubicBezTo>
                  <a:cubicBezTo>
                    <a:pt x="29900" y="100"/>
                    <a:pt x="29850" y="0"/>
                    <a:pt x="29800" y="0"/>
                  </a:cubicBezTo>
                  <a:cubicBezTo>
                    <a:pt x="29725" y="0"/>
                    <a:pt x="29625" y="100"/>
                    <a:pt x="29575" y="151"/>
                  </a:cubicBezTo>
                  <a:cubicBezTo>
                    <a:pt x="29499" y="151"/>
                    <a:pt x="29449" y="100"/>
                    <a:pt x="29399" y="151"/>
                  </a:cubicBezTo>
                  <a:cubicBezTo>
                    <a:pt x="29349" y="226"/>
                    <a:pt x="29274" y="376"/>
                    <a:pt x="29274" y="451"/>
                  </a:cubicBezTo>
                  <a:cubicBezTo>
                    <a:pt x="29174" y="501"/>
                    <a:pt x="28998" y="727"/>
                    <a:pt x="28898" y="727"/>
                  </a:cubicBezTo>
                  <a:cubicBezTo>
                    <a:pt x="28773" y="777"/>
                    <a:pt x="28597" y="677"/>
                    <a:pt x="28547" y="727"/>
                  </a:cubicBezTo>
                  <a:lnTo>
                    <a:pt x="28372" y="727"/>
                  </a:lnTo>
                  <a:cubicBezTo>
                    <a:pt x="28321" y="777"/>
                    <a:pt x="28321" y="953"/>
                    <a:pt x="28271" y="1003"/>
                  </a:cubicBezTo>
                  <a:cubicBezTo>
                    <a:pt x="28221" y="1128"/>
                    <a:pt x="28046" y="1278"/>
                    <a:pt x="27920" y="1354"/>
                  </a:cubicBezTo>
                  <a:lnTo>
                    <a:pt x="27469" y="1579"/>
                  </a:lnTo>
                  <a:cubicBezTo>
                    <a:pt x="27369" y="1579"/>
                    <a:pt x="27194" y="1579"/>
                    <a:pt x="27093" y="1504"/>
                  </a:cubicBezTo>
                  <a:lnTo>
                    <a:pt x="27018" y="1404"/>
                  </a:lnTo>
                  <a:cubicBezTo>
                    <a:pt x="27018" y="1278"/>
                    <a:pt x="27093" y="1128"/>
                    <a:pt x="27093" y="1053"/>
                  </a:cubicBezTo>
                  <a:cubicBezTo>
                    <a:pt x="27018" y="953"/>
                    <a:pt x="27018" y="777"/>
                    <a:pt x="26968" y="727"/>
                  </a:cubicBezTo>
                  <a:cubicBezTo>
                    <a:pt x="26918" y="677"/>
                    <a:pt x="26743" y="602"/>
                    <a:pt x="26692" y="602"/>
                  </a:cubicBezTo>
                  <a:cubicBezTo>
                    <a:pt x="26642" y="677"/>
                    <a:pt x="26567" y="677"/>
                    <a:pt x="26517" y="727"/>
                  </a:cubicBezTo>
                  <a:cubicBezTo>
                    <a:pt x="26517" y="777"/>
                    <a:pt x="26642" y="827"/>
                    <a:pt x="26642" y="902"/>
                  </a:cubicBezTo>
                  <a:cubicBezTo>
                    <a:pt x="26692" y="953"/>
                    <a:pt x="26743" y="1128"/>
                    <a:pt x="26743" y="1228"/>
                  </a:cubicBezTo>
                  <a:cubicBezTo>
                    <a:pt x="26743" y="1354"/>
                    <a:pt x="26692" y="1679"/>
                    <a:pt x="26642" y="1855"/>
                  </a:cubicBezTo>
                  <a:cubicBezTo>
                    <a:pt x="26567" y="2030"/>
                    <a:pt x="26417" y="2256"/>
                    <a:pt x="26291" y="2306"/>
                  </a:cubicBezTo>
                  <a:cubicBezTo>
                    <a:pt x="26116" y="2406"/>
                    <a:pt x="25890" y="2632"/>
                    <a:pt x="25740" y="2632"/>
                  </a:cubicBezTo>
                  <a:cubicBezTo>
                    <a:pt x="25665" y="2707"/>
                    <a:pt x="25514" y="2707"/>
                    <a:pt x="25389" y="2632"/>
                  </a:cubicBezTo>
                  <a:cubicBezTo>
                    <a:pt x="25339" y="2632"/>
                    <a:pt x="25214" y="2481"/>
                    <a:pt x="25164" y="2406"/>
                  </a:cubicBezTo>
                  <a:cubicBezTo>
                    <a:pt x="25063" y="2356"/>
                    <a:pt x="24888" y="2356"/>
                    <a:pt x="24763" y="2356"/>
                  </a:cubicBezTo>
                  <a:cubicBezTo>
                    <a:pt x="24662" y="2356"/>
                    <a:pt x="24437" y="2356"/>
                    <a:pt x="24311" y="2306"/>
                  </a:cubicBezTo>
                  <a:cubicBezTo>
                    <a:pt x="24261" y="2256"/>
                    <a:pt x="24161" y="2030"/>
                    <a:pt x="24036" y="1955"/>
                  </a:cubicBezTo>
                  <a:lnTo>
                    <a:pt x="23760" y="1955"/>
                  </a:lnTo>
                  <a:cubicBezTo>
                    <a:pt x="23635" y="2030"/>
                    <a:pt x="23534" y="2181"/>
                    <a:pt x="23409" y="2256"/>
                  </a:cubicBezTo>
                  <a:cubicBezTo>
                    <a:pt x="23359" y="2356"/>
                    <a:pt x="23133" y="2481"/>
                    <a:pt x="23033" y="2481"/>
                  </a:cubicBezTo>
                  <a:cubicBezTo>
                    <a:pt x="22908" y="2532"/>
                    <a:pt x="22682" y="2481"/>
                    <a:pt x="22582" y="2481"/>
                  </a:cubicBezTo>
                  <a:cubicBezTo>
                    <a:pt x="22457" y="2481"/>
                    <a:pt x="22231" y="2406"/>
                    <a:pt x="22131" y="2481"/>
                  </a:cubicBezTo>
                  <a:cubicBezTo>
                    <a:pt x="22006" y="2532"/>
                    <a:pt x="21905" y="2807"/>
                    <a:pt x="21830" y="2933"/>
                  </a:cubicBezTo>
                  <a:cubicBezTo>
                    <a:pt x="21780" y="3033"/>
                    <a:pt x="21680" y="3258"/>
                    <a:pt x="21555" y="3308"/>
                  </a:cubicBezTo>
                  <a:cubicBezTo>
                    <a:pt x="21454" y="3434"/>
                    <a:pt x="21229" y="3534"/>
                    <a:pt x="21103" y="3609"/>
                  </a:cubicBezTo>
                  <a:cubicBezTo>
                    <a:pt x="21053" y="3659"/>
                    <a:pt x="20878" y="3709"/>
                    <a:pt x="20828" y="3709"/>
                  </a:cubicBezTo>
                  <a:lnTo>
                    <a:pt x="20602" y="3709"/>
                  </a:lnTo>
                  <a:cubicBezTo>
                    <a:pt x="20552" y="3760"/>
                    <a:pt x="20427" y="3835"/>
                    <a:pt x="20427" y="3885"/>
                  </a:cubicBezTo>
                  <a:cubicBezTo>
                    <a:pt x="20251" y="3935"/>
                    <a:pt x="19976" y="4060"/>
                    <a:pt x="19800" y="4060"/>
                  </a:cubicBezTo>
                  <a:cubicBezTo>
                    <a:pt x="19700" y="4110"/>
                    <a:pt x="19424" y="3985"/>
                    <a:pt x="19249" y="4060"/>
                  </a:cubicBezTo>
                  <a:cubicBezTo>
                    <a:pt x="19199" y="4060"/>
                    <a:pt x="19023" y="4110"/>
                    <a:pt x="18898" y="4110"/>
                  </a:cubicBezTo>
                  <a:cubicBezTo>
                    <a:pt x="18798" y="4161"/>
                    <a:pt x="18572" y="4336"/>
                    <a:pt x="18447" y="4336"/>
                  </a:cubicBezTo>
                  <a:cubicBezTo>
                    <a:pt x="18296" y="4386"/>
                    <a:pt x="17996" y="4336"/>
                    <a:pt x="17895" y="4336"/>
                  </a:cubicBezTo>
                  <a:cubicBezTo>
                    <a:pt x="17770" y="4386"/>
                    <a:pt x="17544" y="4511"/>
                    <a:pt x="17394" y="4511"/>
                  </a:cubicBezTo>
                  <a:cubicBezTo>
                    <a:pt x="17319" y="4511"/>
                    <a:pt x="17093" y="4511"/>
                    <a:pt x="16993" y="4436"/>
                  </a:cubicBezTo>
                  <a:cubicBezTo>
                    <a:pt x="16868" y="4436"/>
                    <a:pt x="16642" y="4336"/>
                    <a:pt x="16542" y="4336"/>
                  </a:cubicBezTo>
                  <a:cubicBezTo>
                    <a:pt x="16492" y="4336"/>
                    <a:pt x="16367" y="4336"/>
                    <a:pt x="16316" y="4386"/>
                  </a:cubicBezTo>
                  <a:cubicBezTo>
                    <a:pt x="16266" y="4386"/>
                    <a:pt x="16191" y="4511"/>
                    <a:pt x="16091" y="4511"/>
                  </a:cubicBezTo>
                  <a:cubicBezTo>
                    <a:pt x="15966" y="4562"/>
                    <a:pt x="15740" y="4511"/>
                    <a:pt x="15640" y="4511"/>
                  </a:cubicBezTo>
                  <a:cubicBezTo>
                    <a:pt x="15590" y="4436"/>
                    <a:pt x="15514" y="4336"/>
                    <a:pt x="15464" y="4336"/>
                  </a:cubicBezTo>
                  <a:cubicBezTo>
                    <a:pt x="15414" y="4286"/>
                    <a:pt x="15289" y="4286"/>
                    <a:pt x="15239" y="4286"/>
                  </a:cubicBezTo>
                  <a:cubicBezTo>
                    <a:pt x="15189" y="4286"/>
                    <a:pt x="15063" y="4386"/>
                    <a:pt x="15013" y="4386"/>
                  </a:cubicBezTo>
                  <a:cubicBezTo>
                    <a:pt x="14963" y="4386"/>
                    <a:pt x="14913" y="4436"/>
                    <a:pt x="14838" y="4436"/>
                  </a:cubicBezTo>
                  <a:cubicBezTo>
                    <a:pt x="14838" y="4436"/>
                    <a:pt x="14737" y="4336"/>
                    <a:pt x="14687" y="4336"/>
                  </a:cubicBezTo>
                  <a:cubicBezTo>
                    <a:pt x="14612" y="4336"/>
                    <a:pt x="14512" y="4436"/>
                    <a:pt x="14387" y="4511"/>
                  </a:cubicBezTo>
                  <a:cubicBezTo>
                    <a:pt x="14336" y="4511"/>
                    <a:pt x="14161" y="4612"/>
                    <a:pt x="14061" y="4662"/>
                  </a:cubicBezTo>
                  <a:cubicBezTo>
                    <a:pt x="14011" y="4662"/>
                    <a:pt x="13935" y="4837"/>
                    <a:pt x="13885" y="4837"/>
                  </a:cubicBezTo>
                  <a:cubicBezTo>
                    <a:pt x="13835" y="4887"/>
                    <a:pt x="13710" y="5013"/>
                    <a:pt x="13660" y="5013"/>
                  </a:cubicBezTo>
                  <a:lnTo>
                    <a:pt x="13209" y="5238"/>
                  </a:lnTo>
                  <a:cubicBezTo>
                    <a:pt x="13033" y="5238"/>
                    <a:pt x="12707" y="5238"/>
                    <a:pt x="12532" y="5188"/>
                  </a:cubicBezTo>
                  <a:cubicBezTo>
                    <a:pt x="12432" y="5188"/>
                    <a:pt x="12131" y="5013"/>
                    <a:pt x="11981" y="4963"/>
                  </a:cubicBezTo>
                  <a:cubicBezTo>
                    <a:pt x="11905" y="4887"/>
                    <a:pt x="11680" y="4837"/>
                    <a:pt x="11580" y="4787"/>
                  </a:cubicBezTo>
                  <a:cubicBezTo>
                    <a:pt x="11454" y="4662"/>
                    <a:pt x="11354" y="4511"/>
                    <a:pt x="11229" y="4436"/>
                  </a:cubicBezTo>
                  <a:cubicBezTo>
                    <a:pt x="11128" y="4386"/>
                    <a:pt x="10953" y="4386"/>
                    <a:pt x="10853" y="4386"/>
                  </a:cubicBezTo>
                  <a:lnTo>
                    <a:pt x="10627" y="4161"/>
                  </a:lnTo>
                  <a:lnTo>
                    <a:pt x="10627" y="3760"/>
                  </a:lnTo>
                  <a:cubicBezTo>
                    <a:pt x="10627" y="3709"/>
                    <a:pt x="10627" y="3534"/>
                    <a:pt x="10552" y="3484"/>
                  </a:cubicBezTo>
                  <a:lnTo>
                    <a:pt x="10402" y="3484"/>
                  </a:lnTo>
                  <a:cubicBezTo>
                    <a:pt x="10326" y="3484"/>
                    <a:pt x="10276" y="3434"/>
                    <a:pt x="10226" y="3434"/>
                  </a:cubicBezTo>
                  <a:cubicBezTo>
                    <a:pt x="10176" y="3484"/>
                    <a:pt x="10176" y="3609"/>
                    <a:pt x="10176" y="3659"/>
                  </a:cubicBezTo>
                  <a:cubicBezTo>
                    <a:pt x="10101" y="3659"/>
                    <a:pt x="10001" y="3760"/>
                    <a:pt x="9950" y="3760"/>
                  </a:cubicBezTo>
                  <a:cubicBezTo>
                    <a:pt x="9825" y="3835"/>
                    <a:pt x="9650" y="3709"/>
                    <a:pt x="9549" y="3709"/>
                  </a:cubicBezTo>
                  <a:cubicBezTo>
                    <a:pt x="9499" y="3709"/>
                    <a:pt x="9324" y="3760"/>
                    <a:pt x="9274" y="3760"/>
                  </a:cubicBezTo>
                  <a:cubicBezTo>
                    <a:pt x="9199" y="3760"/>
                    <a:pt x="9098" y="3709"/>
                    <a:pt x="9098" y="3659"/>
                  </a:cubicBezTo>
                  <a:cubicBezTo>
                    <a:pt x="8973" y="3609"/>
                    <a:pt x="8973" y="3384"/>
                    <a:pt x="8923" y="3308"/>
                  </a:cubicBezTo>
                  <a:cubicBezTo>
                    <a:pt x="8923" y="3208"/>
                    <a:pt x="8923" y="2933"/>
                    <a:pt x="8873" y="2807"/>
                  </a:cubicBezTo>
                  <a:cubicBezTo>
                    <a:pt x="8798" y="2757"/>
                    <a:pt x="8697" y="2757"/>
                    <a:pt x="8647" y="2707"/>
                  </a:cubicBezTo>
                  <a:cubicBezTo>
                    <a:pt x="8572" y="2632"/>
                    <a:pt x="8522" y="2582"/>
                    <a:pt x="8472" y="2532"/>
                  </a:cubicBezTo>
                  <a:lnTo>
                    <a:pt x="8472" y="2306"/>
                  </a:lnTo>
                  <a:cubicBezTo>
                    <a:pt x="8346" y="2256"/>
                    <a:pt x="8196" y="2256"/>
                    <a:pt x="8071" y="2306"/>
                  </a:cubicBezTo>
                  <a:cubicBezTo>
                    <a:pt x="8021" y="2356"/>
                    <a:pt x="7970" y="2481"/>
                    <a:pt x="7895" y="2532"/>
                  </a:cubicBezTo>
                  <a:lnTo>
                    <a:pt x="7620" y="2807"/>
                  </a:lnTo>
                  <a:cubicBezTo>
                    <a:pt x="7519" y="2857"/>
                    <a:pt x="7219" y="2857"/>
                    <a:pt x="7068" y="2857"/>
                  </a:cubicBezTo>
                  <a:cubicBezTo>
                    <a:pt x="6943" y="2857"/>
                    <a:pt x="6767" y="2807"/>
                    <a:pt x="6667" y="2807"/>
                  </a:cubicBezTo>
                  <a:cubicBezTo>
                    <a:pt x="6617" y="2757"/>
                    <a:pt x="6442" y="2807"/>
                    <a:pt x="6392" y="2807"/>
                  </a:cubicBezTo>
                  <a:cubicBezTo>
                    <a:pt x="6316" y="2807"/>
                    <a:pt x="6216" y="2857"/>
                    <a:pt x="6166" y="2933"/>
                  </a:cubicBezTo>
                  <a:cubicBezTo>
                    <a:pt x="6091" y="2983"/>
                    <a:pt x="5991" y="3083"/>
                    <a:pt x="5991" y="3158"/>
                  </a:cubicBezTo>
                  <a:cubicBezTo>
                    <a:pt x="5991" y="3208"/>
                    <a:pt x="6041" y="3308"/>
                    <a:pt x="5991" y="3384"/>
                  </a:cubicBezTo>
                  <a:cubicBezTo>
                    <a:pt x="5991" y="3384"/>
                    <a:pt x="5940" y="3384"/>
                    <a:pt x="5865" y="3434"/>
                  </a:cubicBezTo>
                  <a:lnTo>
                    <a:pt x="5865" y="3534"/>
                  </a:lnTo>
                  <a:cubicBezTo>
                    <a:pt x="5940" y="3609"/>
                    <a:pt x="5991" y="3709"/>
                    <a:pt x="5991" y="3760"/>
                  </a:cubicBezTo>
                  <a:cubicBezTo>
                    <a:pt x="6041" y="3885"/>
                    <a:pt x="5991" y="4060"/>
                    <a:pt x="5991" y="4161"/>
                  </a:cubicBezTo>
                  <a:cubicBezTo>
                    <a:pt x="5940" y="4211"/>
                    <a:pt x="5765" y="4286"/>
                    <a:pt x="5640" y="4336"/>
                  </a:cubicBezTo>
                  <a:cubicBezTo>
                    <a:pt x="5590" y="4386"/>
                    <a:pt x="5364" y="4511"/>
                    <a:pt x="5264" y="4562"/>
                  </a:cubicBezTo>
                  <a:cubicBezTo>
                    <a:pt x="5188" y="4612"/>
                    <a:pt x="5138" y="4737"/>
                    <a:pt x="5088" y="4787"/>
                  </a:cubicBezTo>
                  <a:lnTo>
                    <a:pt x="4863" y="4787"/>
                  </a:lnTo>
                  <a:cubicBezTo>
                    <a:pt x="4813" y="4787"/>
                    <a:pt x="4687" y="4887"/>
                    <a:pt x="4637" y="4887"/>
                  </a:cubicBezTo>
                  <a:cubicBezTo>
                    <a:pt x="4512" y="4963"/>
                    <a:pt x="4361" y="4963"/>
                    <a:pt x="4236" y="4963"/>
                  </a:cubicBezTo>
                  <a:cubicBezTo>
                    <a:pt x="4186" y="4887"/>
                    <a:pt x="4011" y="4662"/>
                    <a:pt x="3960" y="4612"/>
                  </a:cubicBezTo>
                  <a:cubicBezTo>
                    <a:pt x="3910" y="4612"/>
                    <a:pt x="3735" y="4511"/>
                    <a:pt x="3685" y="4511"/>
                  </a:cubicBezTo>
                  <a:cubicBezTo>
                    <a:pt x="3559" y="4386"/>
                    <a:pt x="3384" y="4286"/>
                    <a:pt x="3334" y="4161"/>
                  </a:cubicBezTo>
                  <a:cubicBezTo>
                    <a:pt x="3284" y="4060"/>
                    <a:pt x="3284" y="3835"/>
                    <a:pt x="3234" y="3709"/>
                  </a:cubicBezTo>
                  <a:cubicBezTo>
                    <a:pt x="3234" y="3659"/>
                    <a:pt x="3108" y="3534"/>
                    <a:pt x="3058" y="3484"/>
                  </a:cubicBezTo>
                  <a:cubicBezTo>
                    <a:pt x="3058" y="3434"/>
                    <a:pt x="3158" y="3308"/>
                    <a:pt x="3108" y="3258"/>
                  </a:cubicBezTo>
                  <a:cubicBezTo>
                    <a:pt x="3108" y="3208"/>
                    <a:pt x="2933" y="3208"/>
                    <a:pt x="2883" y="3158"/>
                  </a:cubicBezTo>
                  <a:cubicBezTo>
                    <a:pt x="2883" y="3158"/>
                    <a:pt x="2833" y="3033"/>
                    <a:pt x="2782" y="3033"/>
                  </a:cubicBezTo>
                  <a:cubicBezTo>
                    <a:pt x="2707" y="3033"/>
                    <a:pt x="2607" y="3083"/>
                    <a:pt x="2607" y="3158"/>
                  </a:cubicBezTo>
                  <a:cubicBezTo>
                    <a:pt x="2557" y="3208"/>
                    <a:pt x="2482" y="3384"/>
                    <a:pt x="2557" y="3434"/>
                  </a:cubicBezTo>
                  <a:cubicBezTo>
                    <a:pt x="2557" y="3484"/>
                    <a:pt x="2657" y="3534"/>
                    <a:pt x="2657" y="3609"/>
                  </a:cubicBezTo>
                  <a:cubicBezTo>
                    <a:pt x="2657" y="3659"/>
                    <a:pt x="2557" y="3760"/>
                    <a:pt x="2557" y="3835"/>
                  </a:cubicBezTo>
                  <a:cubicBezTo>
                    <a:pt x="2557" y="3885"/>
                    <a:pt x="2607" y="3935"/>
                    <a:pt x="2607" y="3985"/>
                  </a:cubicBezTo>
                  <a:cubicBezTo>
                    <a:pt x="2557" y="4060"/>
                    <a:pt x="2432" y="4161"/>
                    <a:pt x="2381" y="4161"/>
                  </a:cubicBezTo>
                  <a:cubicBezTo>
                    <a:pt x="2331" y="4161"/>
                    <a:pt x="2256" y="4060"/>
                    <a:pt x="2206" y="4060"/>
                  </a:cubicBezTo>
                  <a:cubicBezTo>
                    <a:pt x="2156" y="3985"/>
                    <a:pt x="2106" y="4060"/>
                    <a:pt x="2031" y="4060"/>
                  </a:cubicBezTo>
                  <a:cubicBezTo>
                    <a:pt x="1980" y="4110"/>
                    <a:pt x="1980" y="4211"/>
                    <a:pt x="1930" y="4211"/>
                  </a:cubicBezTo>
                  <a:cubicBezTo>
                    <a:pt x="1930" y="4336"/>
                    <a:pt x="1880" y="4436"/>
                    <a:pt x="1805" y="4511"/>
                  </a:cubicBezTo>
                  <a:cubicBezTo>
                    <a:pt x="1755" y="4562"/>
                    <a:pt x="1655" y="4612"/>
                    <a:pt x="1579" y="4612"/>
                  </a:cubicBezTo>
                  <a:cubicBezTo>
                    <a:pt x="1529" y="4662"/>
                    <a:pt x="1429" y="4562"/>
                    <a:pt x="1354" y="4562"/>
                  </a:cubicBezTo>
                  <a:cubicBezTo>
                    <a:pt x="1304" y="4612"/>
                    <a:pt x="1128" y="4662"/>
                    <a:pt x="1078" y="4737"/>
                  </a:cubicBezTo>
                  <a:cubicBezTo>
                    <a:pt x="1028" y="4737"/>
                    <a:pt x="978" y="4887"/>
                    <a:pt x="903" y="4963"/>
                  </a:cubicBezTo>
                  <a:cubicBezTo>
                    <a:pt x="903" y="4963"/>
                    <a:pt x="803" y="5013"/>
                    <a:pt x="803" y="5063"/>
                  </a:cubicBezTo>
                  <a:cubicBezTo>
                    <a:pt x="752" y="5063"/>
                    <a:pt x="577" y="5113"/>
                    <a:pt x="527" y="5188"/>
                  </a:cubicBezTo>
                  <a:cubicBezTo>
                    <a:pt x="452" y="5188"/>
                    <a:pt x="301" y="5238"/>
                    <a:pt x="301" y="5288"/>
                  </a:cubicBezTo>
                  <a:cubicBezTo>
                    <a:pt x="301" y="5339"/>
                    <a:pt x="452" y="5339"/>
                    <a:pt x="452" y="5414"/>
                  </a:cubicBezTo>
                  <a:cubicBezTo>
                    <a:pt x="452" y="5414"/>
                    <a:pt x="402" y="5514"/>
                    <a:pt x="402" y="5564"/>
                  </a:cubicBezTo>
                  <a:cubicBezTo>
                    <a:pt x="452" y="5564"/>
                    <a:pt x="577" y="5564"/>
                    <a:pt x="577" y="5639"/>
                  </a:cubicBezTo>
                  <a:cubicBezTo>
                    <a:pt x="627" y="5689"/>
                    <a:pt x="577" y="5740"/>
                    <a:pt x="577" y="5790"/>
                  </a:cubicBezTo>
                  <a:cubicBezTo>
                    <a:pt x="577" y="5790"/>
                    <a:pt x="452" y="5790"/>
                    <a:pt x="452" y="5865"/>
                  </a:cubicBezTo>
                  <a:lnTo>
                    <a:pt x="452" y="6015"/>
                  </a:lnTo>
                  <a:cubicBezTo>
                    <a:pt x="402" y="6015"/>
                    <a:pt x="351" y="6090"/>
                    <a:pt x="351" y="6090"/>
                  </a:cubicBezTo>
                  <a:cubicBezTo>
                    <a:pt x="351" y="6141"/>
                    <a:pt x="452" y="6141"/>
                    <a:pt x="452" y="6191"/>
                  </a:cubicBezTo>
                  <a:cubicBezTo>
                    <a:pt x="527" y="6241"/>
                    <a:pt x="527" y="6316"/>
                    <a:pt x="452" y="6366"/>
                  </a:cubicBezTo>
                  <a:cubicBezTo>
                    <a:pt x="452" y="6366"/>
                    <a:pt x="402" y="6416"/>
                    <a:pt x="351" y="6416"/>
                  </a:cubicBezTo>
                  <a:cubicBezTo>
                    <a:pt x="301" y="6416"/>
                    <a:pt x="226" y="6542"/>
                    <a:pt x="226" y="6542"/>
                  </a:cubicBezTo>
                  <a:cubicBezTo>
                    <a:pt x="226" y="6592"/>
                    <a:pt x="226" y="6692"/>
                    <a:pt x="301" y="6767"/>
                  </a:cubicBezTo>
                  <a:cubicBezTo>
                    <a:pt x="301" y="6817"/>
                    <a:pt x="402" y="6867"/>
                    <a:pt x="402" y="6918"/>
                  </a:cubicBezTo>
                  <a:cubicBezTo>
                    <a:pt x="452" y="6993"/>
                    <a:pt x="402" y="7143"/>
                    <a:pt x="402" y="7218"/>
                  </a:cubicBezTo>
                  <a:lnTo>
                    <a:pt x="402" y="7594"/>
                  </a:lnTo>
                  <a:cubicBezTo>
                    <a:pt x="351" y="7594"/>
                    <a:pt x="226" y="7644"/>
                    <a:pt x="176" y="7720"/>
                  </a:cubicBezTo>
                  <a:cubicBezTo>
                    <a:pt x="176" y="7720"/>
                    <a:pt x="76" y="7770"/>
                    <a:pt x="0" y="7820"/>
                  </a:cubicBezTo>
                  <a:lnTo>
                    <a:pt x="0" y="7995"/>
                  </a:lnTo>
                  <a:cubicBezTo>
                    <a:pt x="76" y="8045"/>
                    <a:pt x="176" y="8095"/>
                    <a:pt x="176" y="8171"/>
                  </a:cubicBezTo>
                  <a:cubicBezTo>
                    <a:pt x="226" y="8221"/>
                    <a:pt x="301" y="8396"/>
                    <a:pt x="351" y="8496"/>
                  </a:cubicBezTo>
                  <a:cubicBezTo>
                    <a:pt x="402" y="8622"/>
                    <a:pt x="452" y="8772"/>
                    <a:pt x="452" y="8897"/>
                  </a:cubicBezTo>
                  <a:cubicBezTo>
                    <a:pt x="452" y="8948"/>
                    <a:pt x="452" y="9123"/>
                    <a:pt x="527" y="9173"/>
                  </a:cubicBezTo>
                  <a:cubicBezTo>
                    <a:pt x="527" y="9223"/>
                    <a:pt x="752" y="9349"/>
                    <a:pt x="803" y="9449"/>
                  </a:cubicBezTo>
                  <a:cubicBezTo>
                    <a:pt x="853" y="9449"/>
                    <a:pt x="903" y="9574"/>
                    <a:pt x="903" y="9574"/>
                  </a:cubicBezTo>
                  <a:cubicBezTo>
                    <a:pt x="1028" y="9624"/>
                    <a:pt x="1204" y="9574"/>
                    <a:pt x="1254" y="9574"/>
                  </a:cubicBezTo>
                  <a:cubicBezTo>
                    <a:pt x="1354" y="9574"/>
                    <a:pt x="1479" y="9674"/>
                    <a:pt x="1579" y="9750"/>
                  </a:cubicBezTo>
                  <a:cubicBezTo>
                    <a:pt x="1655" y="9750"/>
                    <a:pt x="1705" y="9800"/>
                    <a:pt x="1755" y="9850"/>
                  </a:cubicBezTo>
                  <a:cubicBezTo>
                    <a:pt x="1805" y="9975"/>
                    <a:pt x="1805" y="10126"/>
                    <a:pt x="1880" y="10251"/>
                  </a:cubicBezTo>
                  <a:cubicBezTo>
                    <a:pt x="1930" y="10351"/>
                    <a:pt x="2106" y="10577"/>
                    <a:pt x="2206" y="10702"/>
                  </a:cubicBezTo>
                  <a:cubicBezTo>
                    <a:pt x="2331" y="10752"/>
                    <a:pt x="2482" y="10752"/>
                    <a:pt x="2607" y="10752"/>
                  </a:cubicBezTo>
                  <a:cubicBezTo>
                    <a:pt x="2782" y="10752"/>
                    <a:pt x="3058" y="10577"/>
                    <a:pt x="3234" y="10527"/>
                  </a:cubicBezTo>
                  <a:lnTo>
                    <a:pt x="3610" y="10527"/>
                  </a:lnTo>
                  <a:cubicBezTo>
                    <a:pt x="3735" y="10527"/>
                    <a:pt x="3960" y="10476"/>
                    <a:pt x="4136" y="10476"/>
                  </a:cubicBezTo>
                  <a:lnTo>
                    <a:pt x="4637" y="10476"/>
                  </a:lnTo>
                  <a:lnTo>
                    <a:pt x="4913" y="10476"/>
                  </a:lnTo>
                  <a:cubicBezTo>
                    <a:pt x="5038" y="10476"/>
                    <a:pt x="5188" y="10577"/>
                    <a:pt x="5264" y="10652"/>
                  </a:cubicBezTo>
                  <a:cubicBezTo>
                    <a:pt x="5314" y="10702"/>
                    <a:pt x="5314" y="10802"/>
                    <a:pt x="5314" y="10877"/>
                  </a:cubicBezTo>
                  <a:cubicBezTo>
                    <a:pt x="5364" y="10928"/>
                    <a:pt x="5640" y="10928"/>
                    <a:pt x="5715" y="10978"/>
                  </a:cubicBezTo>
                  <a:cubicBezTo>
                    <a:pt x="5765" y="11028"/>
                    <a:pt x="5765" y="11203"/>
                    <a:pt x="5765" y="11253"/>
                  </a:cubicBezTo>
                  <a:cubicBezTo>
                    <a:pt x="5815" y="11329"/>
                    <a:pt x="5940" y="11379"/>
                    <a:pt x="5991" y="11429"/>
                  </a:cubicBezTo>
                  <a:cubicBezTo>
                    <a:pt x="6166" y="11429"/>
                    <a:pt x="6392" y="11203"/>
                    <a:pt x="6492" y="11203"/>
                  </a:cubicBezTo>
                  <a:cubicBezTo>
                    <a:pt x="6617" y="11203"/>
                    <a:pt x="6893" y="11253"/>
                    <a:pt x="6993" y="11253"/>
                  </a:cubicBezTo>
                  <a:cubicBezTo>
                    <a:pt x="7068" y="11329"/>
                    <a:pt x="7118" y="11379"/>
                    <a:pt x="7168" y="11379"/>
                  </a:cubicBezTo>
                  <a:cubicBezTo>
                    <a:pt x="7294" y="11429"/>
                    <a:pt x="7519" y="11379"/>
                    <a:pt x="7569" y="11429"/>
                  </a:cubicBezTo>
                  <a:cubicBezTo>
                    <a:pt x="7670" y="11479"/>
                    <a:pt x="7670" y="11654"/>
                    <a:pt x="7745" y="11705"/>
                  </a:cubicBezTo>
                  <a:cubicBezTo>
                    <a:pt x="7795" y="11780"/>
                    <a:pt x="7970" y="11880"/>
                    <a:pt x="8021" y="12005"/>
                  </a:cubicBezTo>
                  <a:cubicBezTo>
                    <a:pt x="8071" y="12055"/>
                    <a:pt x="8246" y="12106"/>
                    <a:pt x="8296" y="12231"/>
                  </a:cubicBezTo>
                  <a:cubicBezTo>
                    <a:pt x="8346" y="12281"/>
                    <a:pt x="8422" y="12456"/>
                    <a:pt x="8522" y="12507"/>
                  </a:cubicBezTo>
                  <a:cubicBezTo>
                    <a:pt x="8522" y="12557"/>
                    <a:pt x="8647" y="12507"/>
                    <a:pt x="8697" y="12557"/>
                  </a:cubicBezTo>
                  <a:cubicBezTo>
                    <a:pt x="8747" y="12607"/>
                    <a:pt x="8923" y="12782"/>
                    <a:pt x="8973" y="12832"/>
                  </a:cubicBezTo>
                  <a:cubicBezTo>
                    <a:pt x="9023" y="12908"/>
                    <a:pt x="9148" y="12958"/>
                    <a:pt x="9199" y="13008"/>
                  </a:cubicBezTo>
                  <a:cubicBezTo>
                    <a:pt x="9374" y="13058"/>
                    <a:pt x="9600" y="13183"/>
                    <a:pt x="9725" y="13283"/>
                  </a:cubicBezTo>
                  <a:cubicBezTo>
                    <a:pt x="9775" y="13283"/>
                    <a:pt x="9875" y="13409"/>
                    <a:pt x="9950" y="13459"/>
                  </a:cubicBezTo>
                  <a:lnTo>
                    <a:pt x="10226" y="13459"/>
                  </a:lnTo>
                  <a:cubicBezTo>
                    <a:pt x="10276" y="13509"/>
                    <a:pt x="10402" y="13584"/>
                    <a:pt x="10452" y="13634"/>
                  </a:cubicBezTo>
                  <a:lnTo>
                    <a:pt x="10727" y="13634"/>
                  </a:lnTo>
                  <a:cubicBezTo>
                    <a:pt x="10853" y="13684"/>
                    <a:pt x="10953" y="13735"/>
                    <a:pt x="11078" y="13735"/>
                  </a:cubicBezTo>
                  <a:cubicBezTo>
                    <a:pt x="11128" y="13735"/>
                    <a:pt x="11304" y="13735"/>
                    <a:pt x="11354" y="13810"/>
                  </a:cubicBezTo>
                  <a:cubicBezTo>
                    <a:pt x="11454" y="13860"/>
                    <a:pt x="11680" y="14085"/>
                    <a:pt x="11805" y="14186"/>
                  </a:cubicBezTo>
                  <a:cubicBezTo>
                    <a:pt x="11855" y="14186"/>
                    <a:pt x="11905" y="14361"/>
                    <a:pt x="11981" y="14361"/>
                  </a:cubicBezTo>
                  <a:cubicBezTo>
                    <a:pt x="11981" y="14411"/>
                    <a:pt x="12031" y="14361"/>
                    <a:pt x="12081" y="14411"/>
                  </a:cubicBezTo>
                  <a:cubicBezTo>
                    <a:pt x="12131" y="14411"/>
                    <a:pt x="12131" y="14587"/>
                    <a:pt x="12131" y="14637"/>
                  </a:cubicBezTo>
                  <a:cubicBezTo>
                    <a:pt x="12206" y="14712"/>
                    <a:pt x="12356" y="14862"/>
                    <a:pt x="12482" y="14862"/>
                  </a:cubicBezTo>
                  <a:cubicBezTo>
                    <a:pt x="12582" y="14938"/>
                    <a:pt x="12808" y="14938"/>
                    <a:pt x="12883" y="14988"/>
                  </a:cubicBezTo>
                  <a:cubicBezTo>
                    <a:pt x="12983" y="15038"/>
                    <a:pt x="13033" y="15213"/>
                    <a:pt x="13158" y="15263"/>
                  </a:cubicBezTo>
                  <a:lnTo>
                    <a:pt x="13384" y="15263"/>
                  </a:lnTo>
                  <a:cubicBezTo>
                    <a:pt x="13484" y="15263"/>
                    <a:pt x="13710" y="15263"/>
                    <a:pt x="13835" y="15314"/>
                  </a:cubicBezTo>
                  <a:cubicBezTo>
                    <a:pt x="13885" y="15389"/>
                    <a:pt x="13935" y="15489"/>
                    <a:pt x="14011" y="15489"/>
                  </a:cubicBezTo>
                  <a:cubicBezTo>
                    <a:pt x="14061" y="15539"/>
                    <a:pt x="14236" y="15539"/>
                    <a:pt x="14286" y="15614"/>
                  </a:cubicBezTo>
                  <a:cubicBezTo>
                    <a:pt x="14336" y="15664"/>
                    <a:pt x="14286" y="15840"/>
                    <a:pt x="14336" y="15890"/>
                  </a:cubicBezTo>
                  <a:cubicBezTo>
                    <a:pt x="14387" y="15940"/>
                    <a:pt x="14612" y="15990"/>
                    <a:pt x="14687" y="15990"/>
                  </a:cubicBezTo>
                  <a:cubicBezTo>
                    <a:pt x="14788" y="15940"/>
                    <a:pt x="14963" y="15840"/>
                    <a:pt x="15063" y="15840"/>
                  </a:cubicBezTo>
                  <a:cubicBezTo>
                    <a:pt x="15189" y="15840"/>
                    <a:pt x="15364" y="15890"/>
                    <a:pt x="15464" y="15840"/>
                  </a:cubicBezTo>
                  <a:cubicBezTo>
                    <a:pt x="15590" y="15840"/>
                    <a:pt x="15865" y="15715"/>
                    <a:pt x="15966" y="15715"/>
                  </a:cubicBezTo>
                  <a:cubicBezTo>
                    <a:pt x="16091" y="15664"/>
                    <a:pt x="16417" y="15715"/>
                    <a:pt x="16542" y="15765"/>
                  </a:cubicBezTo>
                  <a:cubicBezTo>
                    <a:pt x="16642" y="15765"/>
                    <a:pt x="16868" y="15890"/>
                    <a:pt x="17043" y="15890"/>
                  </a:cubicBezTo>
                  <a:cubicBezTo>
                    <a:pt x="17093" y="15890"/>
                    <a:pt x="17319" y="15840"/>
                    <a:pt x="17444" y="15840"/>
                  </a:cubicBezTo>
                  <a:cubicBezTo>
                    <a:pt x="17494" y="15840"/>
                    <a:pt x="17720" y="15940"/>
                    <a:pt x="17770" y="15940"/>
                  </a:cubicBezTo>
                  <a:cubicBezTo>
                    <a:pt x="17895" y="15990"/>
                    <a:pt x="18121" y="15990"/>
                    <a:pt x="18221" y="16065"/>
                  </a:cubicBezTo>
                  <a:cubicBezTo>
                    <a:pt x="18296" y="16116"/>
                    <a:pt x="18447" y="16216"/>
                    <a:pt x="18572" y="16291"/>
                  </a:cubicBezTo>
                  <a:cubicBezTo>
                    <a:pt x="18622" y="16341"/>
                    <a:pt x="18798" y="16391"/>
                    <a:pt x="18848" y="16391"/>
                  </a:cubicBezTo>
                  <a:cubicBezTo>
                    <a:pt x="18973" y="16517"/>
                    <a:pt x="19199" y="16742"/>
                    <a:pt x="19299" y="16792"/>
                  </a:cubicBezTo>
                  <a:cubicBezTo>
                    <a:pt x="19349" y="16892"/>
                    <a:pt x="19650" y="17018"/>
                    <a:pt x="19700" y="17118"/>
                  </a:cubicBezTo>
                  <a:cubicBezTo>
                    <a:pt x="19750" y="17193"/>
                    <a:pt x="19750" y="17344"/>
                    <a:pt x="19750" y="17419"/>
                  </a:cubicBezTo>
                  <a:cubicBezTo>
                    <a:pt x="19800" y="17519"/>
                    <a:pt x="19875" y="17644"/>
                    <a:pt x="19925" y="17745"/>
                  </a:cubicBezTo>
                  <a:cubicBezTo>
                    <a:pt x="19976" y="17795"/>
                    <a:pt x="20101" y="17870"/>
                    <a:pt x="20151" y="17920"/>
                  </a:cubicBezTo>
                  <a:cubicBezTo>
                    <a:pt x="20251" y="18020"/>
                    <a:pt x="20326" y="18321"/>
                    <a:pt x="20377" y="18471"/>
                  </a:cubicBezTo>
                  <a:cubicBezTo>
                    <a:pt x="20427" y="18547"/>
                    <a:pt x="20552" y="18647"/>
                    <a:pt x="20602" y="18772"/>
                  </a:cubicBezTo>
                  <a:cubicBezTo>
                    <a:pt x="20602" y="18822"/>
                    <a:pt x="20552" y="18923"/>
                    <a:pt x="20552" y="18998"/>
                  </a:cubicBezTo>
                  <a:cubicBezTo>
                    <a:pt x="20602" y="19048"/>
                    <a:pt x="20778" y="19098"/>
                    <a:pt x="20878" y="19148"/>
                  </a:cubicBezTo>
                  <a:cubicBezTo>
                    <a:pt x="20878" y="19148"/>
                    <a:pt x="20928" y="19273"/>
                    <a:pt x="21003" y="19273"/>
                  </a:cubicBezTo>
                  <a:cubicBezTo>
                    <a:pt x="21053" y="19324"/>
                    <a:pt x="21279" y="19324"/>
                    <a:pt x="21329" y="19324"/>
                  </a:cubicBezTo>
                  <a:cubicBezTo>
                    <a:pt x="21454" y="19324"/>
                    <a:pt x="21605" y="19374"/>
                    <a:pt x="21680" y="19449"/>
                  </a:cubicBezTo>
                  <a:cubicBezTo>
                    <a:pt x="21780" y="19449"/>
                    <a:pt x="22006" y="19449"/>
                    <a:pt x="22131" y="19499"/>
                  </a:cubicBezTo>
                  <a:cubicBezTo>
                    <a:pt x="22231" y="19499"/>
                    <a:pt x="22457" y="19549"/>
                    <a:pt x="22507" y="19599"/>
                  </a:cubicBezTo>
                  <a:cubicBezTo>
                    <a:pt x="22582" y="19674"/>
                    <a:pt x="22632" y="19900"/>
                    <a:pt x="22682" y="19950"/>
                  </a:cubicBezTo>
                  <a:cubicBezTo>
                    <a:pt x="22732" y="20000"/>
                    <a:pt x="22808" y="20050"/>
                    <a:pt x="22858" y="20050"/>
                  </a:cubicBezTo>
                  <a:cubicBezTo>
                    <a:pt x="22958" y="20050"/>
                    <a:pt x="23133" y="20000"/>
                    <a:pt x="23259" y="20050"/>
                  </a:cubicBezTo>
                  <a:cubicBezTo>
                    <a:pt x="23359" y="20050"/>
                    <a:pt x="23484" y="20126"/>
                    <a:pt x="23585" y="20176"/>
                  </a:cubicBezTo>
                  <a:cubicBezTo>
                    <a:pt x="23635" y="20176"/>
                    <a:pt x="23810" y="20226"/>
                    <a:pt x="23935" y="20226"/>
                  </a:cubicBezTo>
                  <a:cubicBezTo>
                    <a:pt x="23986" y="20226"/>
                    <a:pt x="24086" y="20050"/>
                    <a:pt x="24161" y="20050"/>
                  </a:cubicBezTo>
                  <a:cubicBezTo>
                    <a:pt x="24211" y="20000"/>
                    <a:pt x="24387" y="19950"/>
                    <a:pt x="24437" y="19950"/>
                  </a:cubicBezTo>
                  <a:cubicBezTo>
                    <a:pt x="24487" y="19900"/>
                    <a:pt x="24612" y="19825"/>
                    <a:pt x="24662" y="19825"/>
                  </a:cubicBezTo>
                  <a:cubicBezTo>
                    <a:pt x="24763" y="19825"/>
                    <a:pt x="24988" y="19825"/>
                    <a:pt x="25063" y="19900"/>
                  </a:cubicBezTo>
                  <a:cubicBezTo>
                    <a:pt x="25164" y="19900"/>
                    <a:pt x="25214" y="20050"/>
                    <a:pt x="25289" y="20126"/>
                  </a:cubicBezTo>
                  <a:cubicBezTo>
                    <a:pt x="25339" y="20176"/>
                    <a:pt x="25439" y="20276"/>
                    <a:pt x="25565" y="20276"/>
                  </a:cubicBezTo>
                  <a:cubicBezTo>
                    <a:pt x="25615" y="20276"/>
                    <a:pt x="25790" y="20126"/>
                    <a:pt x="25840" y="20126"/>
                  </a:cubicBezTo>
                  <a:cubicBezTo>
                    <a:pt x="25966" y="20050"/>
                    <a:pt x="26116" y="20126"/>
                    <a:pt x="26241" y="20126"/>
                  </a:cubicBezTo>
                  <a:cubicBezTo>
                    <a:pt x="26291" y="20176"/>
                    <a:pt x="26417" y="20401"/>
                    <a:pt x="26467" y="20451"/>
                  </a:cubicBezTo>
                  <a:cubicBezTo>
                    <a:pt x="26517" y="20502"/>
                    <a:pt x="26642" y="20627"/>
                    <a:pt x="26692" y="20627"/>
                  </a:cubicBezTo>
                  <a:cubicBezTo>
                    <a:pt x="26743" y="20677"/>
                    <a:pt x="26868" y="20727"/>
                    <a:pt x="26918" y="20677"/>
                  </a:cubicBezTo>
                  <a:cubicBezTo>
                    <a:pt x="27018" y="20677"/>
                    <a:pt x="26968" y="20502"/>
                    <a:pt x="27018" y="20451"/>
                  </a:cubicBezTo>
                  <a:cubicBezTo>
                    <a:pt x="27093" y="20401"/>
                    <a:pt x="27244" y="20502"/>
                    <a:pt x="27319" y="20451"/>
                  </a:cubicBezTo>
                  <a:cubicBezTo>
                    <a:pt x="27369" y="20401"/>
                    <a:pt x="27319" y="20176"/>
                    <a:pt x="27244" y="20126"/>
                  </a:cubicBezTo>
                  <a:cubicBezTo>
                    <a:pt x="27244" y="20000"/>
                    <a:pt x="27144" y="19900"/>
                    <a:pt x="27144" y="19825"/>
                  </a:cubicBezTo>
                  <a:lnTo>
                    <a:pt x="27144" y="19549"/>
                  </a:lnTo>
                  <a:cubicBezTo>
                    <a:pt x="27144" y="19499"/>
                    <a:pt x="27018" y="19374"/>
                    <a:pt x="27018" y="19324"/>
                  </a:cubicBezTo>
                  <a:cubicBezTo>
                    <a:pt x="26968" y="19223"/>
                    <a:pt x="26918" y="18923"/>
                    <a:pt x="26918" y="18772"/>
                  </a:cubicBezTo>
                  <a:cubicBezTo>
                    <a:pt x="26868" y="18647"/>
                    <a:pt x="26868" y="18471"/>
                    <a:pt x="26868" y="18371"/>
                  </a:cubicBezTo>
                  <a:cubicBezTo>
                    <a:pt x="26918" y="18246"/>
                    <a:pt x="27018" y="18096"/>
                    <a:pt x="27093" y="17970"/>
                  </a:cubicBezTo>
                  <a:cubicBezTo>
                    <a:pt x="27093" y="17920"/>
                    <a:pt x="27093" y="17695"/>
                    <a:pt x="27144" y="17569"/>
                  </a:cubicBezTo>
                  <a:cubicBezTo>
                    <a:pt x="27194" y="17519"/>
                    <a:pt x="27419" y="17344"/>
                    <a:pt x="27469" y="17294"/>
                  </a:cubicBezTo>
                  <a:cubicBezTo>
                    <a:pt x="27545" y="17243"/>
                    <a:pt x="27595" y="17068"/>
                    <a:pt x="27595" y="17018"/>
                  </a:cubicBezTo>
                  <a:cubicBezTo>
                    <a:pt x="27645" y="17018"/>
                    <a:pt x="27695" y="16968"/>
                    <a:pt x="27695" y="16892"/>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122" name="Google Shape;179;p16">
              <a:extLst>
                <a:ext uri="{FF2B5EF4-FFF2-40B4-BE49-F238E27FC236}">
                  <a16:creationId xmlns:a16="http://schemas.microsoft.com/office/drawing/2014/main" id="{7F07BC5D-992B-9EB0-0C7B-E0AEA2CEDC63}"/>
                </a:ext>
              </a:extLst>
            </p:cNvPr>
            <p:cNvSpPr/>
            <p:nvPr/>
          </p:nvSpPr>
          <p:spPr>
            <a:xfrm>
              <a:off x="1331905" y="1556263"/>
              <a:ext cx="252558" cy="199389"/>
            </a:xfrm>
            <a:custGeom>
              <a:avLst/>
              <a:gdLst/>
              <a:ahLst/>
              <a:cxnLst/>
              <a:rect l="l" t="t" r="r" b="b"/>
              <a:pathLst>
                <a:path w="9049" h="7144" extrusionOk="0">
                  <a:moveTo>
                    <a:pt x="8973" y="4788"/>
                  </a:moveTo>
                  <a:cubicBezTo>
                    <a:pt x="8973" y="4838"/>
                    <a:pt x="9048" y="5063"/>
                    <a:pt x="8973" y="5114"/>
                  </a:cubicBezTo>
                  <a:cubicBezTo>
                    <a:pt x="8923" y="5164"/>
                    <a:pt x="8697" y="5289"/>
                    <a:pt x="8597" y="5289"/>
                  </a:cubicBezTo>
                  <a:cubicBezTo>
                    <a:pt x="8472" y="5339"/>
                    <a:pt x="8296" y="5239"/>
                    <a:pt x="8196" y="5289"/>
                  </a:cubicBezTo>
                  <a:cubicBezTo>
                    <a:pt x="8071" y="5339"/>
                    <a:pt x="7970" y="5615"/>
                    <a:pt x="7920" y="5690"/>
                  </a:cubicBezTo>
                  <a:cubicBezTo>
                    <a:pt x="7845" y="5740"/>
                    <a:pt x="7695" y="5840"/>
                    <a:pt x="7569" y="5916"/>
                  </a:cubicBezTo>
                  <a:cubicBezTo>
                    <a:pt x="7469" y="5916"/>
                    <a:pt x="7244" y="5840"/>
                    <a:pt x="7168" y="5840"/>
                  </a:cubicBezTo>
                  <a:cubicBezTo>
                    <a:pt x="7068" y="5840"/>
                    <a:pt x="6893" y="5740"/>
                    <a:pt x="6792" y="5740"/>
                  </a:cubicBezTo>
                  <a:cubicBezTo>
                    <a:pt x="6667" y="5740"/>
                    <a:pt x="6391" y="5790"/>
                    <a:pt x="6216" y="5740"/>
                  </a:cubicBezTo>
                  <a:cubicBezTo>
                    <a:pt x="6116" y="5740"/>
                    <a:pt x="5940" y="5615"/>
                    <a:pt x="5890" y="5615"/>
                  </a:cubicBezTo>
                  <a:cubicBezTo>
                    <a:pt x="5765" y="5615"/>
                    <a:pt x="5539" y="5615"/>
                    <a:pt x="5489" y="5690"/>
                  </a:cubicBezTo>
                  <a:cubicBezTo>
                    <a:pt x="5439" y="5690"/>
                    <a:pt x="5314" y="5840"/>
                    <a:pt x="5264" y="5916"/>
                  </a:cubicBezTo>
                  <a:cubicBezTo>
                    <a:pt x="5213" y="5966"/>
                    <a:pt x="5088" y="6141"/>
                    <a:pt x="5038" y="6191"/>
                  </a:cubicBezTo>
                  <a:cubicBezTo>
                    <a:pt x="4913" y="6291"/>
                    <a:pt x="4762" y="6417"/>
                    <a:pt x="4637" y="6467"/>
                  </a:cubicBezTo>
                  <a:cubicBezTo>
                    <a:pt x="4537" y="6517"/>
                    <a:pt x="4361" y="6467"/>
                    <a:pt x="4236" y="6467"/>
                  </a:cubicBezTo>
                  <a:cubicBezTo>
                    <a:pt x="4136" y="6517"/>
                    <a:pt x="3910" y="6692"/>
                    <a:pt x="3785" y="6793"/>
                  </a:cubicBezTo>
                  <a:cubicBezTo>
                    <a:pt x="3735" y="6793"/>
                    <a:pt x="3685" y="6918"/>
                    <a:pt x="3685" y="6968"/>
                  </a:cubicBezTo>
                  <a:cubicBezTo>
                    <a:pt x="3635" y="7018"/>
                    <a:pt x="3459" y="7144"/>
                    <a:pt x="3409" y="7144"/>
                  </a:cubicBezTo>
                  <a:cubicBezTo>
                    <a:pt x="3284" y="7144"/>
                    <a:pt x="3183" y="7018"/>
                    <a:pt x="3108" y="6968"/>
                  </a:cubicBezTo>
                  <a:lnTo>
                    <a:pt x="2883" y="6968"/>
                  </a:lnTo>
                  <a:cubicBezTo>
                    <a:pt x="2883" y="6968"/>
                    <a:pt x="2883" y="6918"/>
                    <a:pt x="2833" y="6918"/>
                  </a:cubicBezTo>
                  <a:cubicBezTo>
                    <a:pt x="2782" y="6868"/>
                    <a:pt x="2607" y="6793"/>
                    <a:pt x="2607" y="6692"/>
                  </a:cubicBezTo>
                  <a:cubicBezTo>
                    <a:pt x="2557" y="6642"/>
                    <a:pt x="2557" y="6467"/>
                    <a:pt x="2507" y="6367"/>
                  </a:cubicBezTo>
                  <a:cubicBezTo>
                    <a:pt x="2507" y="6367"/>
                    <a:pt x="2432" y="6291"/>
                    <a:pt x="2381" y="6291"/>
                  </a:cubicBezTo>
                  <a:cubicBezTo>
                    <a:pt x="2331" y="6291"/>
                    <a:pt x="2206" y="6367"/>
                    <a:pt x="2156" y="6367"/>
                  </a:cubicBezTo>
                  <a:lnTo>
                    <a:pt x="2106" y="6241"/>
                  </a:lnTo>
                  <a:cubicBezTo>
                    <a:pt x="2106" y="6191"/>
                    <a:pt x="2156" y="6141"/>
                    <a:pt x="2156" y="6066"/>
                  </a:cubicBezTo>
                  <a:cubicBezTo>
                    <a:pt x="2156" y="6066"/>
                    <a:pt x="2156" y="6016"/>
                    <a:pt x="2106" y="5966"/>
                  </a:cubicBezTo>
                  <a:cubicBezTo>
                    <a:pt x="2056" y="5966"/>
                    <a:pt x="1880" y="6016"/>
                    <a:pt x="1830" y="5966"/>
                  </a:cubicBezTo>
                  <a:cubicBezTo>
                    <a:pt x="1755" y="5966"/>
                    <a:pt x="1705" y="5916"/>
                    <a:pt x="1705" y="5840"/>
                  </a:cubicBezTo>
                  <a:cubicBezTo>
                    <a:pt x="1655" y="5790"/>
                    <a:pt x="1604" y="5565"/>
                    <a:pt x="1604" y="5515"/>
                  </a:cubicBezTo>
                  <a:cubicBezTo>
                    <a:pt x="1604" y="5389"/>
                    <a:pt x="1655" y="5289"/>
                    <a:pt x="1655" y="5164"/>
                  </a:cubicBezTo>
                  <a:cubicBezTo>
                    <a:pt x="1655" y="5114"/>
                    <a:pt x="1479" y="4888"/>
                    <a:pt x="1479" y="4838"/>
                  </a:cubicBezTo>
                  <a:cubicBezTo>
                    <a:pt x="1529" y="4788"/>
                    <a:pt x="1705" y="4713"/>
                    <a:pt x="1705" y="4662"/>
                  </a:cubicBezTo>
                  <a:cubicBezTo>
                    <a:pt x="1755" y="4562"/>
                    <a:pt x="1655" y="4387"/>
                    <a:pt x="1655" y="4261"/>
                  </a:cubicBezTo>
                  <a:cubicBezTo>
                    <a:pt x="1604" y="4211"/>
                    <a:pt x="1529" y="4111"/>
                    <a:pt x="1479" y="4111"/>
                  </a:cubicBezTo>
                  <a:cubicBezTo>
                    <a:pt x="1429" y="4036"/>
                    <a:pt x="1379" y="4036"/>
                    <a:pt x="1304" y="4111"/>
                  </a:cubicBezTo>
                  <a:cubicBezTo>
                    <a:pt x="1254" y="4111"/>
                    <a:pt x="1203" y="4211"/>
                    <a:pt x="1128" y="4211"/>
                  </a:cubicBezTo>
                  <a:cubicBezTo>
                    <a:pt x="1028" y="4211"/>
                    <a:pt x="903" y="4161"/>
                    <a:pt x="853" y="4111"/>
                  </a:cubicBezTo>
                  <a:cubicBezTo>
                    <a:pt x="802" y="4036"/>
                    <a:pt x="677" y="3986"/>
                    <a:pt x="627" y="3936"/>
                  </a:cubicBezTo>
                  <a:cubicBezTo>
                    <a:pt x="577" y="3885"/>
                    <a:pt x="527" y="3760"/>
                    <a:pt x="452" y="3760"/>
                  </a:cubicBezTo>
                  <a:cubicBezTo>
                    <a:pt x="401" y="3710"/>
                    <a:pt x="301" y="3585"/>
                    <a:pt x="301" y="3535"/>
                  </a:cubicBezTo>
                  <a:cubicBezTo>
                    <a:pt x="301" y="3484"/>
                    <a:pt x="452" y="3535"/>
                    <a:pt x="452" y="3535"/>
                  </a:cubicBezTo>
                  <a:cubicBezTo>
                    <a:pt x="527" y="3535"/>
                    <a:pt x="627" y="3585"/>
                    <a:pt x="677" y="3535"/>
                  </a:cubicBezTo>
                  <a:lnTo>
                    <a:pt x="677" y="3434"/>
                  </a:lnTo>
                  <a:cubicBezTo>
                    <a:pt x="677" y="3384"/>
                    <a:pt x="627" y="3259"/>
                    <a:pt x="627" y="3209"/>
                  </a:cubicBezTo>
                  <a:cubicBezTo>
                    <a:pt x="627" y="3159"/>
                    <a:pt x="577" y="3033"/>
                    <a:pt x="527" y="2983"/>
                  </a:cubicBezTo>
                  <a:lnTo>
                    <a:pt x="401" y="3033"/>
                  </a:lnTo>
                  <a:cubicBezTo>
                    <a:pt x="301" y="3033"/>
                    <a:pt x="176" y="2933"/>
                    <a:pt x="126" y="2858"/>
                  </a:cubicBezTo>
                  <a:cubicBezTo>
                    <a:pt x="76" y="2808"/>
                    <a:pt x="0" y="2707"/>
                    <a:pt x="0" y="2632"/>
                  </a:cubicBezTo>
                  <a:cubicBezTo>
                    <a:pt x="0" y="2582"/>
                    <a:pt x="126" y="2482"/>
                    <a:pt x="126" y="2407"/>
                  </a:cubicBezTo>
                  <a:cubicBezTo>
                    <a:pt x="126" y="2357"/>
                    <a:pt x="0" y="2181"/>
                    <a:pt x="0" y="2131"/>
                  </a:cubicBezTo>
                  <a:cubicBezTo>
                    <a:pt x="0" y="2081"/>
                    <a:pt x="126" y="1905"/>
                    <a:pt x="176" y="1855"/>
                  </a:cubicBezTo>
                  <a:cubicBezTo>
                    <a:pt x="176" y="1855"/>
                    <a:pt x="226" y="1730"/>
                    <a:pt x="301" y="1730"/>
                  </a:cubicBezTo>
                  <a:lnTo>
                    <a:pt x="577" y="1730"/>
                  </a:lnTo>
                  <a:cubicBezTo>
                    <a:pt x="627" y="1805"/>
                    <a:pt x="802" y="1805"/>
                    <a:pt x="853" y="1805"/>
                  </a:cubicBezTo>
                  <a:cubicBezTo>
                    <a:pt x="978" y="1730"/>
                    <a:pt x="1203" y="1730"/>
                    <a:pt x="1304" y="1680"/>
                  </a:cubicBezTo>
                  <a:cubicBezTo>
                    <a:pt x="1379" y="1680"/>
                    <a:pt x="1429" y="1580"/>
                    <a:pt x="1479" y="1504"/>
                  </a:cubicBezTo>
                  <a:cubicBezTo>
                    <a:pt x="1529" y="1504"/>
                    <a:pt x="1655" y="1504"/>
                    <a:pt x="1705" y="1454"/>
                  </a:cubicBezTo>
                  <a:cubicBezTo>
                    <a:pt x="1755" y="1404"/>
                    <a:pt x="1830" y="1279"/>
                    <a:pt x="1830" y="1229"/>
                  </a:cubicBezTo>
                  <a:cubicBezTo>
                    <a:pt x="1880" y="1179"/>
                    <a:pt x="1755" y="953"/>
                    <a:pt x="1755" y="903"/>
                  </a:cubicBezTo>
                  <a:cubicBezTo>
                    <a:pt x="1830" y="828"/>
                    <a:pt x="1930" y="778"/>
                    <a:pt x="2056" y="728"/>
                  </a:cubicBezTo>
                  <a:cubicBezTo>
                    <a:pt x="2106" y="728"/>
                    <a:pt x="2156" y="778"/>
                    <a:pt x="2206" y="778"/>
                  </a:cubicBezTo>
                  <a:cubicBezTo>
                    <a:pt x="2281" y="828"/>
                    <a:pt x="2432" y="1003"/>
                    <a:pt x="2507" y="1053"/>
                  </a:cubicBezTo>
                  <a:cubicBezTo>
                    <a:pt x="2557" y="1179"/>
                    <a:pt x="2507" y="1354"/>
                    <a:pt x="2557" y="1404"/>
                  </a:cubicBezTo>
                  <a:cubicBezTo>
                    <a:pt x="2557" y="1504"/>
                    <a:pt x="2732" y="1580"/>
                    <a:pt x="2782" y="1580"/>
                  </a:cubicBezTo>
                  <a:cubicBezTo>
                    <a:pt x="2833" y="1580"/>
                    <a:pt x="2958" y="1404"/>
                    <a:pt x="3008" y="1404"/>
                  </a:cubicBezTo>
                  <a:cubicBezTo>
                    <a:pt x="3058" y="1354"/>
                    <a:pt x="3183" y="1404"/>
                    <a:pt x="3183" y="1454"/>
                  </a:cubicBezTo>
                  <a:cubicBezTo>
                    <a:pt x="3234" y="1454"/>
                    <a:pt x="3284" y="1580"/>
                    <a:pt x="3334" y="1580"/>
                  </a:cubicBezTo>
                  <a:cubicBezTo>
                    <a:pt x="3409" y="1630"/>
                    <a:pt x="3509" y="1504"/>
                    <a:pt x="3509" y="1504"/>
                  </a:cubicBezTo>
                  <a:cubicBezTo>
                    <a:pt x="3559" y="1454"/>
                    <a:pt x="3635" y="1279"/>
                    <a:pt x="3685" y="1229"/>
                  </a:cubicBezTo>
                  <a:cubicBezTo>
                    <a:pt x="3785" y="1129"/>
                    <a:pt x="4010" y="1053"/>
                    <a:pt x="4136" y="953"/>
                  </a:cubicBezTo>
                  <a:cubicBezTo>
                    <a:pt x="4186" y="953"/>
                    <a:pt x="4311" y="778"/>
                    <a:pt x="4411" y="778"/>
                  </a:cubicBezTo>
                  <a:cubicBezTo>
                    <a:pt x="4462" y="778"/>
                    <a:pt x="4587" y="778"/>
                    <a:pt x="4637" y="828"/>
                  </a:cubicBezTo>
                  <a:cubicBezTo>
                    <a:pt x="4687" y="828"/>
                    <a:pt x="4762" y="1003"/>
                    <a:pt x="4812" y="1053"/>
                  </a:cubicBezTo>
                  <a:cubicBezTo>
                    <a:pt x="4863" y="1129"/>
                    <a:pt x="4988" y="1229"/>
                    <a:pt x="5038" y="1229"/>
                  </a:cubicBezTo>
                  <a:cubicBezTo>
                    <a:pt x="5138" y="1179"/>
                    <a:pt x="5264" y="1003"/>
                    <a:pt x="5314" y="953"/>
                  </a:cubicBezTo>
                  <a:cubicBezTo>
                    <a:pt x="5314" y="903"/>
                    <a:pt x="5364" y="778"/>
                    <a:pt x="5364" y="728"/>
                  </a:cubicBezTo>
                  <a:cubicBezTo>
                    <a:pt x="5439" y="677"/>
                    <a:pt x="5539" y="602"/>
                    <a:pt x="5589" y="602"/>
                  </a:cubicBezTo>
                  <a:cubicBezTo>
                    <a:pt x="5765" y="502"/>
                    <a:pt x="6116" y="502"/>
                    <a:pt x="6216" y="402"/>
                  </a:cubicBezTo>
                  <a:cubicBezTo>
                    <a:pt x="6266" y="327"/>
                    <a:pt x="6341" y="276"/>
                    <a:pt x="6391" y="226"/>
                  </a:cubicBezTo>
                  <a:cubicBezTo>
                    <a:pt x="6442" y="176"/>
                    <a:pt x="6567" y="1"/>
                    <a:pt x="6667" y="1"/>
                  </a:cubicBezTo>
                  <a:cubicBezTo>
                    <a:pt x="6717" y="51"/>
                    <a:pt x="6667" y="276"/>
                    <a:pt x="6792" y="327"/>
                  </a:cubicBezTo>
                  <a:lnTo>
                    <a:pt x="6943" y="327"/>
                  </a:lnTo>
                  <a:cubicBezTo>
                    <a:pt x="7068" y="327"/>
                    <a:pt x="7244" y="276"/>
                    <a:pt x="7344" y="327"/>
                  </a:cubicBezTo>
                  <a:cubicBezTo>
                    <a:pt x="7469" y="327"/>
                    <a:pt x="7619" y="327"/>
                    <a:pt x="7695" y="402"/>
                  </a:cubicBezTo>
                  <a:cubicBezTo>
                    <a:pt x="7745" y="452"/>
                    <a:pt x="7745" y="602"/>
                    <a:pt x="7795" y="677"/>
                  </a:cubicBezTo>
                  <a:cubicBezTo>
                    <a:pt x="7795" y="778"/>
                    <a:pt x="7920" y="953"/>
                    <a:pt x="7970" y="1003"/>
                  </a:cubicBezTo>
                  <a:cubicBezTo>
                    <a:pt x="8021" y="1053"/>
                    <a:pt x="8071" y="1053"/>
                    <a:pt x="8146" y="1053"/>
                  </a:cubicBezTo>
                  <a:lnTo>
                    <a:pt x="8146" y="1354"/>
                  </a:lnTo>
                  <a:lnTo>
                    <a:pt x="8146" y="1680"/>
                  </a:lnTo>
                  <a:cubicBezTo>
                    <a:pt x="8196" y="1805"/>
                    <a:pt x="8296" y="1956"/>
                    <a:pt x="8371" y="2081"/>
                  </a:cubicBezTo>
                  <a:cubicBezTo>
                    <a:pt x="8422" y="2131"/>
                    <a:pt x="8597" y="2256"/>
                    <a:pt x="8597" y="2357"/>
                  </a:cubicBezTo>
                  <a:cubicBezTo>
                    <a:pt x="8597" y="2482"/>
                    <a:pt x="8371" y="2632"/>
                    <a:pt x="8296" y="2758"/>
                  </a:cubicBezTo>
                  <a:cubicBezTo>
                    <a:pt x="8246" y="2858"/>
                    <a:pt x="8196" y="3083"/>
                    <a:pt x="8196" y="3209"/>
                  </a:cubicBezTo>
                  <a:cubicBezTo>
                    <a:pt x="8246" y="3309"/>
                    <a:pt x="8422" y="3484"/>
                    <a:pt x="8522" y="3535"/>
                  </a:cubicBezTo>
                  <a:cubicBezTo>
                    <a:pt x="8597" y="3660"/>
                    <a:pt x="8873" y="3810"/>
                    <a:pt x="8923" y="3936"/>
                  </a:cubicBezTo>
                  <a:cubicBezTo>
                    <a:pt x="8923" y="3986"/>
                    <a:pt x="8973" y="4111"/>
                    <a:pt x="8923" y="4211"/>
                  </a:cubicBezTo>
                  <a:cubicBezTo>
                    <a:pt x="8923" y="4261"/>
                    <a:pt x="8747" y="4337"/>
                    <a:pt x="8697" y="4387"/>
                  </a:cubicBezTo>
                  <a:cubicBezTo>
                    <a:pt x="8697" y="4437"/>
                    <a:pt x="8747" y="4487"/>
                    <a:pt x="8747" y="4562"/>
                  </a:cubicBezTo>
                  <a:cubicBezTo>
                    <a:pt x="8823" y="4612"/>
                    <a:pt x="8923" y="4713"/>
                    <a:pt x="8973" y="4788"/>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123" name="Google Shape;180;p16">
              <a:extLst>
                <a:ext uri="{FF2B5EF4-FFF2-40B4-BE49-F238E27FC236}">
                  <a16:creationId xmlns:a16="http://schemas.microsoft.com/office/drawing/2014/main" id="{809F6D23-50FE-E4F9-0B1D-B2BF04B32F26}"/>
                </a:ext>
              </a:extLst>
            </p:cNvPr>
            <p:cNvSpPr/>
            <p:nvPr/>
          </p:nvSpPr>
          <p:spPr>
            <a:xfrm>
              <a:off x="1331905" y="1556263"/>
              <a:ext cx="252558" cy="199389"/>
            </a:xfrm>
            <a:custGeom>
              <a:avLst/>
              <a:gdLst/>
              <a:ahLst/>
              <a:cxnLst/>
              <a:rect l="l" t="t" r="r" b="b"/>
              <a:pathLst>
                <a:path w="9049" h="7144" fill="none" extrusionOk="0">
                  <a:moveTo>
                    <a:pt x="8973" y="4788"/>
                  </a:moveTo>
                  <a:cubicBezTo>
                    <a:pt x="8973" y="4838"/>
                    <a:pt x="9048" y="5063"/>
                    <a:pt x="8973" y="5114"/>
                  </a:cubicBezTo>
                  <a:cubicBezTo>
                    <a:pt x="8923" y="5164"/>
                    <a:pt x="8697" y="5289"/>
                    <a:pt x="8597" y="5289"/>
                  </a:cubicBezTo>
                  <a:cubicBezTo>
                    <a:pt x="8472" y="5339"/>
                    <a:pt x="8296" y="5239"/>
                    <a:pt x="8196" y="5289"/>
                  </a:cubicBezTo>
                  <a:cubicBezTo>
                    <a:pt x="8071" y="5339"/>
                    <a:pt x="7970" y="5615"/>
                    <a:pt x="7920" y="5690"/>
                  </a:cubicBezTo>
                  <a:cubicBezTo>
                    <a:pt x="7845" y="5740"/>
                    <a:pt x="7695" y="5840"/>
                    <a:pt x="7569" y="5916"/>
                  </a:cubicBezTo>
                  <a:cubicBezTo>
                    <a:pt x="7469" y="5916"/>
                    <a:pt x="7244" y="5840"/>
                    <a:pt x="7168" y="5840"/>
                  </a:cubicBezTo>
                  <a:cubicBezTo>
                    <a:pt x="7068" y="5840"/>
                    <a:pt x="6893" y="5740"/>
                    <a:pt x="6792" y="5740"/>
                  </a:cubicBezTo>
                  <a:cubicBezTo>
                    <a:pt x="6667" y="5740"/>
                    <a:pt x="6391" y="5790"/>
                    <a:pt x="6216" y="5740"/>
                  </a:cubicBezTo>
                  <a:cubicBezTo>
                    <a:pt x="6116" y="5740"/>
                    <a:pt x="5940" y="5615"/>
                    <a:pt x="5890" y="5615"/>
                  </a:cubicBezTo>
                  <a:cubicBezTo>
                    <a:pt x="5765" y="5615"/>
                    <a:pt x="5539" y="5615"/>
                    <a:pt x="5489" y="5690"/>
                  </a:cubicBezTo>
                  <a:cubicBezTo>
                    <a:pt x="5439" y="5690"/>
                    <a:pt x="5314" y="5840"/>
                    <a:pt x="5264" y="5916"/>
                  </a:cubicBezTo>
                  <a:cubicBezTo>
                    <a:pt x="5213" y="5966"/>
                    <a:pt x="5088" y="6141"/>
                    <a:pt x="5038" y="6191"/>
                  </a:cubicBezTo>
                  <a:cubicBezTo>
                    <a:pt x="4913" y="6291"/>
                    <a:pt x="4762" y="6417"/>
                    <a:pt x="4637" y="6467"/>
                  </a:cubicBezTo>
                  <a:cubicBezTo>
                    <a:pt x="4537" y="6517"/>
                    <a:pt x="4361" y="6467"/>
                    <a:pt x="4236" y="6467"/>
                  </a:cubicBezTo>
                  <a:cubicBezTo>
                    <a:pt x="4136" y="6517"/>
                    <a:pt x="3910" y="6692"/>
                    <a:pt x="3785" y="6793"/>
                  </a:cubicBezTo>
                  <a:cubicBezTo>
                    <a:pt x="3735" y="6793"/>
                    <a:pt x="3685" y="6918"/>
                    <a:pt x="3685" y="6968"/>
                  </a:cubicBezTo>
                  <a:cubicBezTo>
                    <a:pt x="3635" y="7018"/>
                    <a:pt x="3459" y="7144"/>
                    <a:pt x="3409" y="7144"/>
                  </a:cubicBezTo>
                  <a:cubicBezTo>
                    <a:pt x="3284" y="7144"/>
                    <a:pt x="3183" y="7018"/>
                    <a:pt x="3108" y="6968"/>
                  </a:cubicBezTo>
                  <a:lnTo>
                    <a:pt x="2883" y="6968"/>
                  </a:lnTo>
                  <a:cubicBezTo>
                    <a:pt x="2883" y="6968"/>
                    <a:pt x="2883" y="6918"/>
                    <a:pt x="2833" y="6918"/>
                  </a:cubicBezTo>
                  <a:cubicBezTo>
                    <a:pt x="2782" y="6868"/>
                    <a:pt x="2607" y="6793"/>
                    <a:pt x="2607" y="6692"/>
                  </a:cubicBezTo>
                  <a:cubicBezTo>
                    <a:pt x="2557" y="6642"/>
                    <a:pt x="2557" y="6467"/>
                    <a:pt x="2507" y="6367"/>
                  </a:cubicBezTo>
                  <a:cubicBezTo>
                    <a:pt x="2507" y="6367"/>
                    <a:pt x="2432" y="6291"/>
                    <a:pt x="2381" y="6291"/>
                  </a:cubicBezTo>
                  <a:cubicBezTo>
                    <a:pt x="2331" y="6291"/>
                    <a:pt x="2206" y="6367"/>
                    <a:pt x="2156" y="6367"/>
                  </a:cubicBezTo>
                  <a:lnTo>
                    <a:pt x="2106" y="6241"/>
                  </a:lnTo>
                  <a:cubicBezTo>
                    <a:pt x="2106" y="6191"/>
                    <a:pt x="2156" y="6141"/>
                    <a:pt x="2156" y="6066"/>
                  </a:cubicBezTo>
                  <a:cubicBezTo>
                    <a:pt x="2156" y="6066"/>
                    <a:pt x="2156" y="6016"/>
                    <a:pt x="2106" y="5966"/>
                  </a:cubicBezTo>
                  <a:cubicBezTo>
                    <a:pt x="2056" y="5966"/>
                    <a:pt x="1880" y="6016"/>
                    <a:pt x="1830" y="5966"/>
                  </a:cubicBezTo>
                  <a:cubicBezTo>
                    <a:pt x="1755" y="5966"/>
                    <a:pt x="1705" y="5916"/>
                    <a:pt x="1705" y="5840"/>
                  </a:cubicBezTo>
                  <a:cubicBezTo>
                    <a:pt x="1655" y="5790"/>
                    <a:pt x="1604" y="5565"/>
                    <a:pt x="1604" y="5515"/>
                  </a:cubicBezTo>
                  <a:cubicBezTo>
                    <a:pt x="1604" y="5389"/>
                    <a:pt x="1655" y="5289"/>
                    <a:pt x="1655" y="5164"/>
                  </a:cubicBezTo>
                  <a:cubicBezTo>
                    <a:pt x="1655" y="5114"/>
                    <a:pt x="1479" y="4888"/>
                    <a:pt x="1479" y="4838"/>
                  </a:cubicBezTo>
                  <a:cubicBezTo>
                    <a:pt x="1529" y="4788"/>
                    <a:pt x="1705" y="4713"/>
                    <a:pt x="1705" y="4662"/>
                  </a:cubicBezTo>
                  <a:cubicBezTo>
                    <a:pt x="1755" y="4562"/>
                    <a:pt x="1655" y="4387"/>
                    <a:pt x="1655" y="4261"/>
                  </a:cubicBezTo>
                  <a:cubicBezTo>
                    <a:pt x="1604" y="4211"/>
                    <a:pt x="1529" y="4111"/>
                    <a:pt x="1479" y="4111"/>
                  </a:cubicBezTo>
                  <a:cubicBezTo>
                    <a:pt x="1429" y="4036"/>
                    <a:pt x="1379" y="4036"/>
                    <a:pt x="1304" y="4111"/>
                  </a:cubicBezTo>
                  <a:cubicBezTo>
                    <a:pt x="1254" y="4111"/>
                    <a:pt x="1203" y="4211"/>
                    <a:pt x="1128" y="4211"/>
                  </a:cubicBezTo>
                  <a:cubicBezTo>
                    <a:pt x="1028" y="4211"/>
                    <a:pt x="903" y="4161"/>
                    <a:pt x="853" y="4111"/>
                  </a:cubicBezTo>
                  <a:cubicBezTo>
                    <a:pt x="802" y="4036"/>
                    <a:pt x="677" y="3986"/>
                    <a:pt x="627" y="3936"/>
                  </a:cubicBezTo>
                  <a:cubicBezTo>
                    <a:pt x="577" y="3885"/>
                    <a:pt x="527" y="3760"/>
                    <a:pt x="452" y="3760"/>
                  </a:cubicBezTo>
                  <a:cubicBezTo>
                    <a:pt x="401" y="3710"/>
                    <a:pt x="301" y="3585"/>
                    <a:pt x="301" y="3535"/>
                  </a:cubicBezTo>
                  <a:cubicBezTo>
                    <a:pt x="301" y="3484"/>
                    <a:pt x="452" y="3535"/>
                    <a:pt x="452" y="3535"/>
                  </a:cubicBezTo>
                  <a:cubicBezTo>
                    <a:pt x="527" y="3535"/>
                    <a:pt x="627" y="3585"/>
                    <a:pt x="677" y="3535"/>
                  </a:cubicBezTo>
                  <a:lnTo>
                    <a:pt x="677" y="3434"/>
                  </a:lnTo>
                  <a:cubicBezTo>
                    <a:pt x="677" y="3384"/>
                    <a:pt x="627" y="3259"/>
                    <a:pt x="627" y="3209"/>
                  </a:cubicBezTo>
                  <a:cubicBezTo>
                    <a:pt x="627" y="3159"/>
                    <a:pt x="577" y="3033"/>
                    <a:pt x="527" y="2983"/>
                  </a:cubicBezTo>
                  <a:lnTo>
                    <a:pt x="401" y="3033"/>
                  </a:lnTo>
                  <a:cubicBezTo>
                    <a:pt x="301" y="3033"/>
                    <a:pt x="176" y="2933"/>
                    <a:pt x="126" y="2858"/>
                  </a:cubicBezTo>
                  <a:cubicBezTo>
                    <a:pt x="76" y="2808"/>
                    <a:pt x="0" y="2707"/>
                    <a:pt x="0" y="2632"/>
                  </a:cubicBezTo>
                  <a:cubicBezTo>
                    <a:pt x="0" y="2582"/>
                    <a:pt x="126" y="2482"/>
                    <a:pt x="126" y="2407"/>
                  </a:cubicBezTo>
                  <a:cubicBezTo>
                    <a:pt x="126" y="2357"/>
                    <a:pt x="0" y="2181"/>
                    <a:pt x="0" y="2131"/>
                  </a:cubicBezTo>
                  <a:cubicBezTo>
                    <a:pt x="0" y="2081"/>
                    <a:pt x="126" y="1905"/>
                    <a:pt x="176" y="1855"/>
                  </a:cubicBezTo>
                  <a:cubicBezTo>
                    <a:pt x="176" y="1855"/>
                    <a:pt x="226" y="1730"/>
                    <a:pt x="301" y="1730"/>
                  </a:cubicBezTo>
                  <a:lnTo>
                    <a:pt x="577" y="1730"/>
                  </a:lnTo>
                  <a:cubicBezTo>
                    <a:pt x="627" y="1805"/>
                    <a:pt x="802" y="1805"/>
                    <a:pt x="853" y="1805"/>
                  </a:cubicBezTo>
                  <a:cubicBezTo>
                    <a:pt x="978" y="1730"/>
                    <a:pt x="1203" y="1730"/>
                    <a:pt x="1304" y="1680"/>
                  </a:cubicBezTo>
                  <a:cubicBezTo>
                    <a:pt x="1379" y="1680"/>
                    <a:pt x="1429" y="1580"/>
                    <a:pt x="1479" y="1504"/>
                  </a:cubicBezTo>
                  <a:cubicBezTo>
                    <a:pt x="1529" y="1504"/>
                    <a:pt x="1655" y="1504"/>
                    <a:pt x="1705" y="1454"/>
                  </a:cubicBezTo>
                  <a:cubicBezTo>
                    <a:pt x="1755" y="1404"/>
                    <a:pt x="1830" y="1279"/>
                    <a:pt x="1830" y="1229"/>
                  </a:cubicBezTo>
                  <a:cubicBezTo>
                    <a:pt x="1880" y="1179"/>
                    <a:pt x="1755" y="953"/>
                    <a:pt x="1755" y="903"/>
                  </a:cubicBezTo>
                  <a:cubicBezTo>
                    <a:pt x="1830" y="828"/>
                    <a:pt x="1930" y="778"/>
                    <a:pt x="2056" y="728"/>
                  </a:cubicBezTo>
                  <a:cubicBezTo>
                    <a:pt x="2106" y="728"/>
                    <a:pt x="2156" y="778"/>
                    <a:pt x="2206" y="778"/>
                  </a:cubicBezTo>
                  <a:cubicBezTo>
                    <a:pt x="2281" y="828"/>
                    <a:pt x="2432" y="1003"/>
                    <a:pt x="2507" y="1053"/>
                  </a:cubicBezTo>
                  <a:cubicBezTo>
                    <a:pt x="2557" y="1179"/>
                    <a:pt x="2507" y="1354"/>
                    <a:pt x="2557" y="1404"/>
                  </a:cubicBezTo>
                  <a:cubicBezTo>
                    <a:pt x="2557" y="1504"/>
                    <a:pt x="2732" y="1580"/>
                    <a:pt x="2782" y="1580"/>
                  </a:cubicBezTo>
                  <a:cubicBezTo>
                    <a:pt x="2833" y="1580"/>
                    <a:pt x="2958" y="1404"/>
                    <a:pt x="3008" y="1404"/>
                  </a:cubicBezTo>
                  <a:cubicBezTo>
                    <a:pt x="3058" y="1354"/>
                    <a:pt x="3183" y="1404"/>
                    <a:pt x="3183" y="1454"/>
                  </a:cubicBezTo>
                  <a:cubicBezTo>
                    <a:pt x="3234" y="1454"/>
                    <a:pt x="3284" y="1580"/>
                    <a:pt x="3334" y="1580"/>
                  </a:cubicBezTo>
                  <a:cubicBezTo>
                    <a:pt x="3409" y="1630"/>
                    <a:pt x="3509" y="1504"/>
                    <a:pt x="3509" y="1504"/>
                  </a:cubicBezTo>
                  <a:cubicBezTo>
                    <a:pt x="3559" y="1454"/>
                    <a:pt x="3635" y="1279"/>
                    <a:pt x="3685" y="1229"/>
                  </a:cubicBezTo>
                  <a:cubicBezTo>
                    <a:pt x="3785" y="1129"/>
                    <a:pt x="4010" y="1053"/>
                    <a:pt x="4136" y="953"/>
                  </a:cubicBezTo>
                  <a:cubicBezTo>
                    <a:pt x="4186" y="953"/>
                    <a:pt x="4311" y="778"/>
                    <a:pt x="4411" y="778"/>
                  </a:cubicBezTo>
                  <a:cubicBezTo>
                    <a:pt x="4462" y="778"/>
                    <a:pt x="4587" y="778"/>
                    <a:pt x="4637" y="828"/>
                  </a:cubicBezTo>
                  <a:cubicBezTo>
                    <a:pt x="4687" y="828"/>
                    <a:pt x="4762" y="1003"/>
                    <a:pt x="4812" y="1053"/>
                  </a:cubicBezTo>
                  <a:cubicBezTo>
                    <a:pt x="4863" y="1129"/>
                    <a:pt x="4988" y="1229"/>
                    <a:pt x="5038" y="1229"/>
                  </a:cubicBezTo>
                  <a:cubicBezTo>
                    <a:pt x="5138" y="1179"/>
                    <a:pt x="5264" y="1003"/>
                    <a:pt x="5314" y="953"/>
                  </a:cubicBezTo>
                  <a:cubicBezTo>
                    <a:pt x="5314" y="903"/>
                    <a:pt x="5364" y="778"/>
                    <a:pt x="5364" y="728"/>
                  </a:cubicBezTo>
                  <a:cubicBezTo>
                    <a:pt x="5439" y="677"/>
                    <a:pt x="5539" y="602"/>
                    <a:pt x="5589" y="602"/>
                  </a:cubicBezTo>
                  <a:cubicBezTo>
                    <a:pt x="5765" y="502"/>
                    <a:pt x="6116" y="502"/>
                    <a:pt x="6216" y="402"/>
                  </a:cubicBezTo>
                  <a:cubicBezTo>
                    <a:pt x="6266" y="327"/>
                    <a:pt x="6341" y="276"/>
                    <a:pt x="6391" y="226"/>
                  </a:cubicBezTo>
                  <a:cubicBezTo>
                    <a:pt x="6442" y="176"/>
                    <a:pt x="6567" y="1"/>
                    <a:pt x="6667" y="1"/>
                  </a:cubicBezTo>
                  <a:cubicBezTo>
                    <a:pt x="6717" y="51"/>
                    <a:pt x="6667" y="276"/>
                    <a:pt x="6792" y="327"/>
                  </a:cubicBezTo>
                  <a:lnTo>
                    <a:pt x="6943" y="327"/>
                  </a:lnTo>
                  <a:cubicBezTo>
                    <a:pt x="7068" y="327"/>
                    <a:pt x="7244" y="276"/>
                    <a:pt x="7344" y="327"/>
                  </a:cubicBezTo>
                  <a:cubicBezTo>
                    <a:pt x="7469" y="327"/>
                    <a:pt x="7619" y="327"/>
                    <a:pt x="7695" y="402"/>
                  </a:cubicBezTo>
                  <a:cubicBezTo>
                    <a:pt x="7745" y="452"/>
                    <a:pt x="7745" y="602"/>
                    <a:pt x="7795" y="677"/>
                  </a:cubicBezTo>
                  <a:cubicBezTo>
                    <a:pt x="7795" y="778"/>
                    <a:pt x="7920" y="953"/>
                    <a:pt x="7970" y="1003"/>
                  </a:cubicBezTo>
                  <a:cubicBezTo>
                    <a:pt x="8021" y="1053"/>
                    <a:pt x="8071" y="1053"/>
                    <a:pt x="8146" y="1053"/>
                  </a:cubicBezTo>
                  <a:lnTo>
                    <a:pt x="8146" y="1354"/>
                  </a:lnTo>
                  <a:lnTo>
                    <a:pt x="8146" y="1680"/>
                  </a:lnTo>
                  <a:cubicBezTo>
                    <a:pt x="8196" y="1805"/>
                    <a:pt x="8296" y="1956"/>
                    <a:pt x="8371" y="2081"/>
                  </a:cubicBezTo>
                  <a:cubicBezTo>
                    <a:pt x="8422" y="2131"/>
                    <a:pt x="8597" y="2256"/>
                    <a:pt x="8597" y="2357"/>
                  </a:cubicBezTo>
                  <a:cubicBezTo>
                    <a:pt x="8597" y="2482"/>
                    <a:pt x="8371" y="2632"/>
                    <a:pt x="8296" y="2758"/>
                  </a:cubicBezTo>
                  <a:cubicBezTo>
                    <a:pt x="8246" y="2858"/>
                    <a:pt x="8196" y="3083"/>
                    <a:pt x="8196" y="3209"/>
                  </a:cubicBezTo>
                  <a:cubicBezTo>
                    <a:pt x="8246" y="3309"/>
                    <a:pt x="8422" y="3484"/>
                    <a:pt x="8522" y="3535"/>
                  </a:cubicBezTo>
                  <a:cubicBezTo>
                    <a:pt x="8597" y="3660"/>
                    <a:pt x="8873" y="3810"/>
                    <a:pt x="8923" y="3936"/>
                  </a:cubicBezTo>
                  <a:cubicBezTo>
                    <a:pt x="8923" y="3986"/>
                    <a:pt x="8973" y="4111"/>
                    <a:pt x="8923" y="4211"/>
                  </a:cubicBezTo>
                  <a:cubicBezTo>
                    <a:pt x="8923" y="4261"/>
                    <a:pt x="8747" y="4337"/>
                    <a:pt x="8697" y="4387"/>
                  </a:cubicBezTo>
                  <a:cubicBezTo>
                    <a:pt x="8697" y="4437"/>
                    <a:pt x="8747" y="4487"/>
                    <a:pt x="8747" y="4562"/>
                  </a:cubicBezTo>
                  <a:cubicBezTo>
                    <a:pt x="8823" y="4612"/>
                    <a:pt x="8923" y="4713"/>
                    <a:pt x="8973" y="4788"/>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124" name="Google Shape;181;p16">
              <a:extLst>
                <a:ext uri="{FF2B5EF4-FFF2-40B4-BE49-F238E27FC236}">
                  <a16:creationId xmlns:a16="http://schemas.microsoft.com/office/drawing/2014/main" id="{219E0B00-EA3A-801E-3BCF-82C58EE09EB3}"/>
                </a:ext>
              </a:extLst>
            </p:cNvPr>
            <p:cNvSpPr/>
            <p:nvPr/>
          </p:nvSpPr>
          <p:spPr>
            <a:xfrm>
              <a:off x="1331905" y="1556263"/>
              <a:ext cx="252558" cy="199389"/>
            </a:xfrm>
            <a:custGeom>
              <a:avLst/>
              <a:gdLst/>
              <a:ahLst/>
              <a:cxnLst/>
              <a:rect l="l" t="t" r="r" b="b"/>
              <a:pathLst>
                <a:path w="9049" h="7144" extrusionOk="0">
                  <a:moveTo>
                    <a:pt x="6667" y="1"/>
                  </a:moveTo>
                  <a:cubicBezTo>
                    <a:pt x="6567" y="1"/>
                    <a:pt x="6442" y="176"/>
                    <a:pt x="6391" y="226"/>
                  </a:cubicBezTo>
                  <a:cubicBezTo>
                    <a:pt x="6341" y="276"/>
                    <a:pt x="6266" y="327"/>
                    <a:pt x="6216" y="402"/>
                  </a:cubicBezTo>
                  <a:cubicBezTo>
                    <a:pt x="6116" y="502"/>
                    <a:pt x="5765" y="502"/>
                    <a:pt x="5589" y="602"/>
                  </a:cubicBezTo>
                  <a:cubicBezTo>
                    <a:pt x="5539" y="602"/>
                    <a:pt x="5439" y="677"/>
                    <a:pt x="5364" y="728"/>
                  </a:cubicBezTo>
                  <a:cubicBezTo>
                    <a:pt x="5364" y="778"/>
                    <a:pt x="5314" y="903"/>
                    <a:pt x="5314" y="953"/>
                  </a:cubicBezTo>
                  <a:cubicBezTo>
                    <a:pt x="5264" y="1003"/>
                    <a:pt x="5138" y="1179"/>
                    <a:pt x="5038" y="1229"/>
                  </a:cubicBezTo>
                  <a:cubicBezTo>
                    <a:pt x="4988" y="1229"/>
                    <a:pt x="4863" y="1129"/>
                    <a:pt x="4812" y="1053"/>
                  </a:cubicBezTo>
                  <a:cubicBezTo>
                    <a:pt x="4762" y="1003"/>
                    <a:pt x="4687" y="828"/>
                    <a:pt x="4637" y="828"/>
                  </a:cubicBezTo>
                  <a:cubicBezTo>
                    <a:pt x="4587" y="778"/>
                    <a:pt x="4462" y="778"/>
                    <a:pt x="4411" y="778"/>
                  </a:cubicBezTo>
                  <a:cubicBezTo>
                    <a:pt x="4311" y="778"/>
                    <a:pt x="4186" y="953"/>
                    <a:pt x="4136" y="953"/>
                  </a:cubicBezTo>
                  <a:cubicBezTo>
                    <a:pt x="4010" y="1053"/>
                    <a:pt x="3785" y="1129"/>
                    <a:pt x="3685" y="1229"/>
                  </a:cubicBezTo>
                  <a:cubicBezTo>
                    <a:pt x="3635" y="1279"/>
                    <a:pt x="3559" y="1454"/>
                    <a:pt x="3509" y="1504"/>
                  </a:cubicBezTo>
                  <a:cubicBezTo>
                    <a:pt x="3509" y="1504"/>
                    <a:pt x="3440" y="1592"/>
                    <a:pt x="3373" y="1592"/>
                  </a:cubicBezTo>
                  <a:cubicBezTo>
                    <a:pt x="3360" y="1592"/>
                    <a:pt x="3346" y="1588"/>
                    <a:pt x="3334" y="1580"/>
                  </a:cubicBezTo>
                  <a:cubicBezTo>
                    <a:pt x="3284" y="1580"/>
                    <a:pt x="3234" y="1454"/>
                    <a:pt x="3183" y="1454"/>
                  </a:cubicBezTo>
                  <a:cubicBezTo>
                    <a:pt x="3183" y="1419"/>
                    <a:pt x="3121" y="1383"/>
                    <a:pt x="3066" y="1383"/>
                  </a:cubicBezTo>
                  <a:cubicBezTo>
                    <a:pt x="3044" y="1383"/>
                    <a:pt x="3023" y="1390"/>
                    <a:pt x="3008" y="1404"/>
                  </a:cubicBezTo>
                  <a:cubicBezTo>
                    <a:pt x="2958" y="1404"/>
                    <a:pt x="2833" y="1580"/>
                    <a:pt x="2782" y="1580"/>
                  </a:cubicBezTo>
                  <a:cubicBezTo>
                    <a:pt x="2732" y="1580"/>
                    <a:pt x="2557" y="1504"/>
                    <a:pt x="2557" y="1404"/>
                  </a:cubicBezTo>
                  <a:cubicBezTo>
                    <a:pt x="2507" y="1354"/>
                    <a:pt x="2557" y="1179"/>
                    <a:pt x="2507" y="1053"/>
                  </a:cubicBezTo>
                  <a:cubicBezTo>
                    <a:pt x="2432" y="1003"/>
                    <a:pt x="2281" y="828"/>
                    <a:pt x="2206" y="778"/>
                  </a:cubicBezTo>
                  <a:cubicBezTo>
                    <a:pt x="2156" y="778"/>
                    <a:pt x="2106" y="728"/>
                    <a:pt x="2056" y="728"/>
                  </a:cubicBezTo>
                  <a:cubicBezTo>
                    <a:pt x="1930" y="778"/>
                    <a:pt x="1830" y="828"/>
                    <a:pt x="1755" y="903"/>
                  </a:cubicBezTo>
                  <a:cubicBezTo>
                    <a:pt x="1755" y="953"/>
                    <a:pt x="1880" y="1179"/>
                    <a:pt x="1830" y="1229"/>
                  </a:cubicBezTo>
                  <a:cubicBezTo>
                    <a:pt x="1830" y="1279"/>
                    <a:pt x="1755" y="1404"/>
                    <a:pt x="1705" y="1454"/>
                  </a:cubicBezTo>
                  <a:cubicBezTo>
                    <a:pt x="1655" y="1504"/>
                    <a:pt x="1529" y="1504"/>
                    <a:pt x="1479" y="1504"/>
                  </a:cubicBezTo>
                  <a:cubicBezTo>
                    <a:pt x="1429" y="1580"/>
                    <a:pt x="1379" y="1680"/>
                    <a:pt x="1304" y="1680"/>
                  </a:cubicBezTo>
                  <a:cubicBezTo>
                    <a:pt x="1203" y="1730"/>
                    <a:pt x="978" y="1730"/>
                    <a:pt x="853" y="1805"/>
                  </a:cubicBezTo>
                  <a:cubicBezTo>
                    <a:pt x="802" y="1805"/>
                    <a:pt x="627" y="1805"/>
                    <a:pt x="577" y="1730"/>
                  </a:cubicBezTo>
                  <a:lnTo>
                    <a:pt x="301" y="1730"/>
                  </a:lnTo>
                  <a:cubicBezTo>
                    <a:pt x="226" y="1730"/>
                    <a:pt x="176" y="1855"/>
                    <a:pt x="176" y="1855"/>
                  </a:cubicBezTo>
                  <a:cubicBezTo>
                    <a:pt x="126" y="1905"/>
                    <a:pt x="0" y="2081"/>
                    <a:pt x="0" y="2131"/>
                  </a:cubicBezTo>
                  <a:cubicBezTo>
                    <a:pt x="0" y="2181"/>
                    <a:pt x="126" y="2357"/>
                    <a:pt x="126" y="2407"/>
                  </a:cubicBezTo>
                  <a:cubicBezTo>
                    <a:pt x="126" y="2482"/>
                    <a:pt x="0" y="2582"/>
                    <a:pt x="0" y="2632"/>
                  </a:cubicBezTo>
                  <a:cubicBezTo>
                    <a:pt x="0" y="2707"/>
                    <a:pt x="76" y="2808"/>
                    <a:pt x="126" y="2858"/>
                  </a:cubicBezTo>
                  <a:cubicBezTo>
                    <a:pt x="176" y="2933"/>
                    <a:pt x="301" y="3033"/>
                    <a:pt x="401" y="3033"/>
                  </a:cubicBezTo>
                  <a:lnTo>
                    <a:pt x="527" y="2983"/>
                  </a:lnTo>
                  <a:cubicBezTo>
                    <a:pt x="577" y="3033"/>
                    <a:pt x="627" y="3159"/>
                    <a:pt x="627" y="3209"/>
                  </a:cubicBezTo>
                  <a:cubicBezTo>
                    <a:pt x="627" y="3259"/>
                    <a:pt x="677" y="3384"/>
                    <a:pt x="677" y="3434"/>
                  </a:cubicBezTo>
                  <a:lnTo>
                    <a:pt x="677" y="3535"/>
                  </a:lnTo>
                  <a:cubicBezTo>
                    <a:pt x="660" y="3551"/>
                    <a:pt x="638" y="3557"/>
                    <a:pt x="613" y="3557"/>
                  </a:cubicBezTo>
                  <a:cubicBezTo>
                    <a:pt x="563" y="3557"/>
                    <a:pt x="502" y="3535"/>
                    <a:pt x="452" y="3535"/>
                  </a:cubicBezTo>
                  <a:cubicBezTo>
                    <a:pt x="452" y="3535"/>
                    <a:pt x="385" y="3512"/>
                    <a:pt x="340" y="3512"/>
                  </a:cubicBezTo>
                  <a:cubicBezTo>
                    <a:pt x="318" y="3512"/>
                    <a:pt x="301" y="3518"/>
                    <a:pt x="301" y="3535"/>
                  </a:cubicBezTo>
                  <a:cubicBezTo>
                    <a:pt x="301" y="3585"/>
                    <a:pt x="401" y="3710"/>
                    <a:pt x="452" y="3760"/>
                  </a:cubicBezTo>
                  <a:cubicBezTo>
                    <a:pt x="527" y="3760"/>
                    <a:pt x="577" y="3885"/>
                    <a:pt x="627" y="3936"/>
                  </a:cubicBezTo>
                  <a:cubicBezTo>
                    <a:pt x="677" y="3986"/>
                    <a:pt x="802" y="4036"/>
                    <a:pt x="853" y="4111"/>
                  </a:cubicBezTo>
                  <a:cubicBezTo>
                    <a:pt x="903" y="4161"/>
                    <a:pt x="1028" y="4211"/>
                    <a:pt x="1128" y="4211"/>
                  </a:cubicBezTo>
                  <a:cubicBezTo>
                    <a:pt x="1203" y="4211"/>
                    <a:pt x="1254" y="4111"/>
                    <a:pt x="1304" y="4111"/>
                  </a:cubicBezTo>
                  <a:cubicBezTo>
                    <a:pt x="1341" y="4073"/>
                    <a:pt x="1373" y="4055"/>
                    <a:pt x="1401" y="4055"/>
                  </a:cubicBezTo>
                  <a:cubicBezTo>
                    <a:pt x="1429" y="4055"/>
                    <a:pt x="1454" y="4073"/>
                    <a:pt x="1479" y="4111"/>
                  </a:cubicBezTo>
                  <a:cubicBezTo>
                    <a:pt x="1529" y="4111"/>
                    <a:pt x="1604" y="4211"/>
                    <a:pt x="1655" y="4261"/>
                  </a:cubicBezTo>
                  <a:cubicBezTo>
                    <a:pt x="1655" y="4387"/>
                    <a:pt x="1755" y="4562"/>
                    <a:pt x="1705" y="4662"/>
                  </a:cubicBezTo>
                  <a:cubicBezTo>
                    <a:pt x="1705" y="4713"/>
                    <a:pt x="1529" y="4788"/>
                    <a:pt x="1479" y="4838"/>
                  </a:cubicBezTo>
                  <a:cubicBezTo>
                    <a:pt x="1479" y="4888"/>
                    <a:pt x="1655" y="5114"/>
                    <a:pt x="1655" y="5164"/>
                  </a:cubicBezTo>
                  <a:cubicBezTo>
                    <a:pt x="1655" y="5289"/>
                    <a:pt x="1604" y="5389"/>
                    <a:pt x="1604" y="5515"/>
                  </a:cubicBezTo>
                  <a:cubicBezTo>
                    <a:pt x="1604" y="5565"/>
                    <a:pt x="1655" y="5790"/>
                    <a:pt x="1705" y="5840"/>
                  </a:cubicBezTo>
                  <a:cubicBezTo>
                    <a:pt x="1705" y="5916"/>
                    <a:pt x="1755" y="5966"/>
                    <a:pt x="1830" y="5966"/>
                  </a:cubicBezTo>
                  <a:cubicBezTo>
                    <a:pt x="1847" y="5982"/>
                    <a:pt x="1877" y="5988"/>
                    <a:pt x="1913" y="5988"/>
                  </a:cubicBezTo>
                  <a:cubicBezTo>
                    <a:pt x="1983" y="5988"/>
                    <a:pt x="2072" y="5966"/>
                    <a:pt x="2106" y="5966"/>
                  </a:cubicBezTo>
                  <a:cubicBezTo>
                    <a:pt x="2156" y="6016"/>
                    <a:pt x="2156" y="6066"/>
                    <a:pt x="2156" y="6066"/>
                  </a:cubicBezTo>
                  <a:cubicBezTo>
                    <a:pt x="2156" y="6141"/>
                    <a:pt x="2106" y="6191"/>
                    <a:pt x="2106" y="6241"/>
                  </a:cubicBezTo>
                  <a:lnTo>
                    <a:pt x="2156" y="6367"/>
                  </a:lnTo>
                  <a:cubicBezTo>
                    <a:pt x="2206" y="6367"/>
                    <a:pt x="2331" y="6291"/>
                    <a:pt x="2381" y="6291"/>
                  </a:cubicBezTo>
                  <a:cubicBezTo>
                    <a:pt x="2432" y="6291"/>
                    <a:pt x="2507" y="6367"/>
                    <a:pt x="2507" y="6367"/>
                  </a:cubicBezTo>
                  <a:cubicBezTo>
                    <a:pt x="2557" y="6467"/>
                    <a:pt x="2557" y="6642"/>
                    <a:pt x="2607" y="6692"/>
                  </a:cubicBezTo>
                  <a:cubicBezTo>
                    <a:pt x="2607" y="6793"/>
                    <a:pt x="2782" y="6868"/>
                    <a:pt x="2833" y="6918"/>
                  </a:cubicBezTo>
                  <a:cubicBezTo>
                    <a:pt x="2883" y="6918"/>
                    <a:pt x="2883" y="6968"/>
                    <a:pt x="2883" y="6968"/>
                  </a:cubicBezTo>
                  <a:lnTo>
                    <a:pt x="3108" y="6968"/>
                  </a:lnTo>
                  <a:cubicBezTo>
                    <a:pt x="3183" y="7018"/>
                    <a:pt x="3284" y="7144"/>
                    <a:pt x="3409" y="7144"/>
                  </a:cubicBezTo>
                  <a:cubicBezTo>
                    <a:pt x="3459" y="7144"/>
                    <a:pt x="3635" y="7018"/>
                    <a:pt x="3685" y="6968"/>
                  </a:cubicBezTo>
                  <a:cubicBezTo>
                    <a:pt x="3685" y="6918"/>
                    <a:pt x="3735" y="6793"/>
                    <a:pt x="3785" y="6793"/>
                  </a:cubicBezTo>
                  <a:cubicBezTo>
                    <a:pt x="3910" y="6692"/>
                    <a:pt x="4136" y="6517"/>
                    <a:pt x="4236" y="6467"/>
                  </a:cubicBezTo>
                  <a:cubicBezTo>
                    <a:pt x="4320" y="6467"/>
                    <a:pt x="4425" y="6489"/>
                    <a:pt x="4516" y="6489"/>
                  </a:cubicBezTo>
                  <a:cubicBezTo>
                    <a:pt x="4562" y="6489"/>
                    <a:pt x="4604" y="6484"/>
                    <a:pt x="4637" y="6467"/>
                  </a:cubicBezTo>
                  <a:cubicBezTo>
                    <a:pt x="4762" y="6417"/>
                    <a:pt x="4913" y="6291"/>
                    <a:pt x="5038" y="6191"/>
                  </a:cubicBezTo>
                  <a:cubicBezTo>
                    <a:pt x="5088" y="6141"/>
                    <a:pt x="5213" y="5966"/>
                    <a:pt x="5264" y="5916"/>
                  </a:cubicBezTo>
                  <a:cubicBezTo>
                    <a:pt x="5314" y="5840"/>
                    <a:pt x="5439" y="5690"/>
                    <a:pt x="5489" y="5690"/>
                  </a:cubicBezTo>
                  <a:cubicBezTo>
                    <a:pt x="5539" y="5615"/>
                    <a:pt x="5765" y="5615"/>
                    <a:pt x="5890" y="5615"/>
                  </a:cubicBezTo>
                  <a:cubicBezTo>
                    <a:pt x="5940" y="5615"/>
                    <a:pt x="6116" y="5740"/>
                    <a:pt x="6216" y="5740"/>
                  </a:cubicBezTo>
                  <a:cubicBezTo>
                    <a:pt x="6274" y="5757"/>
                    <a:pt x="6344" y="5762"/>
                    <a:pt x="6416" y="5762"/>
                  </a:cubicBezTo>
                  <a:cubicBezTo>
                    <a:pt x="6559" y="5762"/>
                    <a:pt x="6709" y="5740"/>
                    <a:pt x="6792" y="5740"/>
                  </a:cubicBezTo>
                  <a:cubicBezTo>
                    <a:pt x="6893" y="5740"/>
                    <a:pt x="7068" y="5840"/>
                    <a:pt x="7168" y="5840"/>
                  </a:cubicBezTo>
                  <a:cubicBezTo>
                    <a:pt x="7244" y="5840"/>
                    <a:pt x="7469" y="5916"/>
                    <a:pt x="7569" y="5916"/>
                  </a:cubicBezTo>
                  <a:cubicBezTo>
                    <a:pt x="7695" y="5840"/>
                    <a:pt x="7845" y="5740"/>
                    <a:pt x="7920" y="5690"/>
                  </a:cubicBezTo>
                  <a:cubicBezTo>
                    <a:pt x="7970" y="5615"/>
                    <a:pt x="8071" y="5339"/>
                    <a:pt x="8196" y="5289"/>
                  </a:cubicBezTo>
                  <a:cubicBezTo>
                    <a:pt x="8217" y="5278"/>
                    <a:pt x="8242" y="5274"/>
                    <a:pt x="8268" y="5274"/>
                  </a:cubicBezTo>
                  <a:cubicBezTo>
                    <a:pt x="8341" y="5274"/>
                    <a:pt x="8431" y="5303"/>
                    <a:pt x="8512" y="5303"/>
                  </a:cubicBezTo>
                  <a:cubicBezTo>
                    <a:pt x="8542" y="5303"/>
                    <a:pt x="8570" y="5300"/>
                    <a:pt x="8597" y="5289"/>
                  </a:cubicBezTo>
                  <a:cubicBezTo>
                    <a:pt x="8697" y="5289"/>
                    <a:pt x="8923" y="5164"/>
                    <a:pt x="8973" y="5114"/>
                  </a:cubicBezTo>
                  <a:cubicBezTo>
                    <a:pt x="9048" y="5063"/>
                    <a:pt x="8973" y="4838"/>
                    <a:pt x="8973" y="4788"/>
                  </a:cubicBezTo>
                  <a:cubicBezTo>
                    <a:pt x="8923" y="4713"/>
                    <a:pt x="8823" y="4612"/>
                    <a:pt x="8747" y="4562"/>
                  </a:cubicBezTo>
                  <a:cubicBezTo>
                    <a:pt x="8747" y="4487"/>
                    <a:pt x="8697" y="4437"/>
                    <a:pt x="8697" y="4387"/>
                  </a:cubicBezTo>
                  <a:cubicBezTo>
                    <a:pt x="8747" y="4337"/>
                    <a:pt x="8923" y="4261"/>
                    <a:pt x="8923" y="4211"/>
                  </a:cubicBezTo>
                  <a:cubicBezTo>
                    <a:pt x="8973" y="4111"/>
                    <a:pt x="8923" y="3986"/>
                    <a:pt x="8923" y="3936"/>
                  </a:cubicBezTo>
                  <a:cubicBezTo>
                    <a:pt x="8873" y="3810"/>
                    <a:pt x="8597" y="3660"/>
                    <a:pt x="8522" y="3535"/>
                  </a:cubicBezTo>
                  <a:cubicBezTo>
                    <a:pt x="8422" y="3484"/>
                    <a:pt x="8246" y="3309"/>
                    <a:pt x="8196" y="3209"/>
                  </a:cubicBezTo>
                  <a:cubicBezTo>
                    <a:pt x="8196" y="3083"/>
                    <a:pt x="8246" y="2858"/>
                    <a:pt x="8296" y="2758"/>
                  </a:cubicBezTo>
                  <a:cubicBezTo>
                    <a:pt x="8371" y="2632"/>
                    <a:pt x="8597" y="2482"/>
                    <a:pt x="8597" y="2357"/>
                  </a:cubicBezTo>
                  <a:cubicBezTo>
                    <a:pt x="8597" y="2256"/>
                    <a:pt x="8422" y="2131"/>
                    <a:pt x="8371" y="2081"/>
                  </a:cubicBezTo>
                  <a:cubicBezTo>
                    <a:pt x="8296" y="1956"/>
                    <a:pt x="8196" y="1805"/>
                    <a:pt x="8146" y="1680"/>
                  </a:cubicBezTo>
                  <a:lnTo>
                    <a:pt x="8146" y="1354"/>
                  </a:lnTo>
                  <a:lnTo>
                    <a:pt x="8146" y="1053"/>
                  </a:lnTo>
                  <a:cubicBezTo>
                    <a:pt x="8071" y="1053"/>
                    <a:pt x="8021" y="1053"/>
                    <a:pt x="7970" y="1003"/>
                  </a:cubicBezTo>
                  <a:cubicBezTo>
                    <a:pt x="7920" y="953"/>
                    <a:pt x="7795" y="778"/>
                    <a:pt x="7795" y="677"/>
                  </a:cubicBezTo>
                  <a:cubicBezTo>
                    <a:pt x="7745" y="602"/>
                    <a:pt x="7745" y="452"/>
                    <a:pt x="7695" y="402"/>
                  </a:cubicBezTo>
                  <a:cubicBezTo>
                    <a:pt x="7619" y="327"/>
                    <a:pt x="7469" y="327"/>
                    <a:pt x="7344" y="327"/>
                  </a:cubicBezTo>
                  <a:cubicBezTo>
                    <a:pt x="7310" y="310"/>
                    <a:pt x="7269" y="304"/>
                    <a:pt x="7223" y="304"/>
                  </a:cubicBezTo>
                  <a:cubicBezTo>
                    <a:pt x="7132" y="304"/>
                    <a:pt x="7026" y="327"/>
                    <a:pt x="6943" y="327"/>
                  </a:cubicBezTo>
                  <a:lnTo>
                    <a:pt x="6792" y="327"/>
                  </a:lnTo>
                  <a:cubicBezTo>
                    <a:pt x="6667" y="276"/>
                    <a:pt x="6717" y="51"/>
                    <a:pt x="6667" y="1"/>
                  </a:cubicBezTo>
                  <a:close/>
                </a:path>
              </a:pathLst>
            </a:custGeom>
            <a:solidFill>
              <a:schemeClr val="bg1"/>
            </a:solidFill>
            <a:ln>
              <a:noFill/>
            </a:ln>
          </p:spPr>
          <p:txBody>
            <a:bodyPr spcFirstLastPara="1" wrap="square" lIns="121900" tIns="121900" rIns="121900" bIns="121900" anchor="ctr" anchorCtr="0">
              <a:noAutofit/>
            </a:bodyPr>
            <a:lstStyle/>
            <a:p>
              <a:endParaRPr sz="2400"/>
            </a:p>
          </p:txBody>
        </p:sp>
        <p:sp>
          <p:nvSpPr>
            <p:cNvPr id="125" name="Google Shape;182;p16">
              <a:extLst>
                <a:ext uri="{FF2B5EF4-FFF2-40B4-BE49-F238E27FC236}">
                  <a16:creationId xmlns:a16="http://schemas.microsoft.com/office/drawing/2014/main" id="{E8C11EE4-2A6A-E8AF-507D-769B73F6A489}"/>
                </a:ext>
              </a:extLst>
            </p:cNvPr>
            <p:cNvSpPr/>
            <p:nvPr/>
          </p:nvSpPr>
          <p:spPr>
            <a:xfrm>
              <a:off x="1331905" y="1556263"/>
              <a:ext cx="252558" cy="199389"/>
            </a:xfrm>
            <a:custGeom>
              <a:avLst/>
              <a:gdLst/>
              <a:ahLst/>
              <a:cxnLst/>
              <a:rect l="l" t="t" r="r" b="b"/>
              <a:pathLst>
                <a:path w="9049" h="7144" fill="none" extrusionOk="0">
                  <a:moveTo>
                    <a:pt x="8973" y="4788"/>
                  </a:moveTo>
                  <a:cubicBezTo>
                    <a:pt x="8973" y="4838"/>
                    <a:pt x="9048" y="5063"/>
                    <a:pt x="8973" y="5114"/>
                  </a:cubicBezTo>
                  <a:cubicBezTo>
                    <a:pt x="8923" y="5164"/>
                    <a:pt x="8697" y="5289"/>
                    <a:pt x="8597" y="5289"/>
                  </a:cubicBezTo>
                  <a:cubicBezTo>
                    <a:pt x="8472" y="5339"/>
                    <a:pt x="8296" y="5239"/>
                    <a:pt x="8196" y="5289"/>
                  </a:cubicBezTo>
                  <a:cubicBezTo>
                    <a:pt x="8071" y="5339"/>
                    <a:pt x="7970" y="5615"/>
                    <a:pt x="7920" y="5690"/>
                  </a:cubicBezTo>
                  <a:cubicBezTo>
                    <a:pt x="7845" y="5740"/>
                    <a:pt x="7695" y="5840"/>
                    <a:pt x="7569" y="5916"/>
                  </a:cubicBezTo>
                  <a:cubicBezTo>
                    <a:pt x="7469" y="5916"/>
                    <a:pt x="7244" y="5840"/>
                    <a:pt x="7168" y="5840"/>
                  </a:cubicBezTo>
                  <a:cubicBezTo>
                    <a:pt x="7068" y="5840"/>
                    <a:pt x="6893" y="5740"/>
                    <a:pt x="6792" y="5740"/>
                  </a:cubicBezTo>
                  <a:cubicBezTo>
                    <a:pt x="6667" y="5740"/>
                    <a:pt x="6391" y="5790"/>
                    <a:pt x="6216" y="5740"/>
                  </a:cubicBezTo>
                  <a:cubicBezTo>
                    <a:pt x="6116" y="5740"/>
                    <a:pt x="5940" y="5615"/>
                    <a:pt x="5890" y="5615"/>
                  </a:cubicBezTo>
                  <a:cubicBezTo>
                    <a:pt x="5765" y="5615"/>
                    <a:pt x="5539" y="5615"/>
                    <a:pt x="5489" y="5690"/>
                  </a:cubicBezTo>
                  <a:cubicBezTo>
                    <a:pt x="5439" y="5690"/>
                    <a:pt x="5314" y="5840"/>
                    <a:pt x="5264" y="5916"/>
                  </a:cubicBezTo>
                  <a:cubicBezTo>
                    <a:pt x="5213" y="5966"/>
                    <a:pt x="5088" y="6141"/>
                    <a:pt x="5038" y="6191"/>
                  </a:cubicBezTo>
                  <a:cubicBezTo>
                    <a:pt x="4913" y="6291"/>
                    <a:pt x="4762" y="6417"/>
                    <a:pt x="4637" y="6467"/>
                  </a:cubicBezTo>
                  <a:cubicBezTo>
                    <a:pt x="4537" y="6517"/>
                    <a:pt x="4361" y="6467"/>
                    <a:pt x="4236" y="6467"/>
                  </a:cubicBezTo>
                  <a:cubicBezTo>
                    <a:pt x="4136" y="6517"/>
                    <a:pt x="3910" y="6692"/>
                    <a:pt x="3785" y="6793"/>
                  </a:cubicBezTo>
                  <a:cubicBezTo>
                    <a:pt x="3735" y="6793"/>
                    <a:pt x="3685" y="6918"/>
                    <a:pt x="3685" y="6968"/>
                  </a:cubicBezTo>
                  <a:cubicBezTo>
                    <a:pt x="3635" y="7018"/>
                    <a:pt x="3459" y="7144"/>
                    <a:pt x="3409" y="7144"/>
                  </a:cubicBezTo>
                  <a:cubicBezTo>
                    <a:pt x="3284" y="7144"/>
                    <a:pt x="3183" y="7018"/>
                    <a:pt x="3108" y="6968"/>
                  </a:cubicBezTo>
                  <a:lnTo>
                    <a:pt x="2883" y="6968"/>
                  </a:lnTo>
                  <a:cubicBezTo>
                    <a:pt x="2883" y="6968"/>
                    <a:pt x="2883" y="6918"/>
                    <a:pt x="2833" y="6918"/>
                  </a:cubicBezTo>
                  <a:cubicBezTo>
                    <a:pt x="2782" y="6868"/>
                    <a:pt x="2607" y="6793"/>
                    <a:pt x="2607" y="6692"/>
                  </a:cubicBezTo>
                  <a:cubicBezTo>
                    <a:pt x="2557" y="6642"/>
                    <a:pt x="2557" y="6467"/>
                    <a:pt x="2507" y="6367"/>
                  </a:cubicBezTo>
                  <a:cubicBezTo>
                    <a:pt x="2507" y="6367"/>
                    <a:pt x="2432" y="6291"/>
                    <a:pt x="2381" y="6291"/>
                  </a:cubicBezTo>
                  <a:cubicBezTo>
                    <a:pt x="2331" y="6291"/>
                    <a:pt x="2206" y="6367"/>
                    <a:pt x="2156" y="6367"/>
                  </a:cubicBezTo>
                  <a:lnTo>
                    <a:pt x="2106" y="6241"/>
                  </a:lnTo>
                  <a:cubicBezTo>
                    <a:pt x="2106" y="6191"/>
                    <a:pt x="2156" y="6141"/>
                    <a:pt x="2156" y="6066"/>
                  </a:cubicBezTo>
                  <a:cubicBezTo>
                    <a:pt x="2156" y="6066"/>
                    <a:pt x="2156" y="6016"/>
                    <a:pt x="2106" y="5966"/>
                  </a:cubicBezTo>
                  <a:cubicBezTo>
                    <a:pt x="2056" y="5966"/>
                    <a:pt x="1880" y="6016"/>
                    <a:pt x="1830" y="5966"/>
                  </a:cubicBezTo>
                  <a:cubicBezTo>
                    <a:pt x="1755" y="5966"/>
                    <a:pt x="1705" y="5916"/>
                    <a:pt x="1705" y="5840"/>
                  </a:cubicBezTo>
                  <a:cubicBezTo>
                    <a:pt x="1655" y="5790"/>
                    <a:pt x="1604" y="5565"/>
                    <a:pt x="1604" y="5515"/>
                  </a:cubicBezTo>
                  <a:cubicBezTo>
                    <a:pt x="1604" y="5389"/>
                    <a:pt x="1655" y="5289"/>
                    <a:pt x="1655" y="5164"/>
                  </a:cubicBezTo>
                  <a:cubicBezTo>
                    <a:pt x="1655" y="5114"/>
                    <a:pt x="1479" y="4888"/>
                    <a:pt x="1479" y="4838"/>
                  </a:cubicBezTo>
                  <a:cubicBezTo>
                    <a:pt x="1529" y="4788"/>
                    <a:pt x="1705" y="4713"/>
                    <a:pt x="1705" y="4662"/>
                  </a:cubicBezTo>
                  <a:cubicBezTo>
                    <a:pt x="1755" y="4562"/>
                    <a:pt x="1655" y="4387"/>
                    <a:pt x="1655" y="4261"/>
                  </a:cubicBezTo>
                  <a:cubicBezTo>
                    <a:pt x="1604" y="4211"/>
                    <a:pt x="1529" y="4111"/>
                    <a:pt x="1479" y="4111"/>
                  </a:cubicBezTo>
                  <a:cubicBezTo>
                    <a:pt x="1429" y="4036"/>
                    <a:pt x="1379" y="4036"/>
                    <a:pt x="1304" y="4111"/>
                  </a:cubicBezTo>
                  <a:cubicBezTo>
                    <a:pt x="1254" y="4111"/>
                    <a:pt x="1203" y="4211"/>
                    <a:pt x="1128" y="4211"/>
                  </a:cubicBezTo>
                  <a:cubicBezTo>
                    <a:pt x="1028" y="4211"/>
                    <a:pt x="903" y="4161"/>
                    <a:pt x="853" y="4111"/>
                  </a:cubicBezTo>
                  <a:cubicBezTo>
                    <a:pt x="802" y="4036"/>
                    <a:pt x="677" y="3986"/>
                    <a:pt x="627" y="3936"/>
                  </a:cubicBezTo>
                  <a:cubicBezTo>
                    <a:pt x="577" y="3885"/>
                    <a:pt x="527" y="3760"/>
                    <a:pt x="452" y="3760"/>
                  </a:cubicBezTo>
                  <a:cubicBezTo>
                    <a:pt x="401" y="3710"/>
                    <a:pt x="301" y="3585"/>
                    <a:pt x="301" y="3535"/>
                  </a:cubicBezTo>
                  <a:cubicBezTo>
                    <a:pt x="301" y="3484"/>
                    <a:pt x="452" y="3535"/>
                    <a:pt x="452" y="3535"/>
                  </a:cubicBezTo>
                  <a:cubicBezTo>
                    <a:pt x="527" y="3535"/>
                    <a:pt x="627" y="3585"/>
                    <a:pt x="677" y="3535"/>
                  </a:cubicBezTo>
                  <a:lnTo>
                    <a:pt x="677" y="3434"/>
                  </a:lnTo>
                  <a:cubicBezTo>
                    <a:pt x="677" y="3384"/>
                    <a:pt x="627" y="3259"/>
                    <a:pt x="627" y="3209"/>
                  </a:cubicBezTo>
                  <a:cubicBezTo>
                    <a:pt x="627" y="3159"/>
                    <a:pt x="577" y="3033"/>
                    <a:pt x="527" y="2983"/>
                  </a:cubicBezTo>
                  <a:lnTo>
                    <a:pt x="401" y="3033"/>
                  </a:lnTo>
                  <a:cubicBezTo>
                    <a:pt x="301" y="3033"/>
                    <a:pt x="176" y="2933"/>
                    <a:pt x="126" y="2858"/>
                  </a:cubicBezTo>
                  <a:cubicBezTo>
                    <a:pt x="76" y="2808"/>
                    <a:pt x="0" y="2707"/>
                    <a:pt x="0" y="2632"/>
                  </a:cubicBezTo>
                  <a:cubicBezTo>
                    <a:pt x="0" y="2582"/>
                    <a:pt x="126" y="2482"/>
                    <a:pt x="126" y="2407"/>
                  </a:cubicBezTo>
                  <a:cubicBezTo>
                    <a:pt x="126" y="2357"/>
                    <a:pt x="0" y="2181"/>
                    <a:pt x="0" y="2131"/>
                  </a:cubicBezTo>
                  <a:cubicBezTo>
                    <a:pt x="0" y="2081"/>
                    <a:pt x="126" y="1905"/>
                    <a:pt x="176" y="1855"/>
                  </a:cubicBezTo>
                  <a:cubicBezTo>
                    <a:pt x="176" y="1855"/>
                    <a:pt x="226" y="1730"/>
                    <a:pt x="301" y="1730"/>
                  </a:cubicBezTo>
                  <a:lnTo>
                    <a:pt x="577" y="1730"/>
                  </a:lnTo>
                  <a:cubicBezTo>
                    <a:pt x="627" y="1805"/>
                    <a:pt x="802" y="1805"/>
                    <a:pt x="853" y="1805"/>
                  </a:cubicBezTo>
                  <a:cubicBezTo>
                    <a:pt x="978" y="1730"/>
                    <a:pt x="1203" y="1730"/>
                    <a:pt x="1304" y="1680"/>
                  </a:cubicBezTo>
                  <a:cubicBezTo>
                    <a:pt x="1379" y="1680"/>
                    <a:pt x="1429" y="1580"/>
                    <a:pt x="1479" y="1504"/>
                  </a:cubicBezTo>
                  <a:cubicBezTo>
                    <a:pt x="1529" y="1504"/>
                    <a:pt x="1655" y="1504"/>
                    <a:pt x="1705" y="1454"/>
                  </a:cubicBezTo>
                  <a:cubicBezTo>
                    <a:pt x="1755" y="1404"/>
                    <a:pt x="1830" y="1279"/>
                    <a:pt x="1830" y="1229"/>
                  </a:cubicBezTo>
                  <a:cubicBezTo>
                    <a:pt x="1880" y="1179"/>
                    <a:pt x="1755" y="953"/>
                    <a:pt x="1755" y="903"/>
                  </a:cubicBezTo>
                  <a:cubicBezTo>
                    <a:pt x="1830" y="828"/>
                    <a:pt x="1930" y="778"/>
                    <a:pt x="2056" y="728"/>
                  </a:cubicBezTo>
                  <a:cubicBezTo>
                    <a:pt x="2106" y="728"/>
                    <a:pt x="2156" y="778"/>
                    <a:pt x="2206" y="778"/>
                  </a:cubicBezTo>
                  <a:cubicBezTo>
                    <a:pt x="2281" y="828"/>
                    <a:pt x="2432" y="1003"/>
                    <a:pt x="2507" y="1053"/>
                  </a:cubicBezTo>
                  <a:cubicBezTo>
                    <a:pt x="2557" y="1179"/>
                    <a:pt x="2507" y="1354"/>
                    <a:pt x="2557" y="1404"/>
                  </a:cubicBezTo>
                  <a:cubicBezTo>
                    <a:pt x="2557" y="1504"/>
                    <a:pt x="2732" y="1580"/>
                    <a:pt x="2782" y="1580"/>
                  </a:cubicBezTo>
                  <a:cubicBezTo>
                    <a:pt x="2833" y="1580"/>
                    <a:pt x="2958" y="1404"/>
                    <a:pt x="3008" y="1404"/>
                  </a:cubicBezTo>
                  <a:cubicBezTo>
                    <a:pt x="3058" y="1354"/>
                    <a:pt x="3183" y="1404"/>
                    <a:pt x="3183" y="1454"/>
                  </a:cubicBezTo>
                  <a:cubicBezTo>
                    <a:pt x="3234" y="1454"/>
                    <a:pt x="3284" y="1580"/>
                    <a:pt x="3334" y="1580"/>
                  </a:cubicBezTo>
                  <a:cubicBezTo>
                    <a:pt x="3409" y="1630"/>
                    <a:pt x="3509" y="1504"/>
                    <a:pt x="3509" y="1504"/>
                  </a:cubicBezTo>
                  <a:cubicBezTo>
                    <a:pt x="3559" y="1454"/>
                    <a:pt x="3635" y="1279"/>
                    <a:pt x="3685" y="1229"/>
                  </a:cubicBezTo>
                  <a:cubicBezTo>
                    <a:pt x="3785" y="1129"/>
                    <a:pt x="4010" y="1053"/>
                    <a:pt x="4136" y="953"/>
                  </a:cubicBezTo>
                  <a:cubicBezTo>
                    <a:pt x="4186" y="953"/>
                    <a:pt x="4311" y="778"/>
                    <a:pt x="4411" y="778"/>
                  </a:cubicBezTo>
                  <a:cubicBezTo>
                    <a:pt x="4462" y="778"/>
                    <a:pt x="4587" y="778"/>
                    <a:pt x="4637" y="828"/>
                  </a:cubicBezTo>
                  <a:cubicBezTo>
                    <a:pt x="4687" y="828"/>
                    <a:pt x="4762" y="1003"/>
                    <a:pt x="4812" y="1053"/>
                  </a:cubicBezTo>
                  <a:cubicBezTo>
                    <a:pt x="4863" y="1129"/>
                    <a:pt x="4988" y="1229"/>
                    <a:pt x="5038" y="1229"/>
                  </a:cubicBezTo>
                  <a:cubicBezTo>
                    <a:pt x="5138" y="1179"/>
                    <a:pt x="5264" y="1003"/>
                    <a:pt x="5314" y="953"/>
                  </a:cubicBezTo>
                  <a:cubicBezTo>
                    <a:pt x="5314" y="903"/>
                    <a:pt x="5364" y="778"/>
                    <a:pt x="5364" y="728"/>
                  </a:cubicBezTo>
                  <a:cubicBezTo>
                    <a:pt x="5439" y="677"/>
                    <a:pt x="5539" y="602"/>
                    <a:pt x="5589" y="602"/>
                  </a:cubicBezTo>
                  <a:cubicBezTo>
                    <a:pt x="5765" y="502"/>
                    <a:pt x="6116" y="502"/>
                    <a:pt x="6216" y="402"/>
                  </a:cubicBezTo>
                  <a:cubicBezTo>
                    <a:pt x="6266" y="327"/>
                    <a:pt x="6341" y="276"/>
                    <a:pt x="6391" y="226"/>
                  </a:cubicBezTo>
                  <a:cubicBezTo>
                    <a:pt x="6442" y="176"/>
                    <a:pt x="6567" y="1"/>
                    <a:pt x="6667" y="1"/>
                  </a:cubicBezTo>
                  <a:cubicBezTo>
                    <a:pt x="6717" y="51"/>
                    <a:pt x="6667" y="276"/>
                    <a:pt x="6792" y="327"/>
                  </a:cubicBezTo>
                  <a:lnTo>
                    <a:pt x="6943" y="327"/>
                  </a:lnTo>
                  <a:cubicBezTo>
                    <a:pt x="7068" y="327"/>
                    <a:pt x="7244" y="276"/>
                    <a:pt x="7344" y="327"/>
                  </a:cubicBezTo>
                  <a:cubicBezTo>
                    <a:pt x="7469" y="327"/>
                    <a:pt x="7619" y="327"/>
                    <a:pt x="7695" y="402"/>
                  </a:cubicBezTo>
                  <a:cubicBezTo>
                    <a:pt x="7745" y="452"/>
                    <a:pt x="7745" y="602"/>
                    <a:pt x="7795" y="677"/>
                  </a:cubicBezTo>
                  <a:cubicBezTo>
                    <a:pt x="7795" y="778"/>
                    <a:pt x="7920" y="953"/>
                    <a:pt x="7970" y="1003"/>
                  </a:cubicBezTo>
                  <a:cubicBezTo>
                    <a:pt x="8021" y="1053"/>
                    <a:pt x="8071" y="1053"/>
                    <a:pt x="8146" y="1053"/>
                  </a:cubicBezTo>
                  <a:lnTo>
                    <a:pt x="8146" y="1354"/>
                  </a:lnTo>
                  <a:lnTo>
                    <a:pt x="8146" y="1680"/>
                  </a:lnTo>
                  <a:cubicBezTo>
                    <a:pt x="8196" y="1805"/>
                    <a:pt x="8296" y="1956"/>
                    <a:pt x="8371" y="2081"/>
                  </a:cubicBezTo>
                  <a:cubicBezTo>
                    <a:pt x="8422" y="2131"/>
                    <a:pt x="8597" y="2256"/>
                    <a:pt x="8597" y="2357"/>
                  </a:cubicBezTo>
                  <a:cubicBezTo>
                    <a:pt x="8597" y="2482"/>
                    <a:pt x="8371" y="2632"/>
                    <a:pt x="8296" y="2758"/>
                  </a:cubicBezTo>
                  <a:cubicBezTo>
                    <a:pt x="8246" y="2858"/>
                    <a:pt x="8196" y="3083"/>
                    <a:pt x="8196" y="3209"/>
                  </a:cubicBezTo>
                  <a:cubicBezTo>
                    <a:pt x="8246" y="3309"/>
                    <a:pt x="8422" y="3484"/>
                    <a:pt x="8522" y="3535"/>
                  </a:cubicBezTo>
                  <a:cubicBezTo>
                    <a:pt x="8597" y="3660"/>
                    <a:pt x="8873" y="3810"/>
                    <a:pt x="8923" y="3936"/>
                  </a:cubicBezTo>
                  <a:cubicBezTo>
                    <a:pt x="8923" y="3986"/>
                    <a:pt x="8973" y="4111"/>
                    <a:pt x="8923" y="4211"/>
                  </a:cubicBezTo>
                  <a:cubicBezTo>
                    <a:pt x="8923" y="4261"/>
                    <a:pt x="8747" y="4337"/>
                    <a:pt x="8697" y="4387"/>
                  </a:cubicBezTo>
                  <a:cubicBezTo>
                    <a:pt x="8697" y="4437"/>
                    <a:pt x="8747" y="4487"/>
                    <a:pt x="8747" y="4562"/>
                  </a:cubicBezTo>
                  <a:cubicBezTo>
                    <a:pt x="8823" y="4612"/>
                    <a:pt x="8923" y="4713"/>
                    <a:pt x="8973" y="4788"/>
                  </a:cubicBezTo>
                  <a:close/>
                </a:path>
              </a:pathLst>
            </a:custGeom>
            <a:solidFill>
              <a:schemeClr val="bg1"/>
            </a:solid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126" name="Google Shape;183;p16">
              <a:extLst>
                <a:ext uri="{FF2B5EF4-FFF2-40B4-BE49-F238E27FC236}">
                  <a16:creationId xmlns:a16="http://schemas.microsoft.com/office/drawing/2014/main" id="{57B58888-F2DB-54C0-4319-6BFCA895AA7D}"/>
                </a:ext>
              </a:extLst>
            </p:cNvPr>
            <p:cNvSpPr/>
            <p:nvPr/>
          </p:nvSpPr>
          <p:spPr>
            <a:xfrm>
              <a:off x="2629469" y="1179899"/>
              <a:ext cx="381279" cy="358169"/>
            </a:xfrm>
            <a:custGeom>
              <a:avLst/>
              <a:gdLst/>
              <a:ahLst/>
              <a:cxnLst/>
              <a:rect l="l" t="t" r="r" b="b"/>
              <a:pathLst>
                <a:path w="13661" h="12833" extrusionOk="0">
                  <a:moveTo>
                    <a:pt x="13585" y="11780"/>
                  </a:moveTo>
                  <a:cubicBezTo>
                    <a:pt x="13660" y="11830"/>
                    <a:pt x="13660" y="12055"/>
                    <a:pt x="13585" y="12106"/>
                  </a:cubicBezTo>
                  <a:cubicBezTo>
                    <a:pt x="13585" y="12156"/>
                    <a:pt x="13535" y="12231"/>
                    <a:pt x="13485" y="12281"/>
                  </a:cubicBezTo>
                  <a:cubicBezTo>
                    <a:pt x="13435" y="12281"/>
                    <a:pt x="13309" y="12231"/>
                    <a:pt x="13259" y="12281"/>
                  </a:cubicBezTo>
                  <a:cubicBezTo>
                    <a:pt x="13209" y="12281"/>
                    <a:pt x="13159" y="12381"/>
                    <a:pt x="13159" y="12456"/>
                  </a:cubicBezTo>
                  <a:cubicBezTo>
                    <a:pt x="13084" y="12507"/>
                    <a:pt x="13159" y="12607"/>
                    <a:pt x="13084" y="12682"/>
                  </a:cubicBezTo>
                  <a:cubicBezTo>
                    <a:pt x="13084" y="12732"/>
                    <a:pt x="12933" y="12732"/>
                    <a:pt x="12808" y="12732"/>
                  </a:cubicBezTo>
                  <a:cubicBezTo>
                    <a:pt x="12808" y="12732"/>
                    <a:pt x="12708" y="12832"/>
                    <a:pt x="12633" y="12832"/>
                  </a:cubicBezTo>
                  <a:cubicBezTo>
                    <a:pt x="12582" y="12832"/>
                    <a:pt x="12407" y="12732"/>
                    <a:pt x="12307" y="12732"/>
                  </a:cubicBezTo>
                  <a:lnTo>
                    <a:pt x="12031" y="12732"/>
                  </a:lnTo>
                  <a:lnTo>
                    <a:pt x="11956" y="12607"/>
                  </a:lnTo>
                  <a:cubicBezTo>
                    <a:pt x="11956" y="12607"/>
                    <a:pt x="11906" y="12507"/>
                    <a:pt x="12031" y="12331"/>
                  </a:cubicBezTo>
                  <a:cubicBezTo>
                    <a:pt x="12081" y="12231"/>
                    <a:pt x="12181" y="12156"/>
                    <a:pt x="12181" y="12106"/>
                  </a:cubicBezTo>
                  <a:cubicBezTo>
                    <a:pt x="12257" y="12055"/>
                    <a:pt x="12257" y="11930"/>
                    <a:pt x="12257" y="11830"/>
                  </a:cubicBezTo>
                  <a:cubicBezTo>
                    <a:pt x="12181" y="11780"/>
                    <a:pt x="12031" y="11654"/>
                    <a:pt x="11956" y="11554"/>
                  </a:cubicBezTo>
                  <a:cubicBezTo>
                    <a:pt x="11856" y="11479"/>
                    <a:pt x="11680" y="11253"/>
                    <a:pt x="11630" y="11153"/>
                  </a:cubicBezTo>
                  <a:cubicBezTo>
                    <a:pt x="11580" y="11103"/>
                    <a:pt x="11404" y="10928"/>
                    <a:pt x="11354" y="10802"/>
                  </a:cubicBezTo>
                  <a:cubicBezTo>
                    <a:pt x="11229" y="10702"/>
                    <a:pt x="11003" y="10476"/>
                    <a:pt x="10853" y="10351"/>
                  </a:cubicBezTo>
                  <a:cubicBezTo>
                    <a:pt x="10778" y="10351"/>
                    <a:pt x="10728" y="10251"/>
                    <a:pt x="10678" y="10251"/>
                  </a:cubicBezTo>
                  <a:cubicBezTo>
                    <a:pt x="10628" y="10201"/>
                    <a:pt x="10502" y="10251"/>
                    <a:pt x="10452" y="10301"/>
                  </a:cubicBezTo>
                  <a:cubicBezTo>
                    <a:pt x="10402" y="10351"/>
                    <a:pt x="10402" y="10527"/>
                    <a:pt x="10452" y="10577"/>
                  </a:cubicBezTo>
                  <a:cubicBezTo>
                    <a:pt x="10452" y="10652"/>
                    <a:pt x="10502" y="10802"/>
                    <a:pt x="10502" y="10877"/>
                  </a:cubicBezTo>
                  <a:cubicBezTo>
                    <a:pt x="10552" y="10928"/>
                    <a:pt x="10552" y="11103"/>
                    <a:pt x="10502" y="11203"/>
                  </a:cubicBezTo>
                  <a:cubicBezTo>
                    <a:pt x="10502" y="11253"/>
                    <a:pt x="10277" y="11429"/>
                    <a:pt x="10227" y="11429"/>
                  </a:cubicBezTo>
                  <a:cubicBezTo>
                    <a:pt x="10126" y="11479"/>
                    <a:pt x="9951" y="11479"/>
                    <a:pt x="9826" y="11429"/>
                  </a:cubicBezTo>
                  <a:cubicBezTo>
                    <a:pt x="9775" y="11429"/>
                    <a:pt x="9725" y="11253"/>
                    <a:pt x="9600" y="11203"/>
                  </a:cubicBezTo>
                  <a:cubicBezTo>
                    <a:pt x="9550" y="11153"/>
                    <a:pt x="9374" y="11203"/>
                    <a:pt x="9324" y="11203"/>
                  </a:cubicBezTo>
                  <a:cubicBezTo>
                    <a:pt x="9274" y="11153"/>
                    <a:pt x="9274" y="11028"/>
                    <a:pt x="9224" y="10978"/>
                  </a:cubicBezTo>
                  <a:cubicBezTo>
                    <a:pt x="9099" y="10978"/>
                    <a:pt x="8923" y="11028"/>
                    <a:pt x="8873" y="10978"/>
                  </a:cubicBezTo>
                  <a:cubicBezTo>
                    <a:pt x="8823" y="10978"/>
                    <a:pt x="8698" y="10877"/>
                    <a:pt x="8648" y="10877"/>
                  </a:cubicBezTo>
                  <a:cubicBezTo>
                    <a:pt x="8597" y="10802"/>
                    <a:pt x="8422" y="10877"/>
                    <a:pt x="8372" y="10877"/>
                  </a:cubicBezTo>
                  <a:cubicBezTo>
                    <a:pt x="8272" y="10877"/>
                    <a:pt x="8096" y="10877"/>
                    <a:pt x="8046" y="10802"/>
                  </a:cubicBezTo>
                  <a:cubicBezTo>
                    <a:pt x="7971" y="10802"/>
                    <a:pt x="7871" y="10702"/>
                    <a:pt x="7820" y="10702"/>
                  </a:cubicBezTo>
                  <a:cubicBezTo>
                    <a:pt x="7745" y="10652"/>
                    <a:pt x="7595" y="10577"/>
                    <a:pt x="7520" y="10652"/>
                  </a:cubicBezTo>
                  <a:cubicBezTo>
                    <a:pt x="7470" y="10652"/>
                    <a:pt x="7470" y="10802"/>
                    <a:pt x="7419" y="10802"/>
                  </a:cubicBezTo>
                  <a:cubicBezTo>
                    <a:pt x="7369" y="10877"/>
                    <a:pt x="7194" y="10802"/>
                    <a:pt x="7194" y="10802"/>
                  </a:cubicBezTo>
                  <a:cubicBezTo>
                    <a:pt x="7144" y="10877"/>
                    <a:pt x="7144" y="10978"/>
                    <a:pt x="7069" y="11028"/>
                  </a:cubicBezTo>
                  <a:lnTo>
                    <a:pt x="7018" y="11153"/>
                  </a:lnTo>
                  <a:lnTo>
                    <a:pt x="6868" y="11153"/>
                  </a:lnTo>
                  <a:cubicBezTo>
                    <a:pt x="6793" y="11203"/>
                    <a:pt x="6693" y="11329"/>
                    <a:pt x="6643" y="11429"/>
                  </a:cubicBezTo>
                  <a:cubicBezTo>
                    <a:pt x="6643" y="11429"/>
                    <a:pt x="6643" y="11554"/>
                    <a:pt x="6693" y="11554"/>
                  </a:cubicBezTo>
                  <a:cubicBezTo>
                    <a:pt x="6743" y="11604"/>
                    <a:pt x="6918" y="11554"/>
                    <a:pt x="7018" y="11604"/>
                  </a:cubicBezTo>
                  <a:cubicBezTo>
                    <a:pt x="7018" y="11604"/>
                    <a:pt x="7144" y="11654"/>
                    <a:pt x="7194" y="11705"/>
                  </a:cubicBezTo>
                  <a:cubicBezTo>
                    <a:pt x="7194" y="11780"/>
                    <a:pt x="7194" y="11880"/>
                    <a:pt x="7144" y="11930"/>
                  </a:cubicBezTo>
                  <a:cubicBezTo>
                    <a:pt x="7144" y="11930"/>
                    <a:pt x="6968" y="11930"/>
                    <a:pt x="6918" y="12005"/>
                  </a:cubicBezTo>
                  <a:lnTo>
                    <a:pt x="6918" y="12231"/>
                  </a:lnTo>
                  <a:cubicBezTo>
                    <a:pt x="6868" y="12331"/>
                    <a:pt x="6793" y="12456"/>
                    <a:pt x="6693" y="12507"/>
                  </a:cubicBezTo>
                  <a:cubicBezTo>
                    <a:pt x="6643" y="12507"/>
                    <a:pt x="6467" y="12456"/>
                    <a:pt x="6417" y="12456"/>
                  </a:cubicBezTo>
                  <a:cubicBezTo>
                    <a:pt x="6342" y="12456"/>
                    <a:pt x="6191" y="12507"/>
                    <a:pt x="6116" y="12456"/>
                  </a:cubicBezTo>
                  <a:cubicBezTo>
                    <a:pt x="6116" y="12456"/>
                    <a:pt x="6066" y="12456"/>
                    <a:pt x="6016" y="12381"/>
                  </a:cubicBezTo>
                  <a:lnTo>
                    <a:pt x="6016" y="12156"/>
                  </a:lnTo>
                  <a:cubicBezTo>
                    <a:pt x="5966" y="12055"/>
                    <a:pt x="5665" y="11930"/>
                    <a:pt x="5615" y="11830"/>
                  </a:cubicBezTo>
                  <a:cubicBezTo>
                    <a:pt x="5565" y="11654"/>
                    <a:pt x="5615" y="11329"/>
                    <a:pt x="5615" y="11203"/>
                  </a:cubicBezTo>
                  <a:cubicBezTo>
                    <a:pt x="5615" y="11103"/>
                    <a:pt x="5615" y="10802"/>
                    <a:pt x="5565" y="10702"/>
                  </a:cubicBezTo>
                  <a:cubicBezTo>
                    <a:pt x="5565" y="10577"/>
                    <a:pt x="5440" y="10251"/>
                    <a:pt x="5339" y="10201"/>
                  </a:cubicBezTo>
                  <a:cubicBezTo>
                    <a:pt x="5239" y="10075"/>
                    <a:pt x="4888" y="10201"/>
                    <a:pt x="4788" y="10126"/>
                  </a:cubicBezTo>
                  <a:cubicBezTo>
                    <a:pt x="4663" y="10075"/>
                    <a:pt x="4562" y="9975"/>
                    <a:pt x="4437" y="9900"/>
                  </a:cubicBezTo>
                  <a:cubicBezTo>
                    <a:pt x="4337" y="9900"/>
                    <a:pt x="3986" y="9975"/>
                    <a:pt x="3835" y="10025"/>
                  </a:cubicBezTo>
                  <a:cubicBezTo>
                    <a:pt x="3760" y="10025"/>
                    <a:pt x="3660" y="10201"/>
                    <a:pt x="3610" y="10251"/>
                  </a:cubicBezTo>
                  <a:cubicBezTo>
                    <a:pt x="3485" y="10251"/>
                    <a:pt x="3309" y="10251"/>
                    <a:pt x="3259" y="10301"/>
                  </a:cubicBezTo>
                  <a:cubicBezTo>
                    <a:pt x="3159" y="10301"/>
                    <a:pt x="3084" y="10527"/>
                    <a:pt x="3033" y="10577"/>
                  </a:cubicBezTo>
                  <a:cubicBezTo>
                    <a:pt x="2933" y="10652"/>
                    <a:pt x="2708" y="10802"/>
                    <a:pt x="2582" y="10752"/>
                  </a:cubicBezTo>
                  <a:cubicBezTo>
                    <a:pt x="2482" y="10752"/>
                    <a:pt x="2407" y="10652"/>
                    <a:pt x="2357" y="10577"/>
                  </a:cubicBezTo>
                  <a:cubicBezTo>
                    <a:pt x="2357" y="10476"/>
                    <a:pt x="2482" y="10201"/>
                    <a:pt x="2357" y="10075"/>
                  </a:cubicBezTo>
                  <a:cubicBezTo>
                    <a:pt x="2357" y="10025"/>
                    <a:pt x="2206" y="10025"/>
                    <a:pt x="2131" y="10025"/>
                  </a:cubicBezTo>
                  <a:cubicBezTo>
                    <a:pt x="2031" y="10025"/>
                    <a:pt x="1805" y="10126"/>
                    <a:pt x="1755" y="10075"/>
                  </a:cubicBezTo>
                  <a:cubicBezTo>
                    <a:pt x="1630" y="10025"/>
                    <a:pt x="1630" y="9800"/>
                    <a:pt x="1630" y="9674"/>
                  </a:cubicBezTo>
                  <a:cubicBezTo>
                    <a:pt x="1630" y="9574"/>
                    <a:pt x="1680" y="9349"/>
                    <a:pt x="1630" y="9223"/>
                  </a:cubicBezTo>
                  <a:cubicBezTo>
                    <a:pt x="1630" y="9173"/>
                    <a:pt x="1455" y="8998"/>
                    <a:pt x="1404" y="8948"/>
                  </a:cubicBezTo>
                  <a:cubicBezTo>
                    <a:pt x="1354" y="8898"/>
                    <a:pt x="1179" y="8847"/>
                    <a:pt x="1079" y="8797"/>
                  </a:cubicBezTo>
                  <a:cubicBezTo>
                    <a:pt x="953" y="8722"/>
                    <a:pt x="778" y="8497"/>
                    <a:pt x="678" y="8396"/>
                  </a:cubicBezTo>
                  <a:cubicBezTo>
                    <a:pt x="627" y="8221"/>
                    <a:pt x="452" y="7945"/>
                    <a:pt x="452" y="7770"/>
                  </a:cubicBezTo>
                  <a:cubicBezTo>
                    <a:pt x="452" y="7594"/>
                    <a:pt x="577" y="7369"/>
                    <a:pt x="627" y="7268"/>
                  </a:cubicBezTo>
                  <a:cubicBezTo>
                    <a:pt x="678" y="7218"/>
                    <a:pt x="953" y="7143"/>
                    <a:pt x="1003" y="7093"/>
                  </a:cubicBezTo>
                  <a:cubicBezTo>
                    <a:pt x="1079" y="6993"/>
                    <a:pt x="1129" y="6767"/>
                    <a:pt x="1129" y="6642"/>
                  </a:cubicBezTo>
                  <a:cubicBezTo>
                    <a:pt x="1129" y="6542"/>
                    <a:pt x="1003" y="6241"/>
                    <a:pt x="953" y="6141"/>
                  </a:cubicBezTo>
                  <a:cubicBezTo>
                    <a:pt x="853" y="6015"/>
                    <a:pt x="577" y="5915"/>
                    <a:pt x="502" y="5865"/>
                  </a:cubicBezTo>
                  <a:cubicBezTo>
                    <a:pt x="352" y="5689"/>
                    <a:pt x="51" y="5288"/>
                    <a:pt x="51" y="5063"/>
                  </a:cubicBezTo>
                  <a:cubicBezTo>
                    <a:pt x="1" y="4887"/>
                    <a:pt x="1" y="4512"/>
                    <a:pt x="126" y="4336"/>
                  </a:cubicBezTo>
                  <a:cubicBezTo>
                    <a:pt x="176" y="4161"/>
                    <a:pt x="402" y="3935"/>
                    <a:pt x="502" y="3885"/>
                  </a:cubicBezTo>
                  <a:cubicBezTo>
                    <a:pt x="577" y="3835"/>
                    <a:pt x="853" y="3885"/>
                    <a:pt x="903" y="3835"/>
                  </a:cubicBezTo>
                  <a:cubicBezTo>
                    <a:pt x="953" y="3710"/>
                    <a:pt x="953" y="3434"/>
                    <a:pt x="953" y="3309"/>
                  </a:cubicBezTo>
                  <a:cubicBezTo>
                    <a:pt x="953" y="3208"/>
                    <a:pt x="853" y="2882"/>
                    <a:pt x="903" y="2757"/>
                  </a:cubicBezTo>
                  <a:cubicBezTo>
                    <a:pt x="1003" y="2582"/>
                    <a:pt x="1354" y="2532"/>
                    <a:pt x="1530" y="2481"/>
                  </a:cubicBezTo>
                  <a:cubicBezTo>
                    <a:pt x="1680" y="2431"/>
                    <a:pt x="2031" y="2356"/>
                    <a:pt x="2131" y="2256"/>
                  </a:cubicBezTo>
                  <a:cubicBezTo>
                    <a:pt x="2257" y="2131"/>
                    <a:pt x="2407" y="1980"/>
                    <a:pt x="2482" y="1855"/>
                  </a:cubicBezTo>
                  <a:cubicBezTo>
                    <a:pt x="2532" y="1679"/>
                    <a:pt x="2482" y="1304"/>
                    <a:pt x="2582" y="1178"/>
                  </a:cubicBezTo>
                  <a:cubicBezTo>
                    <a:pt x="2632" y="1078"/>
                    <a:pt x="2983" y="1078"/>
                    <a:pt x="3033" y="953"/>
                  </a:cubicBezTo>
                  <a:cubicBezTo>
                    <a:pt x="3084" y="903"/>
                    <a:pt x="3084" y="727"/>
                    <a:pt x="3084" y="627"/>
                  </a:cubicBezTo>
                  <a:cubicBezTo>
                    <a:pt x="3084" y="502"/>
                    <a:pt x="3159" y="326"/>
                    <a:pt x="3159" y="176"/>
                  </a:cubicBezTo>
                  <a:cubicBezTo>
                    <a:pt x="3259" y="176"/>
                    <a:pt x="3434" y="0"/>
                    <a:pt x="3485" y="0"/>
                  </a:cubicBezTo>
                  <a:cubicBezTo>
                    <a:pt x="3610" y="0"/>
                    <a:pt x="3835" y="100"/>
                    <a:pt x="3936" y="176"/>
                  </a:cubicBezTo>
                  <a:cubicBezTo>
                    <a:pt x="3986" y="176"/>
                    <a:pt x="4036" y="326"/>
                    <a:pt x="4111" y="326"/>
                  </a:cubicBezTo>
                  <a:cubicBezTo>
                    <a:pt x="4111" y="401"/>
                    <a:pt x="4211" y="552"/>
                    <a:pt x="4262" y="552"/>
                  </a:cubicBezTo>
                  <a:cubicBezTo>
                    <a:pt x="4387" y="627"/>
                    <a:pt x="4663" y="627"/>
                    <a:pt x="4788" y="627"/>
                  </a:cubicBezTo>
                  <a:lnTo>
                    <a:pt x="5114" y="627"/>
                  </a:lnTo>
                  <a:cubicBezTo>
                    <a:pt x="5239" y="627"/>
                    <a:pt x="5339" y="552"/>
                    <a:pt x="5440" y="552"/>
                  </a:cubicBezTo>
                  <a:cubicBezTo>
                    <a:pt x="5515" y="502"/>
                    <a:pt x="5740" y="552"/>
                    <a:pt x="5841" y="552"/>
                  </a:cubicBezTo>
                  <a:lnTo>
                    <a:pt x="6191" y="552"/>
                  </a:lnTo>
                  <a:cubicBezTo>
                    <a:pt x="6242" y="552"/>
                    <a:pt x="6417" y="451"/>
                    <a:pt x="6517" y="451"/>
                  </a:cubicBezTo>
                  <a:cubicBezTo>
                    <a:pt x="6567" y="451"/>
                    <a:pt x="6743" y="451"/>
                    <a:pt x="6793" y="502"/>
                  </a:cubicBezTo>
                  <a:cubicBezTo>
                    <a:pt x="6868" y="502"/>
                    <a:pt x="6868" y="677"/>
                    <a:pt x="6918" y="727"/>
                  </a:cubicBezTo>
                  <a:cubicBezTo>
                    <a:pt x="6968" y="777"/>
                    <a:pt x="7194" y="677"/>
                    <a:pt x="7294" y="727"/>
                  </a:cubicBezTo>
                  <a:cubicBezTo>
                    <a:pt x="7369" y="777"/>
                    <a:pt x="7419" y="903"/>
                    <a:pt x="7470" y="953"/>
                  </a:cubicBezTo>
                  <a:cubicBezTo>
                    <a:pt x="7520" y="953"/>
                    <a:pt x="7595" y="1078"/>
                    <a:pt x="7645" y="1078"/>
                  </a:cubicBezTo>
                  <a:cubicBezTo>
                    <a:pt x="7745" y="1128"/>
                    <a:pt x="7921" y="1078"/>
                    <a:pt x="7971" y="1078"/>
                  </a:cubicBezTo>
                  <a:cubicBezTo>
                    <a:pt x="8146" y="1003"/>
                    <a:pt x="8372" y="953"/>
                    <a:pt x="8497" y="903"/>
                  </a:cubicBezTo>
                  <a:cubicBezTo>
                    <a:pt x="8547" y="903"/>
                    <a:pt x="8648" y="727"/>
                    <a:pt x="8698" y="727"/>
                  </a:cubicBezTo>
                  <a:cubicBezTo>
                    <a:pt x="8773" y="677"/>
                    <a:pt x="8923" y="727"/>
                    <a:pt x="8998" y="777"/>
                  </a:cubicBezTo>
                  <a:cubicBezTo>
                    <a:pt x="9049" y="777"/>
                    <a:pt x="9224" y="903"/>
                    <a:pt x="9324" y="953"/>
                  </a:cubicBezTo>
                  <a:cubicBezTo>
                    <a:pt x="9374" y="953"/>
                    <a:pt x="9500" y="852"/>
                    <a:pt x="9550" y="852"/>
                  </a:cubicBezTo>
                  <a:cubicBezTo>
                    <a:pt x="9600" y="852"/>
                    <a:pt x="9725" y="903"/>
                    <a:pt x="9775" y="953"/>
                  </a:cubicBezTo>
                  <a:cubicBezTo>
                    <a:pt x="9826" y="953"/>
                    <a:pt x="9951" y="1078"/>
                    <a:pt x="10001" y="1078"/>
                  </a:cubicBezTo>
                  <a:cubicBezTo>
                    <a:pt x="10126" y="1078"/>
                    <a:pt x="10277" y="1078"/>
                    <a:pt x="10402" y="1003"/>
                  </a:cubicBezTo>
                  <a:cubicBezTo>
                    <a:pt x="10402" y="1003"/>
                    <a:pt x="10452" y="953"/>
                    <a:pt x="10502" y="903"/>
                  </a:cubicBezTo>
                  <a:cubicBezTo>
                    <a:pt x="10552" y="903"/>
                    <a:pt x="10628" y="1003"/>
                    <a:pt x="10678" y="1003"/>
                  </a:cubicBezTo>
                  <a:cubicBezTo>
                    <a:pt x="10778" y="1003"/>
                    <a:pt x="10953" y="1078"/>
                    <a:pt x="11079" y="1128"/>
                  </a:cubicBezTo>
                  <a:cubicBezTo>
                    <a:pt x="11129" y="1128"/>
                    <a:pt x="11179" y="1228"/>
                    <a:pt x="11229" y="1304"/>
                  </a:cubicBezTo>
                  <a:cubicBezTo>
                    <a:pt x="11304" y="1304"/>
                    <a:pt x="11354" y="1354"/>
                    <a:pt x="11354" y="1354"/>
                  </a:cubicBezTo>
                  <a:cubicBezTo>
                    <a:pt x="11404" y="1404"/>
                    <a:pt x="11404" y="1529"/>
                    <a:pt x="11354" y="1579"/>
                  </a:cubicBezTo>
                  <a:cubicBezTo>
                    <a:pt x="11354" y="1755"/>
                    <a:pt x="11304" y="2080"/>
                    <a:pt x="11179" y="2131"/>
                  </a:cubicBezTo>
                  <a:cubicBezTo>
                    <a:pt x="11129" y="2206"/>
                    <a:pt x="11003" y="2206"/>
                    <a:pt x="10953" y="2206"/>
                  </a:cubicBezTo>
                  <a:cubicBezTo>
                    <a:pt x="10853" y="2256"/>
                    <a:pt x="10728" y="2356"/>
                    <a:pt x="10678" y="2431"/>
                  </a:cubicBezTo>
                  <a:cubicBezTo>
                    <a:pt x="10628" y="2481"/>
                    <a:pt x="10628" y="2582"/>
                    <a:pt x="10552" y="2657"/>
                  </a:cubicBezTo>
                  <a:cubicBezTo>
                    <a:pt x="10502" y="2657"/>
                    <a:pt x="10402" y="2707"/>
                    <a:pt x="10402" y="2707"/>
                  </a:cubicBezTo>
                  <a:cubicBezTo>
                    <a:pt x="10277" y="2757"/>
                    <a:pt x="10176" y="2882"/>
                    <a:pt x="10126" y="2933"/>
                  </a:cubicBezTo>
                  <a:cubicBezTo>
                    <a:pt x="10051" y="2983"/>
                    <a:pt x="10001" y="3108"/>
                    <a:pt x="9951" y="3158"/>
                  </a:cubicBezTo>
                  <a:cubicBezTo>
                    <a:pt x="9901" y="3158"/>
                    <a:pt x="9775" y="3158"/>
                    <a:pt x="9725" y="3208"/>
                  </a:cubicBezTo>
                  <a:cubicBezTo>
                    <a:pt x="9675" y="3208"/>
                    <a:pt x="9550" y="3258"/>
                    <a:pt x="9550" y="3309"/>
                  </a:cubicBezTo>
                  <a:cubicBezTo>
                    <a:pt x="9500" y="3434"/>
                    <a:pt x="9500" y="3609"/>
                    <a:pt x="9450" y="3710"/>
                  </a:cubicBezTo>
                  <a:cubicBezTo>
                    <a:pt x="9450" y="3760"/>
                    <a:pt x="9374" y="3885"/>
                    <a:pt x="9324" y="3885"/>
                  </a:cubicBezTo>
                  <a:cubicBezTo>
                    <a:pt x="9274" y="3935"/>
                    <a:pt x="9099" y="3985"/>
                    <a:pt x="9049" y="4060"/>
                  </a:cubicBezTo>
                  <a:cubicBezTo>
                    <a:pt x="8998" y="4060"/>
                    <a:pt x="8923" y="3985"/>
                    <a:pt x="8873" y="3985"/>
                  </a:cubicBezTo>
                  <a:cubicBezTo>
                    <a:pt x="8823" y="4060"/>
                    <a:pt x="8773" y="4211"/>
                    <a:pt x="8823" y="4286"/>
                  </a:cubicBezTo>
                  <a:cubicBezTo>
                    <a:pt x="8823" y="4336"/>
                    <a:pt x="8998" y="4386"/>
                    <a:pt x="9049" y="4436"/>
                  </a:cubicBezTo>
                  <a:cubicBezTo>
                    <a:pt x="9099" y="4512"/>
                    <a:pt x="9224" y="4612"/>
                    <a:pt x="9224" y="4662"/>
                  </a:cubicBezTo>
                  <a:cubicBezTo>
                    <a:pt x="9224" y="4737"/>
                    <a:pt x="9099" y="4837"/>
                    <a:pt x="9099" y="4887"/>
                  </a:cubicBezTo>
                  <a:cubicBezTo>
                    <a:pt x="9099" y="4963"/>
                    <a:pt x="9224" y="5063"/>
                    <a:pt x="9274" y="5113"/>
                  </a:cubicBezTo>
                  <a:cubicBezTo>
                    <a:pt x="9274" y="5188"/>
                    <a:pt x="9450" y="5188"/>
                    <a:pt x="9450" y="5113"/>
                  </a:cubicBezTo>
                  <a:cubicBezTo>
                    <a:pt x="9550" y="5113"/>
                    <a:pt x="9500" y="4837"/>
                    <a:pt x="9600" y="4787"/>
                  </a:cubicBezTo>
                  <a:cubicBezTo>
                    <a:pt x="9675" y="4737"/>
                    <a:pt x="9826" y="4787"/>
                    <a:pt x="9951" y="4787"/>
                  </a:cubicBezTo>
                  <a:cubicBezTo>
                    <a:pt x="10001" y="4837"/>
                    <a:pt x="10126" y="5013"/>
                    <a:pt x="10176" y="5063"/>
                  </a:cubicBezTo>
                  <a:cubicBezTo>
                    <a:pt x="10277" y="5113"/>
                    <a:pt x="10502" y="5063"/>
                    <a:pt x="10628" y="5113"/>
                  </a:cubicBezTo>
                  <a:cubicBezTo>
                    <a:pt x="10678" y="5188"/>
                    <a:pt x="10778" y="5288"/>
                    <a:pt x="10853" y="5339"/>
                  </a:cubicBezTo>
                  <a:cubicBezTo>
                    <a:pt x="10853" y="5414"/>
                    <a:pt x="10953" y="5464"/>
                    <a:pt x="11003" y="5464"/>
                  </a:cubicBezTo>
                  <a:cubicBezTo>
                    <a:pt x="11079" y="5514"/>
                    <a:pt x="11179" y="5464"/>
                    <a:pt x="11229" y="5514"/>
                  </a:cubicBezTo>
                  <a:cubicBezTo>
                    <a:pt x="11304" y="5564"/>
                    <a:pt x="11229" y="5740"/>
                    <a:pt x="11179" y="5790"/>
                  </a:cubicBezTo>
                  <a:cubicBezTo>
                    <a:pt x="11179" y="5915"/>
                    <a:pt x="11129" y="6141"/>
                    <a:pt x="11079" y="6241"/>
                  </a:cubicBezTo>
                  <a:cubicBezTo>
                    <a:pt x="11003" y="6366"/>
                    <a:pt x="10853" y="6542"/>
                    <a:pt x="10778" y="6592"/>
                  </a:cubicBezTo>
                  <a:cubicBezTo>
                    <a:pt x="10728" y="6642"/>
                    <a:pt x="10552" y="6642"/>
                    <a:pt x="10502" y="6642"/>
                  </a:cubicBezTo>
                  <a:cubicBezTo>
                    <a:pt x="10452" y="6692"/>
                    <a:pt x="10227" y="6692"/>
                    <a:pt x="10227" y="6817"/>
                  </a:cubicBezTo>
                  <a:cubicBezTo>
                    <a:pt x="10176" y="6867"/>
                    <a:pt x="10277" y="6993"/>
                    <a:pt x="10227" y="7043"/>
                  </a:cubicBezTo>
                  <a:cubicBezTo>
                    <a:pt x="10227" y="7093"/>
                    <a:pt x="10126" y="7143"/>
                    <a:pt x="10126" y="7143"/>
                  </a:cubicBezTo>
                  <a:cubicBezTo>
                    <a:pt x="10051" y="7218"/>
                    <a:pt x="10176" y="7369"/>
                    <a:pt x="10126" y="7444"/>
                  </a:cubicBezTo>
                  <a:cubicBezTo>
                    <a:pt x="10126" y="7494"/>
                    <a:pt x="10001" y="7544"/>
                    <a:pt x="10001" y="7544"/>
                  </a:cubicBezTo>
                  <a:cubicBezTo>
                    <a:pt x="9951" y="7594"/>
                    <a:pt x="10001" y="7770"/>
                    <a:pt x="10051" y="7820"/>
                  </a:cubicBezTo>
                  <a:cubicBezTo>
                    <a:pt x="10126" y="7895"/>
                    <a:pt x="10327" y="7945"/>
                    <a:pt x="10402" y="7895"/>
                  </a:cubicBezTo>
                  <a:cubicBezTo>
                    <a:pt x="10452" y="7895"/>
                    <a:pt x="10452" y="7770"/>
                    <a:pt x="10502" y="7770"/>
                  </a:cubicBezTo>
                  <a:cubicBezTo>
                    <a:pt x="10552" y="7720"/>
                    <a:pt x="10728" y="7720"/>
                    <a:pt x="10778" y="7770"/>
                  </a:cubicBezTo>
                  <a:cubicBezTo>
                    <a:pt x="10853" y="7770"/>
                    <a:pt x="11003" y="7770"/>
                    <a:pt x="11003" y="7820"/>
                  </a:cubicBezTo>
                  <a:cubicBezTo>
                    <a:pt x="11079" y="7895"/>
                    <a:pt x="11129" y="7995"/>
                    <a:pt x="11129" y="8045"/>
                  </a:cubicBezTo>
                  <a:cubicBezTo>
                    <a:pt x="11179" y="8171"/>
                    <a:pt x="11179" y="8396"/>
                    <a:pt x="11129" y="8497"/>
                  </a:cubicBezTo>
                  <a:cubicBezTo>
                    <a:pt x="11079" y="8572"/>
                    <a:pt x="10953" y="8622"/>
                    <a:pt x="10903" y="8672"/>
                  </a:cubicBezTo>
                  <a:cubicBezTo>
                    <a:pt x="10853" y="8797"/>
                    <a:pt x="10778" y="8948"/>
                    <a:pt x="10778" y="9073"/>
                  </a:cubicBezTo>
                  <a:cubicBezTo>
                    <a:pt x="10728" y="9123"/>
                    <a:pt x="10678" y="9223"/>
                    <a:pt x="10678" y="9299"/>
                  </a:cubicBezTo>
                  <a:cubicBezTo>
                    <a:pt x="10678" y="9349"/>
                    <a:pt x="10728" y="9449"/>
                    <a:pt x="10778" y="9524"/>
                  </a:cubicBezTo>
                  <a:cubicBezTo>
                    <a:pt x="10903" y="9574"/>
                    <a:pt x="11179" y="9524"/>
                    <a:pt x="11304" y="9574"/>
                  </a:cubicBezTo>
                  <a:cubicBezTo>
                    <a:pt x="11354" y="9574"/>
                    <a:pt x="11530" y="9674"/>
                    <a:pt x="11580" y="9800"/>
                  </a:cubicBezTo>
                  <a:cubicBezTo>
                    <a:pt x="11630" y="9850"/>
                    <a:pt x="11630" y="10025"/>
                    <a:pt x="11680" y="10075"/>
                  </a:cubicBezTo>
                  <a:cubicBezTo>
                    <a:pt x="11755" y="10126"/>
                    <a:pt x="11906" y="10201"/>
                    <a:pt x="11956" y="10201"/>
                  </a:cubicBezTo>
                  <a:cubicBezTo>
                    <a:pt x="12031" y="10251"/>
                    <a:pt x="12181" y="10351"/>
                    <a:pt x="12257" y="10426"/>
                  </a:cubicBezTo>
                  <a:cubicBezTo>
                    <a:pt x="12257" y="10476"/>
                    <a:pt x="12307" y="10577"/>
                    <a:pt x="12307" y="10652"/>
                  </a:cubicBezTo>
                  <a:cubicBezTo>
                    <a:pt x="12357" y="10752"/>
                    <a:pt x="12482" y="10928"/>
                    <a:pt x="12582" y="10978"/>
                  </a:cubicBezTo>
                  <a:cubicBezTo>
                    <a:pt x="12633" y="10978"/>
                    <a:pt x="12758" y="10978"/>
                    <a:pt x="12808" y="11028"/>
                  </a:cubicBezTo>
                  <a:cubicBezTo>
                    <a:pt x="12858" y="11103"/>
                    <a:pt x="12858" y="11329"/>
                    <a:pt x="12858" y="11379"/>
                  </a:cubicBezTo>
                  <a:cubicBezTo>
                    <a:pt x="12933" y="11429"/>
                    <a:pt x="13084" y="11604"/>
                    <a:pt x="13159" y="11654"/>
                  </a:cubicBezTo>
                  <a:cubicBezTo>
                    <a:pt x="13259" y="11705"/>
                    <a:pt x="13485" y="11654"/>
                    <a:pt x="13585" y="11780"/>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127" name="Google Shape;184;p16">
              <a:extLst>
                <a:ext uri="{FF2B5EF4-FFF2-40B4-BE49-F238E27FC236}">
                  <a16:creationId xmlns:a16="http://schemas.microsoft.com/office/drawing/2014/main" id="{09C53FD0-0008-590C-2AB0-E543F783AD01}"/>
                </a:ext>
              </a:extLst>
            </p:cNvPr>
            <p:cNvSpPr/>
            <p:nvPr/>
          </p:nvSpPr>
          <p:spPr>
            <a:xfrm>
              <a:off x="2629469" y="1179899"/>
              <a:ext cx="381279" cy="358169"/>
            </a:xfrm>
            <a:custGeom>
              <a:avLst/>
              <a:gdLst/>
              <a:ahLst/>
              <a:cxnLst/>
              <a:rect l="l" t="t" r="r" b="b"/>
              <a:pathLst>
                <a:path w="13661" h="12833" fill="none" extrusionOk="0">
                  <a:moveTo>
                    <a:pt x="13585" y="11780"/>
                  </a:moveTo>
                  <a:cubicBezTo>
                    <a:pt x="13660" y="11830"/>
                    <a:pt x="13660" y="12055"/>
                    <a:pt x="13585" y="12106"/>
                  </a:cubicBezTo>
                  <a:cubicBezTo>
                    <a:pt x="13585" y="12156"/>
                    <a:pt x="13535" y="12231"/>
                    <a:pt x="13485" y="12281"/>
                  </a:cubicBezTo>
                  <a:cubicBezTo>
                    <a:pt x="13435" y="12281"/>
                    <a:pt x="13309" y="12231"/>
                    <a:pt x="13259" y="12281"/>
                  </a:cubicBezTo>
                  <a:cubicBezTo>
                    <a:pt x="13209" y="12281"/>
                    <a:pt x="13159" y="12381"/>
                    <a:pt x="13159" y="12456"/>
                  </a:cubicBezTo>
                  <a:cubicBezTo>
                    <a:pt x="13084" y="12507"/>
                    <a:pt x="13159" y="12607"/>
                    <a:pt x="13084" y="12682"/>
                  </a:cubicBezTo>
                  <a:cubicBezTo>
                    <a:pt x="13084" y="12732"/>
                    <a:pt x="12933" y="12732"/>
                    <a:pt x="12808" y="12732"/>
                  </a:cubicBezTo>
                  <a:cubicBezTo>
                    <a:pt x="12808" y="12732"/>
                    <a:pt x="12708" y="12832"/>
                    <a:pt x="12633" y="12832"/>
                  </a:cubicBezTo>
                  <a:cubicBezTo>
                    <a:pt x="12582" y="12832"/>
                    <a:pt x="12407" y="12732"/>
                    <a:pt x="12307" y="12732"/>
                  </a:cubicBezTo>
                  <a:lnTo>
                    <a:pt x="12031" y="12732"/>
                  </a:lnTo>
                  <a:lnTo>
                    <a:pt x="11956" y="12607"/>
                  </a:lnTo>
                  <a:cubicBezTo>
                    <a:pt x="11956" y="12607"/>
                    <a:pt x="11906" y="12507"/>
                    <a:pt x="12031" y="12331"/>
                  </a:cubicBezTo>
                  <a:cubicBezTo>
                    <a:pt x="12081" y="12231"/>
                    <a:pt x="12181" y="12156"/>
                    <a:pt x="12181" y="12106"/>
                  </a:cubicBezTo>
                  <a:cubicBezTo>
                    <a:pt x="12257" y="12055"/>
                    <a:pt x="12257" y="11930"/>
                    <a:pt x="12257" y="11830"/>
                  </a:cubicBezTo>
                  <a:cubicBezTo>
                    <a:pt x="12181" y="11780"/>
                    <a:pt x="12031" y="11654"/>
                    <a:pt x="11956" y="11554"/>
                  </a:cubicBezTo>
                  <a:cubicBezTo>
                    <a:pt x="11856" y="11479"/>
                    <a:pt x="11680" y="11253"/>
                    <a:pt x="11630" y="11153"/>
                  </a:cubicBezTo>
                  <a:cubicBezTo>
                    <a:pt x="11580" y="11103"/>
                    <a:pt x="11404" y="10928"/>
                    <a:pt x="11354" y="10802"/>
                  </a:cubicBezTo>
                  <a:cubicBezTo>
                    <a:pt x="11229" y="10702"/>
                    <a:pt x="11003" y="10476"/>
                    <a:pt x="10853" y="10351"/>
                  </a:cubicBezTo>
                  <a:cubicBezTo>
                    <a:pt x="10778" y="10351"/>
                    <a:pt x="10728" y="10251"/>
                    <a:pt x="10678" y="10251"/>
                  </a:cubicBezTo>
                  <a:cubicBezTo>
                    <a:pt x="10628" y="10201"/>
                    <a:pt x="10502" y="10251"/>
                    <a:pt x="10452" y="10301"/>
                  </a:cubicBezTo>
                  <a:cubicBezTo>
                    <a:pt x="10402" y="10351"/>
                    <a:pt x="10402" y="10527"/>
                    <a:pt x="10452" y="10577"/>
                  </a:cubicBezTo>
                  <a:cubicBezTo>
                    <a:pt x="10452" y="10652"/>
                    <a:pt x="10502" y="10802"/>
                    <a:pt x="10502" y="10877"/>
                  </a:cubicBezTo>
                  <a:cubicBezTo>
                    <a:pt x="10552" y="10928"/>
                    <a:pt x="10552" y="11103"/>
                    <a:pt x="10502" y="11203"/>
                  </a:cubicBezTo>
                  <a:cubicBezTo>
                    <a:pt x="10502" y="11253"/>
                    <a:pt x="10277" y="11429"/>
                    <a:pt x="10227" y="11429"/>
                  </a:cubicBezTo>
                  <a:cubicBezTo>
                    <a:pt x="10126" y="11479"/>
                    <a:pt x="9951" y="11479"/>
                    <a:pt x="9826" y="11429"/>
                  </a:cubicBezTo>
                  <a:cubicBezTo>
                    <a:pt x="9775" y="11429"/>
                    <a:pt x="9725" y="11253"/>
                    <a:pt x="9600" y="11203"/>
                  </a:cubicBezTo>
                  <a:cubicBezTo>
                    <a:pt x="9550" y="11153"/>
                    <a:pt x="9374" y="11203"/>
                    <a:pt x="9324" y="11203"/>
                  </a:cubicBezTo>
                  <a:cubicBezTo>
                    <a:pt x="9274" y="11153"/>
                    <a:pt x="9274" y="11028"/>
                    <a:pt x="9224" y="10978"/>
                  </a:cubicBezTo>
                  <a:cubicBezTo>
                    <a:pt x="9099" y="10978"/>
                    <a:pt x="8923" y="11028"/>
                    <a:pt x="8873" y="10978"/>
                  </a:cubicBezTo>
                  <a:cubicBezTo>
                    <a:pt x="8823" y="10978"/>
                    <a:pt x="8698" y="10877"/>
                    <a:pt x="8648" y="10877"/>
                  </a:cubicBezTo>
                  <a:cubicBezTo>
                    <a:pt x="8597" y="10802"/>
                    <a:pt x="8422" y="10877"/>
                    <a:pt x="8372" y="10877"/>
                  </a:cubicBezTo>
                  <a:cubicBezTo>
                    <a:pt x="8272" y="10877"/>
                    <a:pt x="8096" y="10877"/>
                    <a:pt x="8046" y="10802"/>
                  </a:cubicBezTo>
                  <a:cubicBezTo>
                    <a:pt x="7971" y="10802"/>
                    <a:pt x="7871" y="10702"/>
                    <a:pt x="7820" y="10702"/>
                  </a:cubicBezTo>
                  <a:cubicBezTo>
                    <a:pt x="7745" y="10652"/>
                    <a:pt x="7595" y="10577"/>
                    <a:pt x="7520" y="10652"/>
                  </a:cubicBezTo>
                  <a:cubicBezTo>
                    <a:pt x="7470" y="10652"/>
                    <a:pt x="7470" y="10802"/>
                    <a:pt x="7419" y="10802"/>
                  </a:cubicBezTo>
                  <a:cubicBezTo>
                    <a:pt x="7369" y="10877"/>
                    <a:pt x="7194" y="10802"/>
                    <a:pt x="7194" y="10802"/>
                  </a:cubicBezTo>
                  <a:cubicBezTo>
                    <a:pt x="7144" y="10877"/>
                    <a:pt x="7144" y="10978"/>
                    <a:pt x="7069" y="11028"/>
                  </a:cubicBezTo>
                  <a:lnTo>
                    <a:pt x="7018" y="11153"/>
                  </a:lnTo>
                  <a:lnTo>
                    <a:pt x="6868" y="11153"/>
                  </a:lnTo>
                  <a:cubicBezTo>
                    <a:pt x="6793" y="11203"/>
                    <a:pt x="6693" y="11329"/>
                    <a:pt x="6643" y="11429"/>
                  </a:cubicBezTo>
                  <a:cubicBezTo>
                    <a:pt x="6643" y="11429"/>
                    <a:pt x="6643" y="11554"/>
                    <a:pt x="6693" y="11554"/>
                  </a:cubicBezTo>
                  <a:cubicBezTo>
                    <a:pt x="6743" y="11604"/>
                    <a:pt x="6918" y="11554"/>
                    <a:pt x="7018" y="11604"/>
                  </a:cubicBezTo>
                  <a:cubicBezTo>
                    <a:pt x="7018" y="11604"/>
                    <a:pt x="7144" y="11654"/>
                    <a:pt x="7194" y="11705"/>
                  </a:cubicBezTo>
                  <a:cubicBezTo>
                    <a:pt x="7194" y="11780"/>
                    <a:pt x="7194" y="11880"/>
                    <a:pt x="7144" y="11930"/>
                  </a:cubicBezTo>
                  <a:cubicBezTo>
                    <a:pt x="7144" y="11930"/>
                    <a:pt x="6968" y="11930"/>
                    <a:pt x="6918" y="12005"/>
                  </a:cubicBezTo>
                  <a:lnTo>
                    <a:pt x="6918" y="12231"/>
                  </a:lnTo>
                  <a:cubicBezTo>
                    <a:pt x="6868" y="12331"/>
                    <a:pt x="6793" y="12456"/>
                    <a:pt x="6693" y="12507"/>
                  </a:cubicBezTo>
                  <a:cubicBezTo>
                    <a:pt x="6643" y="12507"/>
                    <a:pt x="6467" y="12456"/>
                    <a:pt x="6417" y="12456"/>
                  </a:cubicBezTo>
                  <a:cubicBezTo>
                    <a:pt x="6342" y="12456"/>
                    <a:pt x="6191" y="12507"/>
                    <a:pt x="6116" y="12456"/>
                  </a:cubicBezTo>
                  <a:cubicBezTo>
                    <a:pt x="6116" y="12456"/>
                    <a:pt x="6066" y="12456"/>
                    <a:pt x="6016" y="12381"/>
                  </a:cubicBezTo>
                  <a:lnTo>
                    <a:pt x="6016" y="12156"/>
                  </a:lnTo>
                  <a:cubicBezTo>
                    <a:pt x="5966" y="12055"/>
                    <a:pt x="5665" y="11930"/>
                    <a:pt x="5615" y="11830"/>
                  </a:cubicBezTo>
                  <a:cubicBezTo>
                    <a:pt x="5565" y="11654"/>
                    <a:pt x="5615" y="11329"/>
                    <a:pt x="5615" y="11203"/>
                  </a:cubicBezTo>
                  <a:cubicBezTo>
                    <a:pt x="5615" y="11103"/>
                    <a:pt x="5615" y="10802"/>
                    <a:pt x="5565" y="10702"/>
                  </a:cubicBezTo>
                  <a:cubicBezTo>
                    <a:pt x="5565" y="10577"/>
                    <a:pt x="5440" y="10251"/>
                    <a:pt x="5339" y="10201"/>
                  </a:cubicBezTo>
                  <a:cubicBezTo>
                    <a:pt x="5239" y="10075"/>
                    <a:pt x="4888" y="10201"/>
                    <a:pt x="4788" y="10126"/>
                  </a:cubicBezTo>
                  <a:cubicBezTo>
                    <a:pt x="4663" y="10075"/>
                    <a:pt x="4562" y="9975"/>
                    <a:pt x="4437" y="9900"/>
                  </a:cubicBezTo>
                  <a:cubicBezTo>
                    <a:pt x="4337" y="9900"/>
                    <a:pt x="3986" y="9975"/>
                    <a:pt x="3835" y="10025"/>
                  </a:cubicBezTo>
                  <a:cubicBezTo>
                    <a:pt x="3760" y="10025"/>
                    <a:pt x="3660" y="10201"/>
                    <a:pt x="3610" y="10251"/>
                  </a:cubicBezTo>
                  <a:cubicBezTo>
                    <a:pt x="3485" y="10251"/>
                    <a:pt x="3309" y="10251"/>
                    <a:pt x="3259" y="10301"/>
                  </a:cubicBezTo>
                  <a:cubicBezTo>
                    <a:pt x="3159" y="10301"/>
                    <a:pt x="3084" y="10527"/>
                    <a:pt x="3033" y="10577"/>
                  </a:cubicBezTo>
                  <a:cubicBezTo>
                    <a:pt x="2933" y="10652"/>
                    <a:pt x="2708" y="10802"/>
                    <a:pt x="2582" y="10752"/>
                  </a:cubicBezTo>
                  <a:cubicBezTo>
                    <a:pt x="2482" y="10752"/>
                    <a:pt x="2407" y="10652"/>
                    <a:pt x="2357" y="10577"/>
                  </a:cubicBezTo>
                  <a:cubicBezTo>
                    <a:pt x="2357" y="10476"/>
                    <a:pt x="2482" y="10201"/>
                    <a:pt x="2357" y="10075"/>
                  </a:cubicBezTo>
                  <a:cubicBezTo>
                    <a:pt x="2357" y="10025"/>
                    <a:pt x="2206" y="10025"/>
                    <a:pt x="2131" y="10025"/>
                  </a:cubicBezTo>
                  <a:cubicBezTo>
                    <a:pt x="2031" y="10025"/>
                    <a:pt x="1805" y="10126"/>
                    <a:pt x="1755" y="10075"/>
                  </a:cubicBezTo>
                  <a:cubicBezTo>
                    <a:pt x="1630" y="10025"/>
                    <a:pt x="1630" y="9800"/>
                    <a:pt x="1630" y="9674"/>
                  </a:cubicBezTo>
                  <a:cubicBezTo>
                    <a:pt x="1630" y="9574"/>
                    <a:pt x="1680" y="9349"/>
                    <a:pt x="1630" y="9223"/>
                  </a:cubicBezTo>
                  <a:cubicBezTo>
                    <a:pt x="1630" y="9173"/>
                    <a:pt x="1455" y="8998"/>
                    <a:pt x="1404" y="8948"/>
                  </a:cubicBezTo>
                  <a:cubicBezTo>
                    <a:pt x="1354" y="8898"/>
                    <a:pt x="1179" y="8847"/>
                    <a:pt x="1079" y="8797"/>
                  </a:cubicBezTo>
                  <a:cubicBezTo>
                    <a:pt x="953" y="8722"/>
                    <a:pt x="778" y="8497"/>
                    <a:pt x="678" y="8396"/>
                  </a:cubicBezTo>
                  <a:cubicBezTo>
                    <a:pt x="627" y="8221"/>
                    <a:pt x="452" y="7945"/>
                    <a:pt x="452" y="7770"/>
                  </a:cubicBezTo>
                  <a:cubicBezTo>
                    <a:pt x="452" y="7594"/>
                    <a:pt x="577" y="7369"/>
                    <a:pt x="627" y="7268"/>
                  </a:cubicBezTo>
                  <a:cubicBezTo>
                    <a:pt x="678" y="7218"/>
                    <a:pt x="953" y="7143"/>
                    <a:pt x="1003" y="7093"/>
                  </a:cubicBezTo>
                  <a:cubicBezTo>
                    <a:pt x="1079" y="6993"/>
                    <a:pt x="1129" y="6767"/>
                    <a:pt x="1129" y="6642"/>
                  </a:cubicBezTo>
                  <a:cubicBezTo>
                    <a:pt x="1129" y="6542"/>
                    <a:pt x="1003" y="6241"/>
                    <a:pt x="953" y="6141"/>
                  </a:cubicBezTo>
                  <a:cubicBezTo>
                    <a:pt x="853" y="6015"/>
                    <a:pt x="577" y="5915"/>
                    <a:pt x="502" y="5865"/>
                  </a:cubicBezTo>
                  <a:cubicBezTo>
                    <a:pt x="352" y="5689"/>
                    <a:pt x="51" y="5288"/>
                    <a:pt x="51" y="5063"/>
                  </a:cubicBezTo>
                  <a:cubicBezTo>
                    <a:pt x="1" y="4887"/>
                    <a:pt x="1" y="4512"/>
                    <a:pt x="126" y="4336"/>
                  </a:cubicBezTo>
                  <a:cubicBezTo>
                    <a:pt x="176" y="4161"/>
                    <a:pt x="402" y="3935"/>
                    <a:pt x="502" y="3885"/>
                  </a:cubicBezTo>
                  <a:cubicBezTo>
                    <a:pt x="577" y="3835"/>
                    <a:pt x="853" y="3885"/>
                    <a:pt x="903" y="3835"/>
                  </a:cubicBezTo>
                  <a:cubicBezTo>
                    <a:pt x="953" y="3710"/>
                    <a:pt x="953" y="3434"/>
                    <a:pt x="953" y="3309"/>
                  </a:cubicBezTo>
                  <a:cubicBezTo>
                    <a:pt x="953" y="3208"/>
                    <a:pt x="853" y="2882"/>
                    <a:pt x="903" y="2757"/>
                  </a:cubicBezTo>
                  <a:cubicBezTo>
                    <a:pt x="1003" y="2582"/>
                    <a:pt x="1354" y="2532"/>
                    <a:pt x="1530" y="2481"/>
                  </a:cubicBezTo>
                  <a:cubicBezTo>
                    <a:pt x="1680" y="2431"/>
                    <a:pt x="2031" y="2356"/>
                    <a:pt x="2131" y="2256"/>
                  </a:cubicBezTo>
                  <a:cubicBezTo>
                    <a:pt x="2257" y="2131"/>
                    <a:pt x="2407" y="1980"/>
                    <a:pt x="2482" y="1855"/>
                  </a:cubicBezTo>
                  <a:cubicBezTo>
                    <a:pt x="2532" y="1679"/>
                    <a:pt x="2482" y="1304"/>
                    <a:pt x="2582" y="1178"/>
                  </a:cubicBezTo>
                  <a:cubicBezTo>
                    <a:pt x="2632" y="1078"/>
                    <a:pt x="2983" y="1078"/>
                    <a:pt x="3033" y="953"/>
                  </a:cubicBezTo>
                  <a:cubicBezTo>
                    <a:pt x="3084" y="903"/>
                    <a:pt x="3084" y="727"/>
                    <a:pt x="3084" y="627"/>
                  </a:cubicBezTo>
                  <a:cubicBezTo>
                    <a:pt x="3084" y="502"/>
                    <a:pt x="3159" y="326"/>
                    <a:pt x="3159" y="176"/>
                  </a:cubicBezTo>
                  <a:cubicBezTo>
                    <a:pt x="3259" y="176"/>
                    <a:pt x="3434" y="0"/>
                    <a:pt x="3485" y="0"/>
                  </a:cubicBezTo>
                  <a:cubicBezTo>
                    <a:pt x="3610" y="0"/>
                    <a:pt x="3835" y="100"/>
                    <a:pt x="3936" y="176"/>
                  </a:cubicBezTo>
                  <a:cubicBezTo>
                    <a:pt x="3986" y="176"/>
                    <a:pt x="4036" y="326"/>
                    <a:pt x="4111" y="326"/>
                  </a:cubicBezTo>
                  <a:cubicBezTo>
                    <a:pt x="4111" y="401"/>
                    <a:pt x="4211" y="552"/>
                    <a:pt x="4262" y="552"/>
                  </a:cubicBezTo>
                  <a:cubicBezTo>
                    <a:pt x="4387" y="627"/>
                    <a:pt x="4663" y="627"/>
                    <a:pt x="4788" y="627"/>
                  </a:cubicBezTo>
                  <a:lnTo>
                    <a:pt x="5114" y="627"/>
                  </a:lnTo>
                  <a:cubicBezTo>
                    <a:pt x="5239" y="627"/>
                    <a:pt x="5339" y="552"/>
                    <a:pt x="5440" y="552"/>
                  </a:cubicBezTo>
                  <a:cubicBezTo>
                    <a:pt x="5515" y="502"/>
                    <a:pt x="5740" y="552"/>
                    <a:pt x="5841" y="552"/>
                  </a:cubicBezTo>
                  <a:lnTo>
                    <a:pt x="6191" y="552"/>
                  </a:lnTo>
                  <a:cubicBezTo>
                    <a:pt x="6242" y="552"/>
                    <a:pt x="6417" y="451"/>
                    <a:pt x="6517" y="451"/>
                  </a:cubicBezTo>
                  <a:cubicBezTo>
                    <a:pt x="6567" y="451"/>
                    <a:pt x="6743" y="451"/>
                    <a:pt x="6793" y="502"/>
                  </a:cubicBezTo>
                  <a:cubicBezTo>
                    <a:pt x="6868" y="502"/>
                    <a:pt x="6868" y="677"/>
                    <a:pt x="6918" y="727"/>
                  </a:cubicBezTo>
                  <a:cubicBezTo>
                    <a:pt x="6968" y="777"/>
                    <a:pt x="7194" y="677"/>
                    <a:pt x="7294" y="727"/>
                  </a:cubicBezTo>
                  <a:cubicBezTo>
                    <a:pt x="7369" y="777"/>
                    <a:pt x="7419" y="903"/>
                    <a:pt x="7470" y="953"/>
                  </a:cubicBezTo>
                  <a:cubicBezTo>
                    <a:pt x="7520" y="953"/>
                    <a:pt x="7595" y="1078"/>
                    <a:pt x="7645" y="1078"/>
                  </a:cubicBezTo>
                  <a:cubicBezTo>
                    <a:pt x="7745" y="1128"/>
                    <a:pt x="7921" y="1078"/>
                    <a:pt x="7971" y="1078"/>
                  </a:cubicBezTo>
                  <a:cubicBezTo>
                    <a:pt x="8146" y="1003"/>
                    <a:pt x="8372" y="953"/>
                    <a:pt x="8497" y="903"/>
                  </a:cubicBezTo>
                  <a:cubicBezTo>
                    <a:pt x="8547" y="903"/>
                    <a:pt x="8648" y="727"/>
                    <a:pt x="8698" y="727"/>
                  </a:cubicBezTo>
                  <a:cubicBezTo>
                    <a:pt x="8773" y="677"/>
                    <a:pt x="8923" y="727"/>
                    <a:pt x="8998" y="777"/>
                  </a:cubicBezTo>
                  <a:cubicBezTo>
                    <a:pt x="9049" y="777"/>
                    <a:pt x="9224" y="903"/>
                    <a:pt x="9324" y="953"/>
                  </a:cubicBezTo>
                  <a:cubicBezTo>
                    <a:pt x="9374" y="953"/>
                    <a:pt x="9500" y="852"/>
                    <a:pt x="9550" y="852"/>
                  </a:cubicBezTo>
                  <a:cubicBezTo>
                    <a:pt x="9600" y="852"/>
                    <a:pt x="9725" y="903"/>
                    <a:pt x="9775" y="953"/>
                  </a:cubicBezTo>
                  <a:cubicBezTo>
                    <a:pt x="9826" y="953"/>
                    <a:pt x="9951" y="1078"/>
                    <a:pt x="10001" y="1078"/>
                  </a:cubicBezTo>
                  <a:cubicBezTo>
                    <a:pt x="10126" y="1078"/>
                    <a:pt x="10277" y="1078"/>
                    <a:pt x="10402" y="1003"/>
                  </a:cubicBezTo>
                  <a:cubicBezTo>
                    <a:pt x="10402" y="1003"/>
                    <a:pt x="10452" y="953"/>
                    <a:pt x="10502" y="903"/>
                  </a:cubicBezTo>
                  <a:cubicBezTo>
                    <a:pt x="10552" y="903"/>
                    <a:pt x="10628" y="1003"/>
                    <a:pt x="10678" y="1003"/>
                  </a:cubicBezTo>
                  <a:cubicBezTo>
                    <a:pt x="10778" y="1003"/>
                    <a:pt x="10953" y="1078"/>
                    <a:pt x="11079" y="1128"/>
                  </a:cubicBezTo>
                  <a:cubicBezTo>
                    <a:pt x="11129" y="1128"/>
                    <a:pt x="11179" y="1228"/>
                    <a:pt x="11229" y="1304"/>
                  </a:cubicBezTo>
                  <a:cubicBezTo>
                    <a:pt x="11304" y="1304"/>
                    <a:pt x="11354" y="1354"/>
                    <a:pt x="11354" y="1354"/>
                  </a:cubicBezTo>
                  <a:cubicBezTo>
                    <a:pt x="11404" y="1404"/>
                    <a:pt x="11404" y="1529"/>
                    <a:pt x="11354" y="1579"/>
                  </a:cubicBezTo>
                  <a:cubicBezTo>
                    <a:pt x="11354" y="1755"/>
                    <a:pt x="11304" y="2080"/>
                    <a:pt x="11179" y="2131"/>
                  </a:cubicBezTo>
                  <a:cubicBezTo>
                    <a:pt x="11129" y="2206"/>
                    <a:pt x="11003" y="2206"/>
                    <a:pt x="10953" y="2206"/>
                  </a:cubicBezTo>
                  <a:cubicBezTo>
                    <a:pt x="10853" y="2256"/>
                    <a:pt x="10728" y="2356"/>
                    <a:pt x="10678" y="2431"/>
                  </a:cubicBezTo>
                  <a:cubicBezTo>
                    <a:pt x="10628" y="2481"/>
                    <a:pt x="10628" y="2582"/>
                    <a:pt x="10552" y="2657"/>
                  </a:cubicBezTo>
                  <a:cubicBezTo>
                    <a:pt x="10502" y="2657"/>
                    <a:pt x="10402" y="2707"/>
                    <a:pt x="10402" y="2707"/>
                  </a:cubicBezTo>
                  <a:cubicBezTo>
                    <a:pt x="10277" y="2757"/>
                    <a:pt x="10176" y="2882"/>
                    <a:pt x="10126" y="2933"/>
                  </a:cubicBezTo>
                  <a:cubicBezTo>
                    <a:pt x="10051" y="2983"/>
                    <a:pt x="10001" y="3108"/>
                    <a:pt x="9951" y="3158"/>
                  </a:cubicBezTo>
                  <a:cubicBezTo>
                    <a:pt x="9901" y="3158"/>
                    <a:pt x="9775" y="3158"/>
                    <a:pt x="9725" y="3208"/>
                  </a:cubicBezTo>
                  <a:cubicBezTo>
                    <a:pt x="9675" y="3208"/>
                    <a:pt x="9550" y="3258"/>
                    <a:pt x="9550" y="3309"/>
                  </a:cubicBezTo>
                  <a:cubicBezTo>
                    <a:pt x="9500" y="3434"/>
                    <a:pt x="9500" y="3609"/>
                    <a:pt x="9450" y="3710"/>
                  </a:cubicBezTo>
                  <a:cubicBezTo>
                    <a:pt x="9450" y="3760"/>
                    <a:pt x="9374" y="3885"/>
                    <a:pt x="9324" y="3885"/>
                  </a:cubicBezTo>
                  <a:cubicBezTo>
                    <a:pt x="9274" y="3935"/>
                    <a:pt x="9099" y="3985"/>
                    <a:pt x="9049" y="4060"/>
                  </a:cubicBezTo>
                  <a:cubicBezTo>
                    <a:pt x="8998" y="4060"/>
                    <a:pt x="8923" y="3985"/>
                    <a:pt x="8873" y="3985"/>
                  </a:cubicBezTo>
                  <a:cubicBezTo>
                    <a:pt x="8823" y="4060"/>
                    <a:pt x="8773" y="4211"/>
                    <a:pt x="8823" y="4286"/>
                  </a:cubicBezTo>
                  <a:cubicBezTo>
                    <a:pt x="8823" y="4336"/>
                    <a:pt x="8998" y="4386"/>
                    <a:pt x="9049" y="4436"/>
                  </a:cubicBezTo>
                  <a:cubicBezTo>
                    <a:pt x="9099" y="4512"/>
                    <a:pt x="9224" y="4612"/>
                    <a:pt x="9224" y="4662"/>
                  </a:cubicBezTo>
                  <a:cubicBezTo>
                    <a:pt x="9224" y="4737"/>
                    <a:pt x="9099" y="4837"/>
                    <a:pt x="9099" y="4887"/>
                  </a:cubicBezTo>
                  <a:cubicBezTo>
                    <a:pt x="9099" y="4963"/>
                    <a:pt x="9224" y="5063"/>
                    <a:pt x="9274" y="5113"/>
                  </a:cubicBezTo>
                  <a:cubicBezTo>
                    <a:pt x="9274" y="5188"/>
                    <a:pt x="9450" y="5188"/>
                    <a:pt x="9450" y="5113"/>
                  </a:cubicBezTo>
                  <a:cubicBezTo>
                    <a:pt x="9550" y="5113"/>
                    <a:pt x="9500" y="4837"/>
                    <a:pt x="9600" y="4787"/>
                  </a:cubicBezTo>
                  <a:cubicBezTo>
                    <a:pt x="9675" y="4737"/>
                    <a:pt x="9826" y="4787"/>
                    <a:pt x="9951" y="4787"/>
                  </a:cubicBezTo>
                  <a:cubicBezTo>
                    <a:pt x="10001" y="4837"/>
                    <a:pt x="10126" y="5013"/>
                    <a:pt x="10176" y="5063"/>
                  </a:cubicBezTo>
                  <a:cubicBezTo>
                    <a:pt x="10277" y="5113"/>
                    <a:pt x="10502" y="5063"/>
                    <a:pt x="10628" y="5113"/>
                  </a:cubicBezTo>
                  <a:cubicBezTo>
                    <a:pt x="10678" y="5188"/>
                    <a:pt x="10778" y="5288"/>
                    <a:pt x="10853" y="5339"/>
                  </a:cubicBezTo>
                  <a:cubicBezTo>
                    <a:pt x="10853" y="5414"/>
                    <a:pt x="10953" y="5464"/>
                    <a:pt x="11003" y="5464"/>
                  </a:cubicBezTo>
                  <a:cubicBezTo>
                    <a:pt x="11079" y="5514"/>
                    <a:pt x="11179" y="5464"/>
                    <a:pt x="11229" y="5514"/>
                  </a:cubicBezTo>
                  <a:cubicBezTo>
                    <a:pt x="11304" y="5564"/>
                    <a:pt x="11229" y="5740"/>
                    <a:pt x="11179" y="5790"/>
                  </a:cubicBezTo>
                  <a:cubicBezTo>
                    <a:pt x="11179" y="5915"/>
                    <a:pt x="11129" y="6141"/>
                    <a:pt x="11079" y="6241"/>
                  </a:cubicBezTo>
                  <a:cubicBezTo>
                    <a:pt x="11003" y="6366"/>
                    <a:pt x="10853" y="6542"/>
                    <a:pt x="10778" y="6592"/>
                  </a:cubicBezTo>
                  <a:cubicBezTo>
                    <a:pt x="10728" y="6642"/>
                    <a:pt x="10552" y="6642"/>
                    <a:pt x="10502" y="6642"/>
                  </a:cubicBezTo>
                  <a:cubicBezTo>
                    <a:pt x="10452" y="6692"/>
                    <a:pt x="10227" y="6692"/>
                    <a:pt x="10227" y="6817"/>
                  </a:cubicBezTo>
                  <a:cubicBezTo>
                    <a:pt x="10176" y="6867"/>
                    <a:pt x="10277" y="6993"/>
                    <a:pt x="10227" y="7043"/>
                  </a:cubicBezTo>
                  <a:cubicBezTo>
                    <a:pt x="10227" y="7093"/>
                    <a:pt x="10126" y="7143"/>
                    <a:pt x="10126" y="7143"/>
                  </a:cubicBezTo>
                  <a:cubicBezTo>
                    <a:pt x="10051" y="7218"/>
                    <a:pt x="10176" y="7369"/>
                    <a:pt x="10126" y="7444"/>
                  </a:cubicBezTo>
                  <a:cubicBezTo>
                    <a:pt x="10126" y="7494"/>
                    <a:pt x="10001" y="7544"/>
                    <a:pt x="10001" y="7544"/>
                  </a:cubicBezTo>
                  <a:cubicBezTo>
                    <a:pt x="9951" y="7594"/>
                    <a:pt x="10001" y="7770"/>
                    <a:pt x="10051" y="7820"/>
                  </a:cubicBezTo>
                  <a:cubicBezTo>
                    <a:pt x="10126" y="7895"/>
                    <a:pt x="10327" y="7945"/>
                    <a:pt x="10402" y="7895"/>
                  </a:cubicBezTo>
                  <a:cubicBezTo>
                    <a:pt x="10452" y="7895"/>
                    <a:pt x="10452" y="7770"/>
                    <a:pt x="10502" y="7770"/>
                  </a:cubicBezTo>
                  <a:cubicBezTo>
                    <a:pt x="10552" y="7720"/>
                    <a:pt x="10728" y="7720"/>
                    <a:pt x="10778" y="7770"/>
                  </a:cubicBezTo>
                  <a:cubicBezTo>
                    <a:pt x="10853" y="7770"/>
                    <a:pt x="11003" y="7770"/>
                    <a:pt x="11003" y="7820"/>
                  </a:cubicBezTo>
                  <a:cubicBezTo>
                    <a:pt x="11079" y="7895"/>
                    <a:pt x="11129" y="7995"/>
                    <a:pt x="11129" y="8045"/>
                  </a:cubicBezTo>
                  <a:cubicBezTo>
                    <a:pt x="11179" y="8171"/>
                    <a:pt x="11179" y="8396"/>
                    <a:pt x="11129" y="8497"/>
                  </a:cubicBezTo>
                  <a:cubicBezTo>
                    <a:pt x="11079" y="8572"/>
                    <a:pt x="10953" y="8622"/>
                    <a:pt x="10903" y="8672"/>
                  </a:cubicBezTo>
                  <a:cubicBezTo>
                    <a:pt x="10853" y="8797"/>
                    <a:pt x="10778" y="8948"/>
                    <a:pt x="10778" y="9073"/>
                  </a:cubicBezTo>
                  <a:cubicBezTo>
                    <a:pt x="10728" y="9123"/>
                    <a:pt x="10678" y="9223"/>
                    <a:pt x="10678" y="9299"/>
                  </a:cubicBezTo>
                  <a:cubicBezTo>
                    <a:pt x="10678" y="9349"/>
                    <a:pt x="10728" y="9449"/>
                    <a:pt x="10778" y="9524"/>
                  </a:cubicBezTo>
                  <a:cubicBezTo>
                    <a:pt x="10903" y="9574"/>
                    <a:pt x="11179" y="9524"/>
                    <a:pt x="11304" y="9574"/>
                  </a:cubicBezTo>
                  <a:cubicBezTo>
                    <a:pt x="11354" y="9574"/>
                    <a:pt x="11530" y="9674"/>
                    <a:pt x="11580" y="9800"/>
                  </a:cubicBezTo>
                  <a:cubicBezTo>
                    <a:pt x="11630" y="9850"/>
                    <a:pt x="11630" y="10025"/>
                    <a:pt x="11680" y="10075"/>
                  </a:cubicBezTo>
                  <a:cubicBezTo>
                    <a:pt x="11755" y="10126"/>
                    <a:pt x="11906" y="10201"/>
                    <a:pt x="11956" y="10201"/>
                  </a:cubicBezTo>
                  <a:cubicBezTo>
                    <a:pt x="12031" y="10251"/>
                    <a:pt x="12181" y="10351"/>
                    <a:pt x="12257" y="10426"/>
                  </a:cubicBezTo>
                  <a:cubicBezTo>
                    <a:pt x="12257" y="10476"/>
                    <a:pt x="12307" y="10577"/>
                    <a:pt x="12307" y="10652"/>
                  </a:cubicBezTo>
                  <a:cubicBezTo>
                    <a:pt x="12357" y="10752"/>
                    <a:pt x="12482" y="10928"/>
                    <a:pt x="12582" y="10978"/>
                  </a:cubicBezTo>
                  <a:cubicBezTo>
                    <a:pt x="12633" y="10978"/>
                    <a:pt x="12758" y="10978"/>
                    <a:pt x="12808" y="11028"/>
                  </a:cubicBezTo>
                  <a:cubicBezTo>
                    <a:pt x="12858" y="11103"/>
                    <a:pt x="12858" y="11329"/>
                    <a:pt x="12858" y="11379"/>
                  </a:cubicBezTo>
                  <a:cubicBezTo>
                    <a:pt x="12933" y="11429"/>
                    <a:pt x="13084" y="11604"/>
                    <a:pt x="13159" y="11654"/>
                  </a:cubicBezTo>
                  <a:cubicBezTo>
                    <a:pt x="13259" y="11705"/>
                    <a:pt x="13485" y="11654"/>
                    <a:pt x="13585" y="11780"/>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128" name="Google Shape;185;p16">
              <a:extLst>
                <a:ext uri="{FF2B5EF4-FFF2-40B4-BE49-F238E27FC236}">
                  <a16:creationId xmlns:a16="http://schemas.microsoft.com/office/drawing/2014/main" id="{B6C215CE-F5A8-7E66-F82B-CE73936DB1F8}"/>
                </a:ext>
              </a:extLst>
            </p:cNvPr>
            <p:cNvSpPr/>
            <p:nvPr/>
          </p:nvSpPr>
          <p:spPr>
            <a:xfrm>
              <a:off x="2629469" y="1179899"/>
              <a:ext cx="381279" cy="358169"/>
            </a:xfrm>
            <a:custGeom>
              <a:avLst/>
              <a:gdLst/>
              <a:ahLst/>
              <a:cxnLst/>
              <a:rect l="l" t="t" r="r" b="b"/>
              <a:pathLst>
                <a:path w="13661" h="12833" extrusionOk="0">
                  <a:moveTo>
                    <a:pt x="3485" y="0"/>
                  </a:moveTo>
                  <a:cubicBezTo>
                    <a:pt x="3434" y="0"/>
                    <a:pt x="3259" y="176"/>
                    <a:pt x="3159" y="176"/>
                  </a:cubicBezTo>
                  <a:cubicBezTo>
                    <a:pt x="3159" y="326"/>
                    <a:pt x="3084" y="502"/>
                    <a:pt x="3084" y="627"/>
                  </a:cubicBezTo>
                  <a:cubicBezTo>
                    <a:pt x="3084" y="727"/>
                    <a:pt x="3084" y="903"/>
                    <a:pt x="3033" y="953"/>
                  </a:cubicBezTo>
                  <a:cubicBezTo>
                    <a:pt x="2983" y="1078"/>
                    <a:pt x="2632" y="1078"/>
                    <a:pt x="2582" y="1178"/>
                  </a:cubicBezTo>
                  <a:cubicBezTo>
                    <a:pt x="2482" y="1304"/>
                    <a:pt x="2532" y="1679"/>
                    <a:pt x="2482" y="1855"/>
                  </a:cubicBezTo>
                  <a:cubicBezTo>
                    <a:pt x="2407" y="1980"/>
                    <a:pt x="2257" y="2131"/>
                    <a:pt x="2131" y="2256"/>
                  </a:cubicBezTo>
                  <a:cubicBezTo>
                    <a:pt x="2031" y="2356"/>
                    <a:pt x="1680" y="2431"/>
                    <a:pt x="1530" y="2481"/>
                  </a:cubicBezTo>
                  <a:cubicBezTo>
                    <a:pt x="1354" y="2532"/>
                    <a:pt x="1003" y="2582"/>
                    <a:pt x="903" y="2757"/>
                  </a:cubicBezTo>
                  <a:cubicBezTo>
                    <a:pt x="853" y="2882"/>
                    <a:pt x="953" y="3208"/>
                    <a:pt x="953" y="3309"/>
                  </a:cubicBezTo>
                  <a:cubicBezTo>
                    <a:pt x="953" y="3434"/>
                    <a:pt x="953" y="3710"/>
                    <a:pt x="903" y="3835"/>
                  </a:cubicBezTo>
                  <a:cubicBezTo>
                    <a:pt x="878" y="3860"/>
                    <a:pt x="797" y="3860"/>
                    <a:pt x="712" y="3860"/>
                  </a:cubicBezTo>
                  <a:cubicBezTo>
                    <a:pt x="627" y="3860"/>
                    <a:pt x="540" y="3860"/>
                    <a:pt x="502" y="3885"/>
                  </a:cubicBezTo>
                  <a:cubicBezTo>
                    <a:pt x="402" y="3935"/>
                    <a:pt x="176" y="4161"/>
                    <a:pt x="126" y="4336"/>
                  </a:cubicBezTo>
                  <a:cubicBezTo>
                    <a:pt x="1" y="4512"/>
                    <a:pt x="1" y="4887"/>
                    <a:pt x="51" y="5063"/>
                  </a:cubicBezTo>
                  <a:cubicBezTo>
                    <a:pt x="51" y="5288"/>
                    <a:pt x="352" y="5689"/>
                    <a:pt x="502" y="5865"/>
                  </a:cubicBezTo>
                  <a:cubicBezTo>
                    <a:pt x="577" y="5915"/>
                    <a:pt x="853" y="6015"/>
                    <a:pt x="953" y="6141"/>
                  </a:cubicBezTo>
                  <a:cubicBezTo>
                    <a:pt x="1003" y="6241"/>
                    <a:pt x="1129" y="6542"/>
                    <a:pt x="1129" y="6642"/>
                  </a:cubicBezTo>
                  <a:cubicBezTo>
                    <a:pt x="1129" y="6767"/>
                    <a:pt x="1079" y="6993"/>
                    <a:pt x="1003" y="7093"/>
                  </a:cubicBezTo>
                  <a:cubicBezTo>
                    <a:pt x="953" y="7143"/>
                    <a:pt x="678" y="7218"/>
                    <a:pt x="627" y="7268"/>
                  </a:cubicBezTo>
                  <a:cubicBezTo>
                    <a:pt x="577" y="7369"/>
                    <a:pt x="452" y="7594"/>
                    <a:pt x="452" y="7770"/>
                  </a:cubicBezTo>
                  <a:cubicBezTo>
                    <a:pt x="452" y="7945"/>
                    <a:pt x="627" y="8221"/>
                    <a:pt x="678" y="8396"/>
                  </a:cubicBezTo>
                  <a:cubicBezTo>
                    <a:pt x="778" y="8497"/>
                    <a:pt x="953" y="8722"/>
                    <a:pt x="1079" y="8797"/>
                  </a:cubicBezTo>
                  <a:cubicBezTo>
                    <a:pt x="1179" y="8847"/>
                    <a:pt x="1354" y="8898"/>
                    <a:pt x="1404" y="8948"/>
                  </a:cubicBezTo>
                  <a:cubicBezTo>
                    <a:pt x="1455" y="8998"/>
                    <a:pt x="1630" y="9173"/>
                    <a:pt x="1630" y="9223"/>
                  </a:cubicBezTo>
                  <a:cubicBezTo>
                    <a:pt x="1680" y="9349"/>
                    <a:pt x="1630" y="9574"/>
                    <a:pt x="1630" y="9674"/>
                  </a:cubicBezTo>
                  <a:cubicBezTo>
                    <a:pt x="1630" y="9800"/>
                    <a:pt x="1630" y="10025"/>
                    <a:pt x="1755" y="10075"/>
                  </a:cubicBezTo>
                  <a:cubicBezTo>
                    <a:pt x="1765" y="10086"/>
                    <a:pt x="1782" y="10090"/>
                    <a:pt x="1804" y="10090"/>
                  </a:cubicBezTo>
                  <a:cubicBezTo>
                    <a:pt x="1891" y="10090"/>
                    <a:pt x="2051" y="10025"/>
                    <a:pt x="2131" y="10025"/>
                  </a:cubicBezTo>
                  <a:cubicBezTo>
                    <a:pt x="2206" y="10025"/>
                    <a:pt x="2357" y="10025"/>
                    <a:pt x="2357" y="10075"/>
                  </a:cubicBezTo>
                  <a:cubicBezTo>
                    <a:pt x="2482" y="10201"/>
                    <a:pt x="2357" y="10476"/>
                    <a:pt x="2357" y="10577"/>
                  </a:cubicBezTo>
                  <a:cubicBezTo>
                    <a:pt x="2407" y="10652"/>
                    <a:pt x="2482" y="10752"/>
                    <a:pt x="2582" y="10752"/>
                  </a:cubicBezTo>
                  <a:cubicBezTo>
                    <a:pt x="2600" y="10759"/>
                    <a:pt x="2619" y="10762"/>
                    <a:pt x="2639" y="10762"/>
                  </a:cubicBezTo>
                  <a:cubicBezTo>
                    <a:pt x="2768" y="10762"/>
                    <a:pt x="2947" y="10642"/>
                    <a:pt x="3033" y="10577"/>
                  </a:cubicBezTo>
                  <a:cubicBezTo>
                    <a:pt x="3084" y="10527"/>
                    <a:pt x="3159" y="10301"/>
                    <a:pt x="3259" y="10301"/>
                  </a:cubicBezTo>
                  <a:cubicBezTo>
                    <a:pt x="3309" y="10251"/>
                    <a:pt x="3485" y="10251"/>
                    <a:pt x="3610" y="10251"/>
                  </a:cubicBezTo>
                  <a:cubicBezTo>
                    <a:pt x="3660" y="10201"/>
                    <a:pt x="3760" y="10025"/>
                    <a:pt x="3835" y="10025"/>
                  </a:cubicBezTo>
                  <a:cubicBezTo>
                    <a:pt x="3986" y="9975"/>
                    <a:pt x="4337" y="9900"/>
                    <a:pt x="4437" y="9900"/>
                  </a:cubicBezTo>
                  <a:cubicBezTo>
                    <a:pt x="4562" y="9975"/>
                    <a:pt x="4663" y="10075"/>
                    <a:pt x="4788" y="10126"/>
                  </a:cubicBezTo>
                  <a:cubicBezTo>
                    <a:pt x="4815" y="10146"/>
                    <a:pt x="4860" y="10152"/>
                    <a:pt x="4913" y="10152"/>
                  </a:cubicBezTo>
                  <a:cubicBezTo>
                    <a:pt x="4983" y="10152"/>
                    <a:pt x="5067" y="10142"/>
                    <a:pt x="5144" y="10142"/>
                  </a:cubicBezTo>
                  <a:cubicBezTo>
                    <a:pt x="5227" y="10142"/>
                    <a:pt x="5301" y="10153"/>
                    <a:pt x="5339" y="10201"/>
                  </a:cubicBezTo>
                  <a:cubicBezTo>
                    <a:pt x="5440" y="10251"/>
                    <a:pt x="5565" y="10577"/>
                    <a:pt x="5565" y="10702"/>
                  </a:cubicBezTo>
                  <a:cubicBezTo>
                    <a:pt x="5615" y="10802"/>
                    <a:pt x="5615" y="11103"/>
                    <a:pt x="5615" y="11203"/>
                  </a:cubicBezTo>
                  <a:cubicBezTo>
                    <a:pt x="5615" y="11329"/>
                    <a:pt x="5565" y="11654"/>
                    <a:pt x="5615" y="11830"/>
                  </a:cubicBezTo>
                  <a:cubicBezTo>
                    <a:pt x="5665" y="11930"/>
                    <a:pt x="5966" y="12055"/>
                    <a:pt x="6016" y="12156"/>
                  </a:cubicBezTo>
                  <a:lnTo>
                    <a:pt x="6016" y="12381"/>
                  </a:lnTo>
                  <a:cubicBezTo>
                    <a:pt x="6066" y="12456"/>
                    <a:pt x="6116" y="12456"/>
                    <a:pt x="6116" y="12456"/>
                  </a:cubicBezTo>
                  <a:cubicBezTo>
                    <a:pt x="6141" y="12473"/>
                    <a:pt x="6175" y="12479"/>
                    <a:pt x="6211" y="12479"/>
                  </a:cubicBezTo>
                  <a:cubicBezTo>
                    <a:pt x="6283" y="12479"/>
                    <a:pt x="6367" y="12456"/>
                    <a:pt x="6417" y="12456"/>
                  </a:cubicBezTo>
                  <a:cubicBezTo>
                    <a:pt x="6467" y="12456"/>
                    <a:pt x="6643" y="12507"/>
                    <a:pt x="6693" y="12507"/>
                  </a:cubicBezTo>
                  <a:cubicBezTo>
                    <a:pt x="6793" y="12456"/>
                    <a:pt x="6868" y="12331"/>
                    <a:pt x="6918" y="12231"/>
                  </a:cubicBezTo>
                  <a:lnTo>
                    <a:pt x="6918" y="12005"/>
                  </a:lnTo>
                  <a:cubicBezTo>
                    <a:pt x="6968" y="11930"/>
                    <a:pt x="7144" y="11930"/>
                    <a:pt x="7144" y="11930"/>
                  </a:cubicBezTo>
                  <a:cubicBezTo>
                    <a:pt x="7194" y="11880"/>
                    <a:pt x="7194" y="11780"/>
                    <a:pt x="7194" y="11705"/>
                  </a:cubicBezTo>
                  <a:cubicBezTo>
                    <a:pt x="7144" y="11654"/>
                    <a:pt x="7018" y="11604"/>
                    <a:pt x="7018" y="11604"/>
                  </a:cubicBezTo>
                  <a:cubicBezTo>
                    <a:pt x="6968" y="11579"/>
                    <a:pt x="6899" y="11579"/>
                    <a:pt x="6837" y="11579"/>
                  </a:cubicBezTo>
                  <a:cubicBezTo>
                    <a:pt x="6774" y="11579"/>
                    <a:pt x="6718" y="11579"/>
                    <a:pt x="6693" y="11554"/>
                  </a:cubicBezTo>
                  <a:cubicBezTo>
                    <a:pt x="6643" y="11554"/>
                    <a:pt x="6643" y="11429"/>
                    <a:pt x="6643" y="11429"/>
                  </a:cubicBezTo>
                  <a:cubicBezTo>
                    <a:pt x="6693" y="11329"/>
                    <a:pt x="6793" y="11203"/>
                    <a:pt x="6868" y="11153"/>
                  </a:cubicBezTo>
                  <a:lnTo>
                    <a:pt x="7018" y="11153"/>
                  </a:lnTo>
                  <a:lnTo>
                    <a:pt x="7069" y="11028"/>
                  </a:lnTo>
                  <a:cubicBezTo>
                    <a:pt x="7144" y="10978"/>
                    <a:pt x="7144" y="10877"/>
                    <a:pt x="7194" y="10802"/>
                  </a:cubicBezTo>
                  <a:cubicBezTo>
                    <a:pt x="7194" y="10802"/>
                    <a:pt x="7272" y="10836"/>
                    <a:pt x="7339" y="10836"/>
                  </a:cubicBezTo>
                  <a:cubicBezTo>
                    <a:pt x="7372" y="10836"/>
                    <a:pt x="7403" y="10827"/>
                    <a:pt x="7419" y="10802"/>
                  </a:cubicBezTo>
                  <a:cubicBezTo>
                    <a:pt x="7470" y="10802"/>
                    <a:pt x="7470" y="10652"/>
                    <a:pt x="7520" y="10652"/>
                  </a:cubicBezTo>
                  <a:cubicBezTo>
                    <a:pt x="7543" y="10629"/>
                    <a:pt x="7572" y="10620"/>
                    <a:pt x="7605" y="10620"/>
                  </a:cubicBezTo>
                  <a:cubicBezTo>
                    <a:pt x="7679" y="10620"/>
                    <a:pt x="7768" y="10667"/>
                    <a:pt x="7820" y="10702"/>
                  </a:cubicBezTo>
                  <a:cubicBezTo>
                    <a:pt x="7871" y="10702"/>
                    <a:pt x="7971" y="10802"/>
                    <a:pt x="8046" y="10802"/>
                  </a:cubicBezTo>
                  <a:cubicBezTo>
                    <a:pt x="8096" y="10877"/>
                    <a:pt x="8272" y="10877"/>
                    <a:pt x="8372" y="10877"/>
                  </a:cubicBezTo>
                  <a:cubicBezTo>
                    <a:pt x="8405" y="10877"/>
                    <a:pt x="8494" y="10844"/>
                    <a:pt x="8565" y="10844"/>
                  </a:cubicBezTo>
                  <a:cubicBezTo>
                    <a:pt x="8600" y="10844"/>
                    <a:pt x="8631" y="10852"/>
                    <a:pt x="8648" y="10877"/>
                  </a:cubicBezTo>
                  <a:cubicBezTo>
                    <a:pt x="8698" y="10877"/>
                    <a:pt x="8823" y="10978"/>
                    <a:pt x="8873" y="10978"/>
                  </a:cubicBezTo>
                  <a:cubicBezTo>
                    <a:pt x="8890" y="10994"/>
                    <a:pt x="8920" y="11000"/>
                    <a:pt x="8959" y="11000"/>
                  </a:cubicBezTo>
                  <a:cubicBezTo>
                    <a:pt x="9035" y="11000"/>
                    <a:pt x="9140" y="10978"/>
                    <a:pt x="9224" y="10978"/>
                  </a:cubicBezTo>
                  <a:cubicBezTo>
                    <a:pt x="9274" y="11028"/>
                    <a:pt x="9274" y="11153"/>
                    <a:pt x="9324" y="11203"/>
                  </a:cubicBezTo>
                  <a:cubicBezTo>
                    <a:pt x="9358" y="11203"/>
                    <a:pt x="9447" y="11181"/>
                    <a:pt x="9517" y="11181"/>
                  </a:cubicBezTo>
                  <a:cubicBezTo>
                    <a:pt x="9553" y="11181"/>
                    <a:pt x="9583" y="11187"/>
                    <a:pt x="9600" y="11203"/>
                  </a:cubicBezTo>
                  <a:cubicBezTo>
                    <a:pt x="9725" y="11253"/>
                    <a:pt x="9775" y="11429"/>
                    <a:pt x="9826" y="11429"/>
                  </a:cubicBezTo>
                  <a:cubicBezTo>
                    <a:pt x="9888" y="11454"/>
                    <a:pt x="9963" y="11466"/>
                    <a:pt x="10035" y="11466"/>
                  </a:cubicBezTo>
                  <a:cubicBezTo>
                    <a:pt x="10107" y="11466"/>
                    <a:pt x="10176" y="11454"/>
                    <a:pt x="10227" y="11429"/>
                  </a:cubicBezTo>
                  <a:cubicBezTo>
                    <a:pt x="10277" y="11429"/>
                    <a:pt x="10502" y="11253"/>
                    <a:pt x="10502" y="11203"/>
                  </a:cubicBezTo>
                  <a:cubicBezTo>
                    <a:pt x="10552" y="11103"/>
                    <a:pt x="10552" y="10928"/>
                    <a:pt x="10502" y="10877"/>
                  </a:cubicBezTo>
                  <a:cubicBezTo>
                    <a:pt x="10502" y="10802"/>
                    <a:pt x="10452" y="10652"/>
                    <a:pt x="10452" y="10577"/>
                  </a:cubicBezTo>
                  <a:cubicBezTo>
                    <a:pt x="10402" y="10527"/>
                    <a:pt x="10402" y="10351"/>
                    <a:pt x="10452" y="10301"/>
                  </a:cubicBezTo>
                  <a:cubicBezTo>
                    <a:pt x="10488" y="10266"/>
                    <a:pt x="10561" y="10230"/>
                    <a:pt x="10618" y="10230"/>
                  </a:cubicBezTo>
                  <a:cubicBezTo>
                    <a:pt x="10642" y="10230"/>
                    <a:pt x="10663" y="10236"/>
                    <a:pt x="10678" y="10251"/>
                  </a:cubicBezTo>
                  <a:cubicBezTo>
                    <a:pt x="10728" y="10251"/>
                    <a:pt x="10778" y="10351"/>
                    <a:pt x="10853" y="10351"/>
                  </a:cubicBezTo>
                  <a:cubicBezTo>
                    <a:pt x="11003" y="10476"/>
                    <a:pt x="11229" y="10702"/>
                    <a:pt x="11354" y="10802"/>
                  </a:cubicBezTo>
                  <a:cubicBezTo>
                    <a:pt x="11404" y="10928"/>
                    <a:pt x="11580" y="11103"/>
                    <a:pt x="11630" y="11153"/>
                  </a:cubicBezTo>
                  <a:cubicBezTo>
                    <a:pt x="11680" y="11253"/>
                    <a:pt x="11856" y="11479"/>
                    <a:pt x="11956" y="11554"/>
                  </a:cubicBezTo>
                  <a:cubicBezTo>
                    <a:pt x="12031" y="11654"/>
                    <a:pt x="12181" y="11780"/>
                    <a:pt x="12257" y="11830"/>
                  </a:cubicBezTo>
                  <a:cubicBezTo>
                    <a:pt x="12257" y="11930"/>
                    <a:pt x="12257" y="12055"/>
                    <a:pt x="12181" y="12106"/>
                  </a:cubicBezTo>
                  <a:cubicBezTo>
                    <a:pt x="12181" y="12156"/>
                    <a:pt x="12081" y="12231"/>
                    <a:pt x="12031" y="12331"/>
                  </a:cubicBezTo>
                  <a:cubicBezTo>
                    <a:pt x="11906" y="12507"/>
                    <a:pt x="11956" y="12607"/>
                    <a:pt x="11956" y="12607"/>
                  </a:cubicBezTo>
                  <a:lnTo>
                    <a:pt x="12031" y="12732"/>
                  </a:lnTo>
                  <a:lnTo>
                    <a:pt x="12307" y="12732"/>
                  </a:lnTo>
                  <a:cubicBezTo>
                    <a:pt x="12407" y="12732"/>
                    <a:pt x="12582" y="12832"/>
                    <a:pt x="12633" y="12832"/>
                  </a:cubicBezTo>
                  <a:cubicBezTo>
                    <a:pt x="12708" y="12832"/>
                    <a:pt x="12808" y="12732"/>
                    <a:pt x="12808" y="12732"/>
                  </a:cubicBezTo>
                  <a:cubicBezTo>
                    <a:pt x="12933" y="12732"/>
                    <a:pt x="13084" y="12732"/>
                    <a:pt x="13084" y="12682"/>
                  </a:cubicBezTo>
                  <a:cubicBezTo>
                    <a:pt x="13159" y="12607"/>
                    <a:pt x="13084" y="12507"/>
                    <a:pt x="13159" y="12456"/>
                  </a:cubicBezTo>
                  <a:cubicBezTo>
                    <a:pt x="13159" y="12381"/>
                    <a:pt x="13209" y="12281"/>
                    <a:pt x="13259" y="12281"/>
                  </a:cubicBezTo>
                  <a:cubicBezTo>
                    <a:pt x="13276" y="12264"/>
                    <a:pt x="13301" y="12259"/>
                    <a:pt x="13329" y="12259"/>
                  </a:cubicBezTo>
                  <a:cubicBezTo>
                    <a:pt x="13384" y="12259"/>
                    <a:pt x="13451" y="12281"/>
                    <a:pt x="13485" y="12281"/>
                  </a:cubicBezTo>
                  <a:cubicBezTo>
                    <a:pt x="13535" y="12231"/>
                    <a:pt x="13585" y="12156"/>
                    <a:pt x="13585" y="12106"/>
                  </a:cubicBezTo>
                  <a:cubicBezTo>
                    <a:pt x="13660" y="12055"/>
                    <a:pt x="13660" y="11830"/>
                    <a:pt x="13585" y="11780"/>
                  </a:cubicBezTo>
                  <a:cubicBezTo>
                    <a:pt x="13485" y="11654"/>
                    <a:pt x="13259" y="11705"/>
                    <a:pt x="13159" y="11654"/>
                  </a:cubicBezTo>
                  <a:cubicBezTo>
                    <a:pt x="13084" y="11604"/>
                    <a:pt x="12933" y="11429"/>
                    <a:pt x="12858" y="11379"/>
                  </a:cubicBezTo>
                  <a:cubicBezTo>
                    <a:pt x="12858" y="11329"/>
                    <a:pt x="12858" y="11103"/>
                    <a:pt x="12808" y="11028"/>
                  </a:cubicBezTo>
                  <a:cubicBezTo>
                    <a:pt x="12758" y="10978"/>
                    <a:pt x="12633" y="10978"/>
                    <a:pt x="12582" y="10978"/>
                  </a:cubicBezTo>
                  <a:cubicBezTo>
                    <a:pt x="12482" y="10928"/>
                    <a:pt x="12357" y="10752"/>
                    <a:pt x="12307" y="10652"/>
                  </a:cubicBezTo>
                  <a:cubicBezTo>
                    <a:pt x="12307" y="10577"/>
                    <a:pt x="12257" y="10476"/>
                    <a:pt x="12257" y="10426"/>
                  </a:cubicBezTo>
                  <a:cubicBezTo>
                    <a:pt x="12181" y="10351"/>
                    <a:pt x="12031" y="10251"/>
                    <a:pt x="11956" y="10201"/>
                  </a:cubicBezTo>
                  <a:cubicBezTo>
                    <a:pt x="11906" y="10201"/>
                    <a:pt x="11755" y="10126"/>
                    <a:pt x="11680" y="10075"/>
                  </a:cubicBezTo>
                  <a:cubicBezTo>
                    <a:pt x="11630" y="10025"/>
                    <a:pt x="11630" y="9850"/>
                    <a:pt x="11580" y="9800"/>
                  </a:cubicBezTo>
                  <a:cubicBezTo>
                    <a:pt x="11530" y="9674"/>
                    <a:pt x="11354" y="9574"/>
                    <a:pt x="11304" y="9574"/>
                  </a:cubicBezTo>
                  <a:cubicBezTo>
                    <a:pt x="11242" y="9549"/>
                    <a:pt x="11141" y="9549"/>
                    <a:pt x="11041" y="9549"/>
                  </a:cubicBezTo>
                  <a:cubicBezTo>
                    <a:pt x="10941" y="9549"/>
                    <a:pt x="10841" y="9549"/>
                    <a:pt x="10778" y="9524"/>
                  </a:cubicBezTo>
                  <a:cubicBezTo>
                    <a:pt x="10728" y="9449"/>
                    <a:pt x="10678" y="9349"/>
                    <a:pt x="10678" y="9299"/>
                  </a:cubicBezTo>
                  <a:cubicBezTo>
                    <a:pt x="10678" y="9223"/>
                    <a:pt x="10728" y="9123"/>
                    <a:pt x="10778" y="9073"/>
                  </a:cubicBezTo>
                  <a:cubicBezTo>
                    <a:pt x="10778" y="8948"/>
                    <a:pt x="10853" y="8797"/>
                    <a:pt x="10903" y="8672"/>
                  </a:cubicBezTo>
                  <a:cubicBezTo>
                    <a:pt x="10953" y="8622"/>
                    <a:pt x="11079" y="8572"/>
                    <a:pt x="11129" y="8497"/>
                  </a:cubicBezTo>
                  <a:cubicBezTo>
                    <a:pt x="11179" y="8396"/>
                    <a:pt x="11179" y="8171"/>
                    <a:pt x="11129" y="8045"/>
                  </a:cubicBezTo>
                  <a:cubicBezTo>
                    <a:pt x="11129" y="7995"/>
                    <a:pt x="11079" y="7895"/>
                    <a:pt x="11003" y="7820"/>
                  </a:cubicBezTo>
                  <a:cubicBezTo>
                    <a:pt x="11003" y="7770"/>
                    <a:pt x="10853" y="7770"/>
                    <a:pt x="10778" y="7770"/>
                  </a:cubicBezTo>
                  <a:cubicBezTo>
                    <a:pt x="10753" y="7745"/>
                    <a:pt x="10696" y="7732"/>
                    <a:pt x="10640" y="7732"/>
                  </a:cubicBezTo>
                  <a:cubicBezTo>
                    <a:pt x="10584" y="7732"/>
                    <a:pt x="10527" y="7745"/>
                    <a:pt x="10502" y="7770"/>
                  </a:cubicBezTo>
                  <a:cubicBezTo>
                    <a:pt x="10452" y="7770"/>
                    <a:pt x="10452" y="7895"/>
                    <a:pt x="10402" y="7895"/>
                  </a:cubicBezTo>
                  <a:cubicBezTo>
                    <a:pt x="10381" y="7909"/>
                    <a:pt x="10350" y="7915"/>
                    <a:pt x="10315" y="7915"/>
                  </a:cubicBezTo>
                  <a:cubicBezTo>
                    <a:pt x="10225" y="7915"/>
                    <a:pt x="10105" y="7874"/>
                    <a:pt x="10051" y="7820"/>
                  </a:cubicBezTo>
                  <a:cubicBezTo>
                    <a:pt x="10001" y="7770"/>
                    <a:pt x="9951" y="7594"/>
                    <a:pt x="10001" y="7544"/>
                  </a:cubicBezTo>
                  <a:cubicBezTo>
                    <a:pt x="10001" y="7544"/>
                    <a:pt x="10126" y="7494"/>
                    <a:pt x="10126" y="7444"/>
                  </a:cubicBezTo>
                  <a:cubicBezTo>
                    <a:pt x="10176" y="7369"/>
                    <a:pt x="10051" y="7218"/>
                    <a:pt x="10126" y="7143"/>
                  </a:cubicBezTo>
                  <a:cubicBezTo>
                    <a:pt x="10126" y="7143"/>
                    <a:pt x="10227" y="7093"/>
                    <a:pt x="10227" y="7043"/>
                  </a:cubicBezTo>
                  <a:cubicBezTo>
                    <a:pt x="10277" y="6993"/>
                    <a:pt x="10176" y="6867"/>
                    <a:pt x="10227" y="6817"/>
                  </a:cubicBezTo>
                  <a:cubicBezTo>
                    <a:pt x="10227" y="6692"/>
                    <a:pt x="10452" y="6692"/>
                    <a:pt x="10502" y="6642"/>
                  </a:cubicBezTo>
                  <a:cubicBezTo>
                    <a:pt x="10552" y="6642"/>
                    <a:pt x="10728" y="6642"/>
                    <a:pt x="10778" y="6592"/>
                  </a:cubicBezTo>
                  <a:cubicBezTo>
                    <a:pt x="10853" y="6542"/>
                    <a:pt x="11003" y="6366"/>
                    <a:pt x="11079" y="6241"/>
                  </a:cubicBezTo>
                  <a:cubicBezTo>
                    <a:pt x="11129" y="6141"/>
                    <a:pt x="11179" y="5915"/>
                    <a:pt x="11179" y="5790"/>
                  </a:cubicBezTo>
                  <a:cubicBezTo>
                    <a:pt x="11229" y="5740"/>
                    <a:pt x="11304" y="5564"/>
                    <a:pt x="11229" y="5514"/>
                  </a:cubicBezTo>
                  <a:cubicBezTo>
                    <a:pt x="11204" y="5489"/>
                    <a:pt x="11166" y="5489"/>
                    <a:pt x="11126" y="5489"/>
                  </a:cubicBezTo>
                  <a:cubicBezTo>
                    <a:pt x="11085" y="5489"/>
                    <a:pt x="11041" y="5489"/>
                    <a:pt x="11003" y="5464"/>
                  </a:cubicBezTo>
                  <a:cubicBezTo>
                    <a:pt x="10953" y="5464"/>
                    <a:pt x="10853" y="5414"/>
                    <a:pt x="10853" y="5339"/>
                  </a:cubicBezTo>
                  <a:cubicBezTo>
                    <a:pt x="10778" y="5288"/>
                    <a:pt x="10678" y="5188"/>
                    <a:pt x="10628" y="5113"/>
                  </a:cubicBezTo>
                  <a:cubicBezTo>
                    <a:pt x="10565" y="5088"/>
                    <a:pt x="10477" y="5088"/>
                    <a:pt x="10393" y="5088"/>
                  </a:cubicBezTo>
                  <a:cubicBezTo>
                    <a:pt x="10308" y="5088"/>
                    <a:pt x="10227" y="5088"/>
                    <a:pt x="10176" y="5063"/>
                  </a:cubicBezTo>
                  <a:cubicBezTo>
                    <a:pt x="10126" y="5013"/>
                    <a:pt x="10001" y="4837"/>
                    <a:pt x="9951" y="4787"/>
                  </a:cubicBezTo>
                  <a:cubicBezTo>
                    <a:pt x="9867" y="4787"/>
                    <a:pt x="9773" y="4765"/>
                    <a:pt x="9696" y="4765"/>
                  </a:cubicBezTo>
                  <a:cubicBezTo>
                    <a:pt x="9658" y="4765"/>
                    <a:pt x="9625" y="4771"/>
                    <a:pt x="9600" y="4787"/>
                  </a:cubicBezTo>
                  <a:cubicBezTo>
                    <a:pt x="9500" y="4837"/>
                    <a:pt x="9550" y="5113"/>
                    <a:pt x="9450" y="5113"/>
                  </a:cubicBezTo>
                  <a:cubicBezTo>
                    <a:pt x="9450" y="5151"/>
                    <a:pt x="9406" y="5169"/>
                    <a:pt x="9362" y="5169"/>
                  </a:cubicBezTo>
                  <a:cubicBezTo>
                    <a:pt x="9318" y="5169"/>
                    <a:pt x="9274" y="5151"/>
                    <a:pt x="9274" y="5113"/>
                  </a:cubicBezTo>
                  <a:cubicBezTo>
                    <a:pt x="9224" y="5063"/>
                    <a:pt x="9099" y="4963"/>
                    <a:pt x="9099" y="4887"/>
                  </a:cubicBezTo>
                  <a:cubicBezTo>
                    <a:pt x="9099" y="4837"/>
                    <a:pt x="9224" y="4737"/>
                    <a:pt x="9224" y="4662"/>
                  </a:cubicBezTo>
                  <a:cubicBezTo>
                    <a:pt x="9224" y="4612"/>
                    <a:pt x="9099" y="4512"/>
                    <a:pt x="9049" y="4436"/>
                  </a:cubicBezTo>
                  <a:cubicBezTo>
                    <a:pt x="8998" y="4386"/>
                    <a:pt x="8823" y="4336"/>
                    <a:pt x="8823" y="4286"/>
                  </a:cubicBezTo>
                  <a:cubicBezTo>
                    <a:pt x="8773" y="4211"/>
                    <a:pt x="8823" y="4060"/>
                    <a:pt x="8873" y="3985"/>
                  </a:cubicBezTo>
                  <a:cubicBezTo>
                    <a:pt x="8923" y="3985"/>
                    <a:pt x="8998" y="4060"/>
                    <a:pt x="9049" y="4060"/>
                  </a:cubicBezTo>
                  <a:cubicBezTo>
                    <a:pt x="9099" y="3985"/>
                    <a:pt x="9274" y="3935"/>
                    <a:pt x="9324" y="3885"/>
                  </a:cubicBezTo>
                  <a:cubicBezTo>
                    <a:pt x="9374" y="3885"/>
                    <a:pt x="9450" y="3760"/>
                    <a:pt x="9450" y="3710"/>
                  </a:cubicBezTo>
                  <a:cubicBezTo>
                    <a:pt x="9500" y="3609"/>
                    <a:pt x="9500" y="3434"/>
                    <a:pt x="9550" y="3309"/>
                  </a:cubicBezTo>
                  <a:cubicBezTo>
                    <a:pt x="9550" y="3258"/>
                    <a:pt x="9675" y="3208"/>
                    <a:pt x="9725" y="3208"/>
                  </a:cubicBezTo>
                  <a:cubicBezTo>
                    <a:pt x="9775" y="3158"/>
                    <a:pt x="9901" y="3158"/>
                    <a:pt x="9951" y="3158"/>
                  </a:cubicBezTo>
                  <a:cubicBezTo>
                    <a:pt x="10001" y="3108"/>
                    <a:pt x="10051" y="2983"/>
                    <a:pt x="10126" y="2933"/>
                  </a:cubicBezTo>
                  <a:cubicBezTo>
                    <a:pt x="10176" y="2882"/>
                    <a:pt x="10277" y="2757"/>
                    <a:pt x="10402" y="2707"/>
                  </a:cubicBezTo>
                  <a:cubicBezTo>
                    <a:pt x="10402" y="2707"/>
                    <a:pt x="10502" y="2657"/>
                    <a:pt x="10552" y="2657"/>
                  </a:cubicBezTo>
                  <a:cubicBezTo>
                    <a:pt x="10628" y="2582"/>
                    <a:pt x="10628" y="2481"/>
                    <a:pt x="10678" y="2431"/>
                  </a:cubicBezTo>
                  <a:cubicBezTo>
                    <a:pt x="10728" y="2356"/>
                    <a:pt x="10853" y="2256"/>
                    <a:pt x="10953" y="2206"/>
                  </a:cubicBezTo>
                  <a:cubicBezTo>
                    <a:pt x="11003" y="2206"/>
                    <a:pt x="11129" y="2206"/>
                    <a:pt x="11179" y="2131"/>
                  </a:cubicBezTo>
                  <a:cubicBezTo>
                    <a:pt x="11304" y="2080"/>
                    <a:pt x="11354" y="1755"/>
                    <a:pt x="11354" y="1579"/>
                  </a:cubicBezTo>
                  <a:cubicBezTo>
                    <a:pt x="11404" y="1529"/>
                    <a:pt x="11404" y="1404"/>
                    <a:pt x="11354" y="1354"/>
                  </a:cubicBezTo>
                  <a:cubicBezTo>
                    <a:pt x="11354" y="1354"/>
                    <a:pt x="11304" y="1304"/>
                    <a:pt x="11229" y="1304"/>
                  </a:cubicBezTo>
                  <a:cubicBezTo>
                    <a:pt x="11179" y="1228"/>
                    <a:pt x="11129" y="1128"/>
                    <a:pt x="11079" y="1128"/>
                  </a:cubicBezTo>
                  <a:cubicBezTo>
                    <a:pt x="10953" y="1078"/>
                    <a:pt x="10778" y="1003"/>
                    <a:pt x="10678" y="1003"/>
                  </a:cubicBezTo>
                  <a:cubicBezTo>
                    <a:pt x="10628" y="1003"/>
                    <a:pt x="10552" y="903"/>
                    <a:pt x="10502" y="903"/>
                  </a:cubicBezTo>
                  <a:cubicBezTo>
                    <a:pt x="10452" y="953"/>
                    <a:pt x="10402" y="1003"/>
                    <a:pt x="10402" y="1003"/>
                  </a:cubicBezTo>
                  <a:cubicBezTo>
                    <a:pt x="10277" y="1078"/>
                    <a:pt x="10126" y="1078"/>
                    <a:pt x="10001" y="1078"/>
                  </a:cubicBezTo>
                  <a:cubicBezTo>
                    <a:pt x="9951" y="1078"/>
                    <a:pt x="9826" y="953"/>
                    <a:pt x="9775" y="953"/>
                  </a:cubicBezTo>
                  <a:cubicBezTo>
                    <a:pt x="9725" y="903"/>
                    <a:pt x="9600" y="852"/>
                    <a:pt x="9550" y="852"/>
                  </a:cubicBezTo>
                  <a:cubicBezTo>
                    <a:pt x="9500" y="852"/>
                    <a:pt x="9374" y="953"/>
                    <a:pt x="9324" y="953"/>
                  </a:cubicBezTo>
                  <a:cubicBezTo>
                    <a:pt x="9224" y="903"/>
                    <a:pt x="9049" y="777"/>
                    <a:pt x="8998" y="777"/>
                  </a:cubicBezTo>
                  <a:cubicBezTo>
                    <a:pt x="8945" y="742"/>
                    <a:pt x="8855" y="706"/>
                    <a:pt x="8779" y="706"/>
                  </a:cubicBezTo>
                  <a:cubicBezTo>
                    <a:pt x="8748" y="706"/>
                    <a:pt x="8720" y="712"/>
                    <a:pt x="8698" y="727"/>
                  </a:cubicBezTo>
                  <a:cubicBezTo>
                    <a:pt x="8648" y="727"/>
                    <a:pt x="8547" y="903"/>
                    <a:pt x="8497" y="903"/>
                  </a:cubicBezTo>
                  <a:cubicBezTo>
                    <a:pt x="8372" y="953"/>
                    <a:pt x="8146" y="1003"/>
                    <a:pt x="7971" y="1078"/>
                  </a:cubicBezTo>
                  <a:cubicBezTo>
                    <a:pt x="7937" y="1078"/>
                    <a:pt x="7848" y="1100"/>
                    <a:pt x="7763" y="1100"/>
                  </a:cubicBezTo>
                  <a:cubicBezTo>
                    <a:pt x="7720" y="1100"/>
                    <a:pt x="7678" y="1095"/>
                    <a:pt x="7645" y="1078"/>
                  </a:cubicBezTo>
                  <a:cubicBezTo>
                    <a:pt x="7595" y="1078"/>
                    <a:pt x="7520" y="953"/>
                    <a:pt x="7470" y="953"/>
                  </a:cubicBezTo>
                  <a:cubicBezTo>
                    <a:pt x="7419" y="903"/>
                    <a:pt x="7369" y="777"/>
                    <a:pt x="7294" y="727"/>
                  </a:cubicBezTo>
                  <a:cubicBezTo>
                    <a:pt x="7273" y="716"/>
                    <a:pt x="7246" y="713"/>
                    <a:pt x="7217" y="713"/>
                  </a:cubicBezTo>
                  <a:cubicBezTo>
                    <a:pt x="7136" y="713"/>
                    <a:pt x="7035" y="742"/>
                    <a:pt x="6971" y="742"/>
                  </a:cubicBezTo>
                  <a:cubicBezTo>
                    <a:pt x="6947" y="742"/>
                    <a:pt x="6929" y="738"/>
                    <a:pt x="6918" y="727"/>
                  </a:cubicBezTo>
                  <a:cubicBezTo>
                    <a:pt x="6868" y="677"/>
                    <a:pt x="6868" y="502"/>
                    <a:pt x="6793" y="502"/>
                  </a:cubicBezTo>
                  <a:cubicBezTo>
                    <a:pt x="6743" y="451"/>
                    <a:pt x="6567" y="451"/>
                    <a:pt x="6517" y="451"/>
                  </a:cubicBezTo>
                  <a:cubicBezTo>
                    <a:pt x="6417" y="451"/>
                    <a:pt x="6242" y="552"/>
                    <a:pt x="6191" y="552"/>
                  </a:cubicBezTo>
                  <a:lnTo>
                    <a:pt x="5841" y="552"/>
                  </a:lnTo>
                  <a:cubicBezTo>
                    <a:pt x="5774" y="552"/>
                    <a:pt x="5651" y="529"/>
                    <a:pt x="5555" y="529"/>
                  </a:cubicBezTo>
                  <a:cubicBezTo>
                    <a:pt x="5506" y="529"/>
                    <a:pt x="5465" y="535"/>
                    <a:pt x="5440" y="552"/>
                  </a:cubicBezTo>
                  <a:cubicBezTo>
                    <a:pt x="5339" y="552"/>
                    <a:pt x="5239" y="627"/>
                    <a:pt x="5114" y="627"/>
                  </a:cubicBezTo>
                  <a:lnTo>
                    <a:pt x="4788" y="627"/>
                  </a:lnTo>
                  <a:cubicBezTo>
                    <a:pt x="4663" y="627"/>
                    <a:pt x="4387" y="627"/>
                    <a:pt x="4262" y="552"/>
                  </a:cubicBezTo>
                  <a:cubicBezTo>
                    <a:pt x="4211" y="552"/>
                    <a:pt x="4111" y="401"/>
                    <a:pt x="4111" y="326"/>
                  </a:cubicBezTo>
                  <a:cubicBezTo>
                    <a:pt x="4036" y="326"/>
                    <a:pt x="3986" y="176"/>
                    <a:pt x="3936" y="176"/>
                  </a:cubicBezTo>
                  <a:cubicBezTo>
                    <a:pt x="3835" y="100"/>
                    <a:pt x="3610" y="0"/>
                    <a:pt x="3485" y="0"/>
                  </a:cubicBezTo>
                  <a:close/>
                </a:path>
              </a:pathLst>
            </a:custGeom>
            <a:solidFill>
              <a:schemeClr val="bg1"/>
            </a:solidFill>
            <a:ln>
              <a:noFill/>
            </a:ln>
          </p:spPr>
          <p:txBody>
            <a:bodyPr spcFirstLastPara="1" wrap="square" lIns="121900" tIns="121900" rIns="121900" bIns="121900" anchor="ctr" anchorCtr="0">
              <a:noAutofit/>
            </a:bodyPr>
            <a:lstStyle/>
            <a:p>
              <a:endParaRPr sz="2400"/>
            </a:p>
          </p:txBody>
        </p:sp>
        <p:sp>
          <p:nvSpPr>
            <p:cNvPr id="129" name="Google Shape;186;p16">
              <a:extLst>
                <a:ext uri="{FF2B5EF4-FFF2-40B4-BE49-F238E27FC236}">
                  <a16:creationId xmlns:a16="http://schemas.microsoft.com/office/drawing/2014/main" id="{6783F82B-D402-10AC-3272-B416A682784D}"/>
                </a:ext>
              </a:extLst>
            </p:cNvPr>
            <p:cNvSpPr/>
            <p:nvPr/>
          </p:nvSpPr>
          <p:spPr>
            <a:xfrm>
              <a:off x="2629469" y="1179899"/>
              <a:ext cx="381279" cy="358169"/>
            </a:xfrm>
            <a:custGeom>
              <a:avLst/>
              <a:gdLst/>
              <a:ahLst/>
              <a:cxnLst/>
              <a:rect l="l" t="t" r="r" b="b"/>
              <a:pathLst>
                <a:path w="13661" h="12833" fill="none" extrusionOk="0">
                  <a:moveTo>
                    <a:pt x="13585" y="11780"/>
                  </a:moveTo>
                  <a:cubicBezTo>
                    <a:pt x="13660" y="11830"/>
                    <a:pt x="13660" y="12055"/>
                    <a:pt x="13585" y="12106"/>
                  </a:cubicBezTo>
                  <a:cubicBezTo>
                    <a:pt x="13585" y="12156"/>
                    <a:pt x="13535" y="12231"/>
                    <a:pt x="13485" y="12281"/>
                  </a:cubicBezTo>
                  <a:cubicBezTo>
                    <a:pt x="13435" y="12281"/>
                    <a:pt x="13309" y="12231"/>
                    <a:pt x="13259" y="12281"/>
                  </a:cubicBezTo>
                  <a:cubicBezTo>
                    <a:pt x="13209" y="12281"/>
                    <a:pt x="13159" y="12381"/>
                    <a:pt x="13159" y="12456"/>
                  </a:cubicBezTo>
                  <a:cubicBezTo>
                    <a:pt x="13084" y="12507"/>
                    <a:pt x="13159" y="12607"/>
                    <a:pt x="13084" y="12682"/>
                  </a:cubicBezTo>
                  <a:cubicBezTo>
                    <a:pt x="13084" y="12732"/>
                    <a:pt x="12933" y="12732"/>
                    <a:pt x="12808" y="12732"/>
                  </a:cubicBezTo>
                  <a:cubicBezTo>
                    <a:pt x="12808" y="12732"/>
                    <a:pt x="12708" y="12832"/>
                    <a:pt x="12633" y="12832"/>
                  </a:cubicBezTo>
                  <a:cubicBezTo>
                    <a:pt x="12582" y="12832"/>
                    <a:pt x="12407" y="12732"/>
                    <a:pt x="12307" y="12732"/>
                  </a:cubicBezTo>
                  <a:lnTo>
                    <a:pt x="12031" y="12732"/>
                  </a:lnTo>
                  <a:lnTo>
                    <a:pt x="11956" y="12607"/>
                  </a:lnTo>
                  <a:cubicBezTo>
                    <a:pt x="11956" y="12607"/>
                    <a:pt x="11906" y="12507"/>
                    <a:pt x="12031" y="12331"/>
                  </a:cubicBezTo>
                  <a:cubicBezTo>
                    <a:pt x="12081" y="12231"/>
                    <a:pt x="12181" y="12156"/>
                    <a:pt x="12181" y="12106"/>
                  </a:cubicBezTo>
                  <a:cubicBezTo>
                    <a:pt x="12257" y="12055"/>
                    <a:pt x="12257" y="11930"/>
                    <a:pt x="12257" y="11830"/>
                  </a:cubicBezTo>
                  <a:cubicBezTo>
                    <a:pt x="12181" y="11780"/>
                    <a:pt x="12031" y="11654"/>
                    <a:pt x="11956" y="11554"/>
                  </a:cubicBezTo>
                  <a:cubicBezTo>
                    <a:pt x="11856" y="11479"/>
                    <a:pt x="11680" y="11253"/>
                    <a:pt x="11630" y="11153"/>
                  </a:cubicBezTo>
                  <a:cubicBezTo>
                    <a:pt x="11580" y="11103"/>
                    <a:pt x="11404" y="10928"/>
                    <a:pt x="11354" y="10802"/>
                  </a:cubicBezTo>
                  <a:cubicBezTo>
                    <a:pt x="11229" y="10702"/>
                    <a:pt x="11003" y="10476"/>
                    <a:pt x="10853" y="10351"/>
                  </a:cubicBezTo>
                  <a:cubicBezTo>
                    <a:pt x="10778" y="10351"/>
                    <a:pt x="10728" y="10251"/>
                    <a:pt x="10678" y="10251"/>
                  </a:cubicBezTo>
                  <a:cubicBezTo>
                    <a:pt x="10628" y="10201"/>
                    <a:pt x="10502" y="10251"/>
                    <a:pt x="10452" y="10301"/>
                  </a:cubicBezTo>
                  <a:cubicBezTo>
                    <a:pt x="10402" y="10351"/>
                    <a:pt x="10402" y="10527"/>
                    <a:pt x="10452" y="10577"/>
                  </a:cubicBezTo>
                  <a:cubicBezTo>
                    <a:pt x="10452" y="10652"/>
                    <a:pt x="10502" y="10802"/>
                    <a:pt x="10502" y="10877"/>
                  </a:cubicBezTo>
                  <a:cubicBezTo>
                    <a:pt x="10552" y="10928"/>
                    <a:pt x="10552" y="11103"/>
                    <a:pt x="10502" y="11203"/>
                  </a:cubicBezTo>
                  <a:cubicBezTo>
                    <a:pt x="10502" y="11253"/>
                    <a:pt x="10277" y="11429"/>
                    <a:pt x="10227" y="11429"/>
                  </a:cubicBezTo>
                  <a:cubicBezTo>
                    <a:pt x="10126" y="11479"/>
                    <a:pt x="9951" y="11479"/>
                    <a:pt x="9826" y="11429"/>
                  </a:cubicBezTo>
                  <a:cubicBezTo>
                    <a:pt x="9775" y="11429"/>
                    <a:pt x="9725" y="11253"/>
                    <a:pt x="9600" y="11203"/>
                  </a:cubicBezTo>
                  <a:cubicBezTo>
                    <a:pt x="9550" y="11153"/>
                    <a:pt x="9374" y="11203"/>
                    <a:pt x="9324" y="11203"/>
                  </a:cubicBezTo>
                  <a:cubicBezTo>
                    <a:pt x="9274" y="11153"/>
                    <a:pt x="9274" y="11028"/>
                    <a:pt x="9224" y="10978"/>
                  </a:cubicBezTo>
                  <a:cubicBezTo>
                    <a:pt x="9099" y="10978"/>
                    <a:pt x="8923" y="11028"/>
                    <a:pt x="8873" y="10978"/>
                  </a:cubicBezTo>
                  <a:cubicBezTo>
                    <a:pt x="8823" y="10978"/>
                    <a:pt x="8698" y="10877"/>
                    <a:pt x="8648" y="10877"/>
                  </a:cubicBezTo>
                  <a:cubicBezTo>
                    <a:pt x="8597" y="10802"/>
                    <a:pt x="8422" y="10877"/>
                    <a:pt x="8372" y="10877"/>
                  </a:cubicBezTo>
                  <a:cubicBezTo>
                    <a:pt x="8272" y="10877"/>
                    <a:pt x="8096" y="10877"/>
                    <a:pt x="8046" y="10802"/>
                  </a:cubicBezTo>
                  <a:cubicBezTo>
                    <a:pt x="7971" y="10802"/>
                    <a:pt x="7871" y="10702"/>
                    <a:pt x="7820" y="10702"/>
                  </a:cubicBezTo>
                  <a:cubicBezTo>
                    <a:pt x="7745" y="10652"/>
                    <a:pt x="7595" y="10577"/>
                    <a:pt x="7520" y="10652"/>
                  </a:cubicBezTo>
                  <a:cubicBezTo>
                    <a:pt x="7470" y="10652"/>
                    <a:pt x="7470" y="10802"/>
                    <a:pt x="7419" y="10802"/>
                  </a:cubicBezTo>
                  <a:cubicBezTo>
                    <a:pt x="7369" y="10877"/>
                    <a:pt x="7194" y="10802"/>
                    <a:pt x="7194" y="10802"/>
                  </a:cubicBezTo>
                  <a:cubicBezTo>
                    <a:pt x="7144" y="10877"/>
                    <a:pt x="7144" y="10978"/>
                    <a:pt x="7069" y="11028"/>
                  </a:cubicBezTo>
                  <a:lnTo>
                    <a:pt x="7018" y="11153"/>
                  </a:lnTo>
                  <a:lnTo>
                    <a:pt x="6868" y="11153"/>
                  </a:lnTo>
                  <a:cubicBezTo>
                    <a:pt x="6793" y="11203"/>
                    <a:pt x="6693" y="11329"/>
                    <a:pt x="6643" y="11429"/>
                  </a:cubicBezTo>
                  <a:cubicBezTo>
                    <a:pt x="6643" y="11429"/>
                    <a:pt x="6643" y="11554"/>
                    <a:pt x="6693" y="11554"/>
                  </a:cubicBezTo>
                  <a:cubicBezTo>
                    <a:pt x="6743" y="11604"/>
                    <a:pt x="6918" y="11554"/>
                    <a:pt x="7018" y="11604"/>
                  </a:cubicBezTo>
                  <a:cubicBezTo>
                    <a:pt x="7018" y="11604"/>
                    <a:pt x="7144" y="11654"/>
                    <a:pt x="7194" y="11705"/>
                  </a:cubicBezTo>
                  <a:cubicBezTo>
                    <a:pt x="7194" y="11780"/>
                    <a:pt x="7194" y="11880"/>
                    <a:pt x="7144" y="11930"/>
                  </a:cubicBezTo>
                  <a:cubicBezTo>
                    <a:pt x="7144" y="11930"/>
                    <a:pt x="6968" y="11930"/>
                    <a:pt x="6918" y="12005"/>
                  </a:cubicBezTo>
                  <a:lnTo>
                    <a:pt x="6918" y="12231"/>
                  </a:lnTo>
                  <a:cubicBezTo>
                    <a:pt x="6868" y="12331"/>
                    <a:pt x="6793" y="12456"/>
                    <a:pt x="6693" y="12507"/>
                  </a:cubicBezTo>
                  <a:cubicBezTo>
                    <a:pt x="6643" y="12507"/>
                    <a:pt x="6467" y="12456"/>
                    <a:pt x="6417" y="12456"/>
                  </a:cubicBezTo>
                  <a:cubicBezTo>
                    <a:pt x="6342" y="12456"/>
                    <a:pt x="6191" y="12507"/>
                    <a:pt x="6116" y="12456"/>
                  </a:cubicBezTo>
                  <a:cubicBezTo>
                    <a:pt x="6116" y="12456"/>
                    <a:pt x="6066" y="12456"/>
                    <a:pt x="6016" y="12381"/>
                  </a:cubicBezTo>
                  <a:lnTo>
                    <a:pt x="6016" y="12156"/>
                  </a:lnTo>
                  <a:cubicBezTo>
                    <a:pt x="5966" y="12055"/>
                    <a:pt x="5665" y="11930"/>
                    <a:pt x="5615" y="11830"/>
                  </a:cubicBezTo>
                  <a:cubicBezTo>
                    <a:pt x="5565" y="11654"/>
                    <a:pt x="5615" y="11329"/>
                    <a:pt x="5615" y="11203"/>
                  </a:cubicBezTo>
                  <a:cubicBezTo>
                    <a:pt x="5615" y="11103"/>
                    <a:pt x="5615" y="10802"/>
                    <a:pt x="5565" y="10702"/>
                  </a:cubicBezTo>
                  <a:cubicBezTo>
                    <a:pt x="5565" y="10577"/>
                    <a:pt x="5440" y="10251"/>
                    <a:pt x="5339" y="10201"/>
                  </a:cubicBezTo>
                  <a:cubicBezTo>
                    <a:pt x="5239" y="10075"/>
                    <a:pt x="4888" y="10201"/>
                    <a:pt x="4788" y="10126"/>
                  </a:cubicBezTo>
                  <a:cubicBezTo>
                    <a:pt x="4663" y="10075"/>
                    <a:pt x="4562" y="9975"/>
                    <a:pt x="4437" y="9900"/>
                  </a:cubicBezTo>
                  <a:cubicBezTo>
                    <a:pt x="4337" y="9900"/>
                    <a:pt x="3986" y="9975"/>
                    <a:pt x="3835" y="10025"/>
                  </a:cubicBezTo>
                  <a:cubicBezTo>
                    <a:pt x="3760" y="10025"/>
                    <a:pt x="3660" y="10201"/>
                    <a:pt x="3610" y="10251"/>
                  </a:cubicBezTo>
                  <a:cubicBezTo>
                    <a:pt x="3485" y="10251"/>
                    <a:pt x="3309" y="10251"/>
                    <a:pt x="3259" y="10301"/>
                  </a:cubicBezTo>
                  <a:cubicBezTo>
                    <a:pt x="3159" y="10301"/>
                    <a:pt x="3084" y="10527"/>
                    <a:pt x="3033" y="10577"/>
                  </a:cubicBezTo>
                  <a:cubicBezTo>
                    <a:pt x="2933" y="10652"/>
                    <a:pt x="2708" y="10802"/>
                    <a:pt x="2582" y="10752"/>
                  </a:cubicBezTo>
                  <a:cubicBezTo>
                    <a:pt x="2482" y="10752"/>
                    <a:pt x="2407" y="10652"/>
                    <a:pt x="2357" y="10577"/>
                  </a:cubicBezTo>
                  <a:cubicBezTo>
                    <a:pt x="2357" y="10476"/>
                    <a:pt x="2482" y="10201"/>
                    <a:pt x="2357" y="10075"/>
                  </a:cubicBezTo>
                  <a:cubicBezTo>
                    <a:pt x="2357" y="10025"/>
                    <a:pt x="2206" y="10025"/>
                    <a:pt x="2131" y="10025"/>
                  </a:cubicBezTo>
                  <a:cubicBezTo>
                    <a:pt x="2031" y="10025"/>
                    <a:pt x="1805" y="10126"/>
                    <a:pt x="1755" y="10075"/>
                  </a:cubicBezTo>
                  <a:cubicBezTo>
                    <a:pt x="1630" y="10025"/>
                    <a:pt x="1630" y="9800"/>
                    <a:pt x="1630" y="9674"/>
                  </a:cubicBezTo>
                  <a:cubicBezTo>
                    <a:pt x="1630" y="9574"/>
                    <a:pt x="1680" y="9349"/>
                    <a:pt x="1630" y="9223"/>
                  </a:cubicBezTo>
                  <a:cubicBezTo>
                    <a:pt x="1630" y="9173"/>
                    <a:pt x="1455" y="8998"/>
                    <a:pt x="1404" y="8948"/>
                  </a:cubicBezTo>
                  <a:cubicBezTo>
                    <a:pt x="1354" y="8898"/>
                    <a:pt x="1179" y="8847"/>
                    <a:pt x="1079" y="8797"/>
                  </a:cubicBezTo>
                  <a:cubicBezTo>
                    <a:pt x="953" y="8722"/>
                    <a:pt x="778" y="8497"/>
                    <a:pt x="678" y="8396"/>
                  </a:cubicBezTo>
                  <a:cubicBezTo>
                    <a:pt x="627" y="8221"/>
                    <a:pt x="452" y="7945"/>
                    <a:pt x="452" y="7770"/>
                  </a:cubicBezTo>
                  <a:cubicBezTo>
                    <a:pt x="452" y="7594"/>
                    <a:pt x="577" y="7369"/>
                    <a:pt x="627" y="7268"/>
                  </a:cubicBezTo>
                  <a:cubicBezTo>
                    <a:pt x="678" y="7218"/>
                    <a:pt x="953" y="7143"/>
                    <a:pt x="1003" y="7093"/>
                  </a:cubicBezTo>
                  <a:cubicBezTo>
                    <a:pt x="1079" y="6993"/>
                    <a:pt x="1129" y="6767"/>
                    <a:pt x="1129" y="6642"/>
                  </a:cubicBezTo>
                  <a:cubicBezTo>
                    <a:pt x="1129" y="6542"/>
                    <a:pt x="1003" y="6241"/>
                    <a:pt x="953" y="6141"/>
                  </a:cubicBezTo>
                  <a:cubicBezTo>
                    <a:pt x="853" y="6015"/>
                    <a:pt x="577" y="5915"/>
                    <a:pt x="502" y="5865"/>
                  </a:cubicBezTo>
                  <a:cubicBezTo>
                    <a:pt x="352" y="5689"/>
                    <a:pt x="51" y="5288"/>
                    <a:pt x="51" y="5063"/>
                  </a:cubicBezTo>
                  <a:cubicBezTo>
                    <a:pt x="1" y="4887"/>
                    <a:pt x="1" y="4512"/>
                    <a:pt x="126" y="4336"/>
                  </a:cubicBezTo>
                  <a:cubicBezTo>
                    <a:pt x="176" y="4161"/>
                    <a:pt x="402" y="3935"/>
                    <a:pt x="502" y="3885"/>
                  </a:cubicBezTo>
                  <a:cubicBezTo>
                    <a:pt x="577" y="3835"/>
                    <a:pt x="853" y="3885"/>
                    <a:pt x="903" y="3835"/>
                  </a:cubicBezTo>
                  <a:cubicBezTo>
                    <a:pt x="953" y="3710"/>
                    <a:pt x="953" y="3434"/>
                    <a:pt x="953" y="3309"/>
                  </a:cubicBezTo>
                  <a:cubicBezTo>
                    <a:pt x="953" y="3208"/>
                    <a:pt x="853" y="2882"/>
                    <a:pt x="903" y="2757"/>
                  </a:cubicBezTo>
                  <a:cubicBezTo>
                    <a:pt x="1003" y="2582"/>
                    <a:pt x="1354" y="2532"/>
                    <a:pt x="1530" y="2481"/>
                  </a:cubicBezTo>
                  <a:cubicBezTo>
                    <a:pt x="1680" y="2431"/>
                    <a:pt x="2031" y="2356"/>
                    <a:pt x="2131" y="2256"/>
                  </a:cubicBezTo>
                  <a:cubicBezTo>
                    <a:pt x="2257" y="2131"/>
                    <a:pt x="2407" y="1980"/>
                    <a:pt x="2482" y="1855"/>
                  </a:cubicBezTo>
                  <a:cubicBezTo>
                    <a:pt x="2532" y="1679"/>
                    <a:pt x="2482" y="1304"/>
                    <a:pt x="2582" y="1178"/>
                  </a:cubicBezTo>
                  <a:cubicBezTo>
                    <a:pt x="2632" y="1078"/>
                    <a:pt x="2983" y="1078"/>
                    <a:pt x="3033" y="953"/>
                  </a:cubicBezTo>
                  <a:cubicBezTo>
                    <a:pt x="3084" y="903"/>
                    <a:pt x="3084" y="727"/>
                    <a:pt x="3084" y="627"/>
                  </a:cubicBezTo>
                  <a:cubicBezTo>
                    <a:pt x="3084" y="502"/>
                    <a:pt x="3159" y="326"/>
                    <a:pt x="3159" y="176"/>
                  </a:cubicBezTo>
                  <a:cubicBezTo>
                    <a:pt x="3259" y="176"/>
                    <a:pt x="3434" y="0"/>
                    <a:pt x="3485" y="0"/>
                  </a:cubicBezTo>
                  <a:cubicBezTo>
                    <a:pt x="3610" y="0"/>
                    <a:pt x="3835" y="100"/>
                    <a:pt x="3936" y="176"/>
                  </a:cubicBezTo>
                  <a:cubicBezTo>
                    <a:pt x="3986" y="176"/>
                    <a:pt x="4036" y="326"/>
                    <a:pt x="4111" y="326"/>
                  </a:cubicBezTo>
                  <a:cubicBezTo>
                    <a:pt x="4111" y="401"/>
                    <a:pt x="4211" y="552"/>
                    <a:pt x="4262" y="552"/>
                  </a:cubicBezTo>
                  <a:cubicBezTo>
                    <a:pt x="4387" y="627"/>
                    <a:pt x="4663" y="627"/>
                    <a:pt x="4788" y="627"/>
                  </a:cubicBezTo>
                  <a:lnTo>
                    <a:pt x="5114" y="627"/>
                  </a:lnTo>
                  <a:cubicBezTo>
                    <a:pt x="5239" y="627"/>
                    <a:pt x="5339" y="552"/>
                    <a:pt x="5440" y="552"/>
                  </a:cubicBezTo>
                  <a:cubicBezTo>
                    <a:pt x="5515" y="502"/>
                    <a:pt x="5740" y="552"/>
                    <a:pt x="5841" y="552"/>
                  </a:cubicBezTo>
                  <a:lnTo>
                    <a:pt x="6191" y="552"/>
                  </a:lnTo>
                  <a:cubicBezTo>
                    <a:pt x="6242" y="552"/>
                    <a:pt x="6417" y="451"/>
                    <a:pt x="6517" y="451"/>
                  </a:cubicBezTo>
                  <a:cubicBezTo>
                    <a:pt x="6567" y="451"/>
                    <a:pt x="6743" y="451"/>
                    <a:pt x="6793" y="502"/>
                  </a:cubicBezTo>
                  <a:cubicBezTo>
                    <a:pt x="6868" y="502"/>
                    <a:pt x="6868" y="677"/>
                    <a:pt x="6918" y="727"/>
                  </a:cubicBezTo>
                  <a:cubicBezTo>
                    <a:pt x="6968" y="777"/>
                    <a:pt x="7194" y="677"/>
                    <a:pt x="7294" y="727"/>
                  </a:cubicBezTo>
                  <a:cubicBezTo>
                    <a:pt x="7369" y="777"/>
                    <a:pt x="7419" y="903"/>
                    <a:pt x="7470" y="953"/>
                  </a:cubicBezTo>
                  <a:cubicBezTo>
                    <a:pt x="7520" y="953"/>
                    <a:pt x="7595" y="1078"/>
                    <a:pt x="7645" y="1078"/>
                  </a:cubicBezTo>
                  <a:cubicBezTo>
                    <a:pt x="7745" y="1128"/>
                    <a:pt x="7921" y="1078"/>
                    <a:pt x="7971" y="1078"/>
                  </a:cubicBezTo>
                  <a:cubicBezTo>
                    <a:pt x="8146" y="1003"/>
                    <a:pt x="8372" y="953"/>
                    <a:pt x="8497" y="903"/>
                  </a:cubicBezTo>
                  <a:cubicBezTo>
                    <a:pt x="8547" y="903"/>
                    <a:pt x="8648" y="727"/>
                    <a:pt x="8698" y="727"/>
                  </a:cubicBezTo>
                  <a:cubicBezTo>
                    <a:pt x="8773" y="677"/>
                    <a:pt x="8923" y="727"/>
                    <a:pt x="8998" y="777"/>
                  </a:cubicBezTo>
                  <a:cubicBezTo>
                    <a:pt x="9049" y="777"/>
                    <a:pt x="9224" y="903"/>
                    <a:pt x="9324" y="953"/>
                  </a:cubicBezTo>
                  <a:cubicBezTo>
                    <a:pt x="9374" y="953"/>
                    <a:pt x="9500" y="852"/>
                    <a:pt x="9550" y="852"/>
                  </a:cubicBezTo>
                  <a:cubicBezTo>
                    <a:pt x="9600" y="852"/>
                    <a:pt x="9725" y="903"/>
                    <a:pt x="9775" y="953"/>
                  </a:cubicBezTo>
                  <a:cubicBezTo>
                    <a:pt x="9826" y="953"/>
                    <a:pt x="9951" y="1078"/>
                    <a:pt x="10001" y="1078"/>
                  </a:cubicBezTo>
                  <a:cubicBezTo>
                    <a:pt x="10126" y="1078"/>
                    <a:pt x="10277" y="1078"/>
                    <a:pt x="10402" y="1003"/>
                  </a:cubicBezTo>
                  <a:cubicBezTo>
                    <a:pt x="10402" y="1003"/>
                    <a:pt x="10452" y="953"/>
                    <a:pt x="10502" y="903"/>
                  </a:cubicBezTo>
                  <a:cubicBezTo>
                    <a:pt x="10552" y="903"/>
                    <a:pt x="10628" y="1003"/>
                    <a:pt x="10678" y="1003"/>
                  </a:cubicBezTo>
                  <a:cubicBezTo>
                    <a:pt x="10778" y="1003"/>
                    <a:pt x="10953" y="1078"/>
                    <a:pt x="11079" y="1128"/>
                  </a:cubicBezTo>
                  <a:cubicBezTo>
                    <a:pt x="11129" y="1128"/>
                    <a:pt x="11179" y="1228"/>
                    <a:pt x="11229" y="1304"/>
                  </a:cubicBezTo>
                  <a:cubicBezTo>
                    <a:pt x="11304" y="1304"/>
                    <a:pt x="11354" y="1354"/>
                    <a:pt x="11354" y="1354"/>
                  </a:cubicBezTo>
                  <a:cubicBezTo>
                    <a:pt x="11404" y="1404"/>
                    <a:pt x="11404" y="1529"/>
                    <a:pt x="11354" y="1579"/>
                  </a:cubicBezTo>
                  <a:cubicBezTo>
                    <a:pt x="11354" y="1755"/>
                    <a:pt x="11304" y="2080"/>
                    <a:pt x="11179" y="2131"/>
                  </a:cubicBezTo>
                  <a:cubicBezTo>
                    <a:pt x="11129" y="2206"/>
                    <a:pt x="11003" y="2206"/>
                    <a:pt x="10953" y="2206"/>
                  </a:cubicBezTo>
                  <a:cubicBezTo>
                    <a:pt x="10853" y="2256"/>
                    <a:pt x="10728" y="2356"/>
                    <a:pt x="10678" y="2431"/>
                  </a:cubicBezTo>
                  <a:cubicBezTo>
                    <a:pt x="10628" y="2481"/>
                    <a:pt x="10628" y="2582"/>
                    <a:pt x="10552" y="2657"/>
                  </a:cubicBezTo>
                  <a:cubicBezTo>
                    <a:pt x="10502" y="2657"/>
                    <a:pt x="10402" y="2707"/>
                    <a:pt x="10402" y="2707"/>
                  </a:cubicBezTo>
                  <a:cubicBezTo>
                    <a:pt x="10277" y="2757"/>
                    <a:pt x="10176" y="2882"/>
                    <a:pt x="10126" y="2933"/>
                  </a:cubicBezTo>
                  <a:cubicBezTo>
                    <a:pt x="10051" y="2983"/>
                    <a:pt x="10001" y="3108"/>
                    <a:pt x="9951" y="3158"/>
                  </a:cubicBezTo>
                  <a:cubicBezTo>
                    <a:pt x="9901" y="3158"/>
                    <a:pt x="9775" y="3158"/>
                    <a:pt x="9725" y="3208"/>
                  </a:cubicBezTo>
                  <a:cubicBezTo>
                    <a:pt x="9675" y="3208"/>
                    <a:pt x="9550" y="3258"/>
                    <a:pt x="9550" y="3309"/>
                  </a:cubicBezTo>
                  <a:cubicBezTo>
                    <a:pt x="9500" y="3434"/>
                    <a:pt x="9500" y="3609"/>
                    <a:pt x="9450" y="3710"/>
                  </a:cubicBezTo>
                  <a:cubicBezTo>
                    <a:pt x="9450" y="3760"/>
                    <a:pt x="9374" y="3885"/>
                    <a:pt x="9324" y="3885"/>
                  </a:cubicBezTo>
                  <a:cubicBezTo>
                    <a:pt x="9274" y="3935"/>
                    <a:pt x="9099" y="3985"/>
                    <a:pt x="9049" y="4060"/>
                  </a:cubicBezTo>
                  <a:cubicBezTo>
                    <a:pt x="8998" y="4060"/>
                    <a:pt x="8923" y="3985"/>
                    <a:pt x="8873" y="3985"/>
                  </a:cubicBezTo>
                  <a:cubicBezTo>
                    <a:pt x="8823" y="4060"/>
                    <a:pt x="8773" y="4211"/>
                    <a:pt x="8823" y="4286"/>
                  </a:cubicBezTo>
                  <a:cubicBezTo>
                    <a:pt x="8823" y="4336"/>
                    <a:pt x="8998" y="4386"/>
                    <a:pt x="9049" y="4436"/>
                  </a:cubicBezTo>
                  <a:cubicBezTo>
                    <a:pt x="9099" y="4512"/>
                    <a:pt x="9224" y="4612"/>
                    <a:pt x="9224" y="4662"/>
                  </a:cubicBezTo>
                  <a:cubicBezTo>
                    <a:pt x="9224" y="4737"/>
                    <a:pt x="9099" y="4837"/>
                    <a:pt x="9099" y="4887"/>
                  </a:cubicBezTo>
                  <a:cubicBezTo>
                    <a:pt x="9099" y="4963"/>
                    <a:pt x="9224" y="5063"/>
                    <a:pt x="9274" y="5113"/>
                  </a:cubicBezTo>
                  <a:cubicBezTo>
                    <a:pt x="9274" y="5188"/>
                    <a:pt x="9450" y="5188"/>
                    <a:pt x="9450" y="5113"/>
                  </a:cubicBezTo>
                  <a:cubicBezTo>
                    <a:pt x="9550" y="5113"/>
                    <a:pt x="9500" y="4837"/>
                    <a:pt x="9600" y="4787"/>
                  </a:cubicBezTo>
                  <a:cubicBezTo>
                    <a:pt x="9675" y="4737"/>
                    <a:pt x="9826" y="4787"/>
                    <a:pt x="9951" y="4787"/>
                  </a:cubicBezTo>
                  <a:cubicBezTo>
                    <a:pt x="10001" y="4837"/>
                    <a:pt x="10126" y="5013"/>
                    <a:pt x="10176" y="5063"/>
                  </a:cubicBezTo>
                  <a:cubicBezTo>
                    <a:pt x="10277" y="5113"/>
                    <a:pt x="10502" y="5063"/>
                    <a:pt x="10628" y="5113"/>
                  </a:cubicBezTo>
                  <a:cubicBezTo>
                    <a:pt x="10678" y="5188"/>
                    <a:pt x="10778" y="5288"/>
                    <a:pt x="10853" y="5339"/>
                  </a:cubicBezTo>
                  <a:cubicBezTo>
                    <a:pt x="10853" y="5414"/>
                    <a:pt x="10953" y="5464"/>
                    <a:pt x="11003" y="5464"/>
                  </a:cubicBezTo>
                  <a:cubicBezTo>
                    <a:pt x="11079" y="5514"/>
                    <a:pt x="11179" y="5464"/>
                    <a:pt x="11229" y="5514"/>
                  </a:cubicBezTo>
                  <a:cubicBezTo>
                    <a:pt x="11304" y="5564"/>
                    <a:pt x="11229" y="5740"/>
                    <a:pt x="11179" y="5790"/>
                  </a:cubicBezTo>
                  <a:cubicBezTo>
                    <a:pt x="11179" y="5915"/>
                    <a:pt x="11129" y="6141"/>
                    <a:pt x="11079" y="6241"/>
                  </a:cubicBezTo>
                  <a:cubicBezTo>
                    <a:pt x="11003" y="6366"/>
                    <a:pt x="10853" y="6542"/>
                    <a:pt x="10778" y="6592"/>
                  </a:cubicBezTo>
                  <a:cubicBezTo>
                    <a:pt x="10728" y="6642"/>
                    <a:pt x="10552" y="6642"/>
                    <a:pt x="10502" y="6642"/>
                  </a:cubicBezTo>
                  <a:cubicBezTo>
                    <a:pt x="10452" y="6692"/>
                    <a:pt x="10227" y="6692"/>
                    <a:pt x="10227" y="6817"/>
                  </a:cubicBezTo>
                  <a:cubicBezTo>
                    <a:pt x="10176" y="6867"/>
                    <a:pt x="10277" y="6993"/>
                    <a:pt x="10227" y="7043"/>
                  </a:cubicBezTo>
                  <a:cubicBezTo>
                    <a:pt x="10227" y="7093"/>
                    <a:pt x="10126" y="7143"/>
                    <a:pt x="10126" y="7143"/>
                  </a:cubicBezTo>
                  <a:cubicBezTo>
                    <a:pt x="10051" y="7218"/>
                    <a:pt x="10176" y="7369"/>
                    <a:pt x="10126" y="7444"/>
                  </a:cubicBezTo>
                  <a:cubicBezTo>
                    <a:pt x="10126" y="7494"/>
                    <a:pt x="10001" y="7544"/>
                    <a:pt x="10001" y="7544"/>
                  </a:cubicBezTo>
                  <a:cubicBezTo>
                    <a:pt x="9951" y="7594"/>
                    <a:pt x="10001" y="7770"/>
                    <a:pt x="10051" y="7820"/>
                  </a:cubicBezTo>
                  <a:cubicBezTo>
                    <a:pt x="10126" y="7895"/>
                    <a:pt x="10327" y="7945"/>
                    <a:pt x="10402" y="7895"/>
                  </a:cubicBezTo>
                  <a:cubicBezTo>
                    <a:pt x="10452" y="7895"/>
                    <a:pt x="10452" y="7770"/>
                    <a:pt x="10502" y="7770"/>
                  </a:cubicBezTo>
                  <a:cubicBezTo>
                    <a:pt x="10552" y="7720"/>
                    <a:pt x="10728" y="7720"/>
                    <a:pt x="10778" y="7770"/>
                  </a:cubicBezTo>
                  <a:cubicBezTo>
                    <a:pt x="10853" y="7770"/>
                    <a:pt x="11003" y="7770"/>
                    <a:pt x="11003" y="7820"/>
                  </a:cubicBezTo>
                  <a:cubicBezTo>
                    <a:pt x="11079" y="7895"/>
                    <a:pt x="11129" y="7995"/>
                    <a:pt x="11129" y="8045"/>
                  </a:cubicBezTo>
                  <a:cubicBezTo>
                    <a:pt x="11179" y="8171"/>
                    <a:pt x="11179" y="8396"/>
                    <a:pt x="11129" y="8497"/>
                  </a:cubicBezTo>
                  <a:cubicBezTo>
                    <a:pt x="11079" y="8572"/>
                    <a:pt x="10953" y="8622"/>
                    <a:pt x="10903" y="8672"/>
                  </a:cubicBezTo>
                  <a:cubicBezTo>
                    <a:pt x="10853" y="8797"/>
                    <a:pt x="10778" y="8948"/>
                    <a:pt x="10778" y="9073"/>
                  </a:cubicBezTo>
                  <a:cubicBezTo>
                    <a:pt x="10728" y="9123"/>
                    <a:pt x="10678" y="9223"/>
                    <a:pt x="10678" y="9299"/>
                  </a:cubicBezTo>
                  <a:cubicBezTo>
                    <a:pt x="10678" y="9349"/>
                    <a:pt x="10728" y="9449"/>
                    <a:pt x="10778" y="9524"/>
                  </a:cubicBezTo>
                  <a:cubicBezTo>
                    <a:pt x="10903" y="9574"/>
                    <a:pt x="11179" y="9524"/>
                    <a:pt x="11304" y="9574"/>
                  </a:cubicBezTo>
                  <a:cubicBezTo>
                    <a:pt x="11354" y="9574"/>
                    <a:pt x="11530" y="9674"/>
                    <a:pt x="11580" y="9800"/>
                  </a:cubicBezTo>
                  <a:cubicBezTo>
                    <a:pt x="11630" y="9850"/>
                    <a:pt x="11630" y="10025"/>
                    <a:pt x="11680" y="10075"/>
                  </a:cubicBezTo>
                  <a:cubicBezTo>
                    <a:pt x="11755" y="10126"/>
                    <a:pt x="11906" y="10201"/>
                    <a:pt x="11956" y="10201"/>
                  </a:cubicBezTo>
                  <a:cubicBezTo>
                    <a:pt x="12031" y="10251"/>
                    <a:pt x="12181" y="10351"/>
                    <a:pt x="12257" y="10426"/>
                  </a:cubicBezTo>
                  <a:cubicBezTo>
                    <a:pt x="12257" y="10476"/>
                    <a:pt x="12307" y="10577"/>
                    <a:pt x="12307" y="10652"/>
                  </a:cubicBezTo>
                  <a:cubicBezTo>
                    <a:pt x="12357" y="10752"/>
                    <a:pt x="12482" y="10928"/>
                    <a:pt x="12582" y="10978"/>
                  </a:cubicBezTo>
                  <a:cubicBezTo>
                    <a:pt x="12633" y="10978"/>
                    <a:pt x="12758" y="10978"/>
                    <a:pt x="12808" y="11028"/>
                  </a:cubicBezTo>
                  <a:cubicBezTo>
                    <a:pt x="12858" y="11103"/>
                    <a:pt x="12858" y="11329"/>
                    <a:pt x="12858" y="11379"/>
                  </a:cubicBezTo>
                  <a:cubicBezTo>
                    <a:pt x="12933" y="11429"/>
                    <a:pt x="13084" y="11604"/>
                    <a:pt x="13159" y="11654"/>
                  </a:cubicBezTo>
                  <a:cubicBezTo>
                    <a:pt x="13259" y="11705"/>
                    <a:pt x="13485" y="11654"/>
                    <a:pt x="13585" y="11780"/>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130" name="Google Shape;187;p16">
              <a:extLst>
                <a:ext uri="{FF2B5EF4-FFF2-40B4-BE49-F238E27FC236}">
                  <a16:creationId xmlns:a16="http://schemas.microsoft.com/office/drawing/2014/main" id="{4E48B114-7CD0-7AE2-38CE-4A63568F0915}"/>
                </a:ext>
              </a:extLst>
            </p:cNvPr>
            <p:cNvSpPr/>
            <p:nvPr/>
          </p:nvSpPr>
          <p:spPr>
            <a:xfrm>
              <a:off x="2170600" y="1033009"/>
              <a:ext cx="474303" cy="488955"/>
            </a:xfrm>
            <a:custGeom>
              <a:avLst/>
              <a:gdLst/>
              <a:ahLst/>
              <a:cxnLst/>
              <a:rect l="l" t="t" r="r" b="b"/>
              <a:pathLst>
                <a:path w="16994" h="17519" extrusionOk="0">
                  <a:moveTo>
                    <a:pt x="16993" y="4386"/>
                  </a:moveTo>
                  <a:cubicBezTo>
                    <a:pt x="16868" y="4511"/>
                    <a:pt x="16642" y="4612"/>
                    <a:pt x="16642" y="4737"/>
                  </a:cubicBezTo>
                  <a:cubicBezTo>
                    <a:pt x="16517" y="4887"/>
                    <a:pt x="16592" y="5338"/>
                    <a:pt x="16417" y="5464"/>
                  </a:cubicBezTo>
                  <a:cubicBezTo>
                    <a:pt x="16367" y="5564"/>
                    <a:pt x="16016" y="5464"/>
                    <a:pt x="15916" y="5514"/>
                  </a:cubicBezTo>
                  <a:cubicBezTo>
                    <a:pt x="15790" y="5564"/>
                    <a:pt x="15565" y="5739"/>
                    <a:pt x="15464" y="5790"/>
                  </a:cubicBezTo>
                  <a:cubicBezTo>
                    <a:pt x="15339" y="5790"/>
                    <a:pt x="15063" y="5739"/>
                    <a:pt x="14938" y="5689"/>
                  </a:cubicBezTo>
                  <a:cubicBezTo>
                    <a:pt x="14763" y="5639"/>
                    <a:pt x="14612" y="5338"/>
                    <a:pt x="14437" y="5288"/>
                  </a:cubicBezTo>
                  <a:cubicBezTo>
                    <a:pt x="14312" y="5238"/>
                    <a:pt x="13986" y="5338"/>
                    <a:pt x="13860" y="5414"/>
                  </a:cubicBezTo>
                  <a:cubicBezTo>
                    <a:pt x="13810" y="5514"/>
                    <a:pt x="13760" y="5739"/>
                    <a:pt x="13710" y="5865"/>
                  </a:cubicBezTo>
                  <a:cubicBezTo>
                    <a:pt x="13635" y="6015"/>
                    <a:pt x="13760" y="6416"/>
                    <a:pt x="13635" y="6516"/>
                  </a:cubicBezTo>
                  <a:cubicBezTo>
                    <a:pt x="13585" y="6642"/>
                    <a:pt x="13309" y="6692"/>
                    <a:pt x="13184" y="6692"/>
                  </a:cubicBezTo>
                  <a:cubicBezTo>
                    <a:pt x="13083" y="6742"/>
                    <a:pt x="12858" y="6642"/>
                    <a:pt x="12733" y="6642"/>
                  </a:cubicBezTo>
                  <a:cubicBezTo>
                    <a:pt x="12557" y="6642"/>
                    <a:pt x="12181" y="6692"/>
                    <a:pt x="12056" y="6817"/>
                  </a:cubicBezTo>
                  <a:cubicBezTo>
                    <a:pt x="12006" y="6867"/>
                    <a:pt x="11956" y="7043"/>
                    <a:pt x="12006" y="7093"/>
                  </a:cubicBezTo>
                  <a:cubicBezTo>
                    <a:pt x="12006" y="7193"/>
                    <a:pt x="12281" y="7268"/>
                    <a:pt x="12332" y="7318"/>
                  </a:cubicBezTo>
                  <a:cubicBezTo>
                    <a:pt x="12407" y="7369"/>
                    <a:pt x="12507" y="7544"/>
                    <a:pt x="12507" y="7644"/>
                  </a:cubicBezTo>
                  <a:cubicBezTo>
                    <a:pt x="12507" y="7820"/>
                    <a:pt x="12332" y="8045"/>
                    <a:pt x="12231" y="8171"/>
                  </a:cubicBezTo>
                  <a:cubicBezTo>
                    <a:pt x="12181" y="8271"/>
                    <a:pt x="11880" y="8396"/>
                    <a:pt x="11830" y="8496"/>
                  </a:cubicBezTo>
                  <a:cubicBezTo>
                    <a:pt x="11780" y="8622"/>
                    <a:pt x="11655" y="8947"/>
                    <a:pt x="11730" y="9073"/>
                  </a:cubicBezTo>
                  <a:cubicBezTo>
                    <a:pt x="11730" y="9173"/>
                    <a:pt x="11880" y="9399"/>
                    <a:pt x="11956" y="9449"/>
                  </a:cubicBezTo>
                  <a:cubicBezTo>
                    <a:pt x="12056" y="9574"/>
                    <a:pt x="12407" y="9674"/>
                    <a:pt x="12557" y="9800"/>
                  </a:cubicBezTo>
                  <a:cubicBezTo>
                    <a:pt x="12682" y="9900"/>
                    <a:pt x="12958" y="10075"/>
                    <a:pt x="13083" y="10251"/>
                  </a:cubicBezTo>
                  <a:cubicBezTo>
                    <a:pt x="13134" y="10351"/>
                    <a:pt x="13134" y="10702"/>
                    <a:pt x="13083" y="10802"/>
                  </a:cubicBezTo>
                  <a:cubicBezTo>
                    <a:pt x="13083" y="10978"/>
                    <a:pt x="12908" y="11253"/>
                    <a:pt x="12858" y="11379"/>
                  </a:cubicBezTo>
                  <a:cubicBezTo>
                    <a:pt x="12783" y="11554"/>
                    <a:pt x="12682" y="11930"/>
                    <a:pt x="12507" y="12005"/>
                  </a:cubicBezTo>
                  <a:cubicBezTo>
                    <a:pt x="12407" y="12055"/>
                    <a:pt x="12231" y="12005"/>
                    <a:pt x="12181" y="12005"/>
                  </a:cubicBezTo>
                  <a:cubicBezTo>
                    <a:pt x="11956" y="12005"/>
                    <a:pt x="11605" y="12005"/>
                    <a:pt x="11429" y="12055"/>
                  </a:cubicBezTo>
                  <a:cubicBezTo>
                    <a:pt x="11329" y="12105"/>
                    <a:pt x="11204" y="12206"/>
                    <a:pt x="11154" y="12331"/>
                  </a:cubicBezTo>
                  <a:cubicBezTo>
                    <a:pt x="11104" y="12431"/>
                    <a:pt x="11154" y="12657"/>
                    <a:pt x="11154" y="12782"/>
                  </a:cubicBezTo>
                  <a:cubicBezTo>
                    <a:pt x="11104" y="12882"/>
                    <a:pt x="11104" y="13108"/>
                    <a:pt x="11104" y="13233"/>
                  </a:cubicBezTo>
                  <a:cubicBezTo>
                    <a:pt x="10978" y="13409"/>
                    <a:pt x="10753" y="13684"/>
                    <a:pt x="10652" y="13785"/>
                  </a:cubicBezTo>
                  <a:cubicBezTo>
                    <a:pt x="10527" y="13910"/>
                    <a:pt x="10302" y="14135"/>
                    <a:pt x="10126" y="14135"/>
                  </a:cubicBezTo>
                  <a:cubicBezTo>
                    <a:pt x="10076" y="14085"/>
                    <a:pt x="9900" y="13960"/>
                    <a:pt x="9850" y="13860"/>
                  </a:cubicBezTo>
                  <a:cubicBezTo>
                    <a:pt x="9800" y="13785"/>
                    <a:pt x="9800" y="13559"/>
                    <a:pt x="9725" y="13459"/>
                  </a:cubicBezTo>
                  <a:cubicBezTo>
                    <a:pt x="9675" y="13409"/>
                    <a:pt x="9499" y="13283"/>
                    <a:pt x="9399" y="13233"/>
                  </a:cubicBezTo>
                  <a:cubicBezTo>
                    <a:pt x="9274" y="13233"/>
                    <a:pt x="8998" y="13233"/>
                    <a:pt x="8898" y="13283"/>
                  </a:cubicBezTo>
                  <a:cubicBezTo>
                    <a:pt x="8723" y="13333"/>
                    <a:pt x="8447" y="13509"/>
                    <a:pt x="8372" y="13684"/>
                  </a:cubicBezTo>
                  <a:cubicBezTo>
                    <a:pt x="8372" y="13785"/>
                    <a:pt x="8372" y="13960"/>
                    <a:pt x="8447" y="14010"/>
                  </a:cubicBezTo>
                  <a:cubicBezTo>
                    <a:pt x="8497" y="14085"/>
                    <a:pt x="8723" y="13960"/>
                    <a:pt x="8773" y="14010"/>
                  </a:cubicBezTo>
                  <a:cubicBezTo>
                    <a:pt x="8823" y="14135"/>
                    <a:pt x="8773" y="14311"/>
                    <a:pt x="8773" y="14361"/>
                  </a:cubicBezTo>
                  <a:cubicBezTo>
                    <a:pt x="8723" y="14461"/>
                    <a:pt x="8547" y="14587"/>
                    <a:pt x="8447" y="14587"/>
                  </a:cubicBezTo>
                  <a:cubicBezTo>
                    <a:pt x="8372" y="14587"/>
                    <a:pt x="8271" y="14536"/>
                    <a:pt x="8196" y="14536"/>
                  </a:cubicBezTo>
                  <a:cubicBezTo>
                    <a:pt x="8096" y="14536"/>
                    <a:pt x="7870" y="14587"/>
                    <a:pt x="7745" y="14637"/>
                  </a:cubicBezTo>
                  <a:cubicBezTo>
                    <a:pt x="7645" y="14762"/>
                    <a:pt x="7369" y="14988"/>
                    <a:pt x="7294" y="15138"/>
                  </a:cubicBezTo>
                  <a:cubicBezTo>
                    <a:pt x="7244" y="15263"/>
                    <a:pt x="7294" y="15539"/>
                    <a:pt x="7244" y="15714"/>
                  </a:cubicBezTo>
                  <a:cubicBezTo>
                    <a:pt x="7244" y="15890"/>
                    <a:pt x="7244" y="16266"/>
                    <a:pt x="7144" y="16441"/>
                  </a:cubicBezTo>
                  <a:cubicBezTo>
                    <a:pt x="7068" y="16491"/>
                    <a:pt x="6918" y="16567"/>
                    <a:pt x="6843" y="16617"/>
                  </a:cubicBezTo>
                  <a:cubicBezTo>
                    <a:pt x="6743" y="16717"/>
                    <a:pt x="6692" y="17018"/>
                    <a:pt x="6617" y="17118"/>
                  </a:cubicBezTo>
                  <a:cubicBezTo>
                    <a:pt x="6517" y="17243"/>
                    <a:pt x="6291" y="17469"/>
                    <a:pt x="6116" y="17469"/>
                  </a:cubicBezTo>
                  <a:cubicBezTo>
                    <a:pt x="5991" y="17519"/>
                    <a:pt x="5765" y="17394"/>
                    <a:pt x="5665" y="17344"/>
                  </a:cubicBezTo>
                  <a:cubicBezTo>
                    <a:pt x="5540" y="17293"/>
                    <a:pt x="5489" y="17068"/>
                    <a:pt x="5389" y="17018"/>
                  </a:cubicBezTo>
                  <a:cubicBezTo>
                    <a:pt x="5314" y="16943"/>
                    <a:pt x="5088" y="16892"/>
                    <a:pt x="5038" y="16943"/>
                  </a:cubicBezTo>
                  <a:cubicBezTo>
                    <a:pt x="4913" y="17018"/>
                    <a:pt x="4913" y="17293"/>
                    <a:pt x="4813" y="17344"/>
                  </a:cubicBezTo>
                  <a:cubicBezTo>
                    <a:pt x="4687" y="17394"/>
                    <a:pt x="4462" y="17394"/>
                    <a:pt x="4362" y="17344"/>
                  </a:cubicBezTo>
                  <a:cubicBezTo>
                    <a:pt x="4236" y="17293"/>
                    <a:pt x="4136" y="17018"/>
                    <a:pt x="4136" y="16892"/>
                  </a:cubicBezTo>
                  <a:cubicBezTo>
                    <a:pt x="4136" y="16792"/>
                    <a:pt x="4236" y="16667"/>
                    <a:pt x="4311" y="16567"/>
                  </a:cubicBezTo>
                  <a:cubicBezTo>
                    <a:pt x="4311" y="16441"/>
                    <a:pt x="4362" y="16166"/>
                    <a:pt x="4236" y="16040"/>
                  </a:cubicBezTo>
                  <a:cubicBezTo>
                    <a:pt x="4186" y="15940"/>
                    <a:pt x="3785" y="15940"/>
                    <a:pt x="3685" y="15940"/>
                  </a:cubicBezTo>
                  <a:cubicBezTo>
                    <a:pt x="3560" y="15940"/>
                    <a:pt x="3459" y="15990"/>
                    <a:pt x="3334" y="15990"/>
                  </a:cubicBezTo>
                  <a:cubicBezTo>
                    <a:pt x="3284" y="15990"/>
                    <a:pt x="3284" y="15990"/>
                    <a:pt x="3284" y="15940"/>
                  </a:cubicBezTo>
                  <a:cubicBezTo>
                    <a:pt x="3234" y="15890"/>
                    <a:pt x="3058" y="15714"/>
                    <a:pt x="2933" y="15664"/>
                  </a:cubicBezTo>
                  <a:cubicBezTo>
                    <a:pt x="2833" y="15589"/>
                    <a:pt x="2607" y="15589"/>
                    <a:pt x="2482" y="15589"/>
                  </a:cubicBezTo>
                  <a:cubicBezTo>
                    <a:pt x="2432" y="15664"/>
                    <a:pt x="2256" y="15714"/>
                    <a:pt x="2206" y="15815"/>
                  </a:cubicBezTo>
                  <a:cubicBezTo>
                    <a:pt x="2156" y="15890"/>
                    <a:pt x="2156" y="16115"/>
                    <a:pt x="2106" y="16216"/>
                  </a:cubicBezTo>
                  <a:cubicBezTo>
                    <a:pt x="2031" y="16266"/>
                    <a:pt x="1805" y="16441"/>
                    <a:pt x="1705" y="16441"/>
                  </a:cubicBezTo>
                  <a:cubicBezTo>
                    <a:pt x="1530" y="16391"/>
                    <a:pt x="1179" y="16115"/>
                    <a:pt x="1078" y="15940"/>
                  </a:cubicBezTo>
                  <a:cubicBezTo>
                    <a:pt x="1028" y="15890"/>
                    <a:pt x="903" y="15664"/>
                    <a:pt x="903" y="15539"/>
                  </a:cubicBezTo>
                  <a:cubicBezTo>
                    <a:pt x="853" y="15439"/>
                    <a:pt x="853" y="15213"/>
                    <a:pt x="803" y="15088"/>
                  </a:cubicBezTo>
                  <a:cubicBezTo>
                    <a:pt x="803" y="14912"/>
                    <a:pt x="728" y="14637"/>
                    <a:pt x="677" y="14536"/>
                  </a:cubicBezTo>
                  <a:cubicBezTo>
                    <a:pt x="627" y="14461"/>
                    <a:pt x="452" y="14361"/>
                    <a:pt x="402" y="14311"/>
                  </a:cubicBezTo>
                  <a:cubicBezTo>
                    <a:pt x="352" y="14186"/>
                    <a:pt x="276" y="14085"/>
                    <a:pt x="276" y="13960"/>
                  </a:cubicBezTo>
                  <a:cubicBezTo>
                    <a:pt x="226" y="13785"/>
                    <a:pt x="352" y="13509"/>
                    <a:pt x="452" y="13333"/>
                  </a:cubicBezTo>
                  <a:cubicBezTo>
                    <a:pt x="502" y="13233"/>
                    <a:pt x="677" y="13008"/>
                    <a:pt x="803" y="12882"/>
                  </a:cubicBezTo>
                  <a:cubicBezTo>
                    <a:pt x="853" y="12657"/>
                    <a:pt x="1028" y="12281"/>
                    <a:pt x="1129" y="12055"/>
                  </a:cubicBezTo>
                  <a:cubicBezTo>
                    <a:pt x="1179" y="11880"/>
                    <a:pt x="1354" y="11479"/>
                    <a:pt x="1404" y="11328"/>
                  </a:cubicBezTo>
                  <a:cubicBezTo>
                    <a:pt x="1404" y="11028"/>
                    <a:pt x="1354" y="10526"/>
                    <a:pt x="1354" y="10251"/>
                  </a:cubicBezTo>
                  <a:cubicBezTo>
                    <a:pt x="1354" y="10125"/>
                    <a:pt x="1479" y="9800"/>
                    <a:pt x="1404" y="9674"/>
                  </a:cubicBezTo>
                  <a:cubicBezTo>
                    <a:pt x="1304" y="9574"/>
                    <a:pt x="1028" y="9674"/>
                    <a:pt x="903" y="9624"/>
                  </a:cubicBezTo>
                  <a:cubicBezTo>
                    <a:pt x="853" y="9574"/>
                    <a:pt x="728" y="9399"/>
                    <a:pt x="728" y="9348"/>
                  </a:cubicBezTo>
                  <a:cubicBezTo>
                    <a:pt x="728" y="9223"/>
                    <a:pt x="853" y="9073"/>
                    <a:pt x="953" y="8998"/>
                  </a:cubicBezTo>
                  <a:cubicBezTo>
                    <a:pt x="1078" y="8897"/>
                    <a:pt x="1404" y="8897"/>
                    <a:pt x="1530" y="8897"/>
                  </a:cubicBezTo>
                  <a:cubicBezTo>
                    <a:pt x="1655" y="8897"/>
                    <a:pt x="1755" y="9073"/>
                    <a:pt x="1880" y="9073"/>
                  </a:cubicBezTo>
                  <a:cubicBezTo>
                    <a:pt x="1931" y="8998"/>
                    <a:pt x="1931" y="8847"/>
                    <a:pt x="1931" y="8722"/>
                  </a:cubicBezTo>
                  <a:cubicBezTo>
                    <a:pt x="1931" y="8672"/>
                    <a:pt x="1755" y="8546"/>
                    <a:pt x="1755" y="8446"/>
                  </a:cubicBezTo>
                  <a:cubicBezTo>
                    <a:pt x="1755" y="8396"/>
                    <a:pt x="1805" y="8221"/>
                    <a:pt x="1805" y="8095"/>
                  </a:cubicBezTo>
                  <a:cubicBezTo>
                    <a:pt x="1805" y="7995"/>
                    <a:pt x="1755" y="7820"/>
                    <a:pt x="1705" y="7719"/>
                  </a:cubicBezTo>
                  <a:cubicBezTo>
                    <a:pt x="1655" y="7594"/>
                    <a:pt x="1404" y="7419"/>
                    <a:pt x="1304" y="7419"/>
                  </a:cubicBezTo>
                  <a:cubicBezTo>
                    <a:pt x="1179" y="7369"/>
                    <a:pt x="903" y="7594"/>
                    <a:pt x="803" y="7544"/>
                  </a:cubicBezTo>
                  <a:cubicBezTo>
                    <a:pt x="728" y="7494"/>
                    <a:pt x="677" y="7318"/>
                    <a:pt x="677" y="7268"/>
                  </a:cubicBezTo>
                  <a:lnTo>
                    <a:pt x="677" y="7143"/>
                  </a:lnTo>
                  <a:cubicBezTo>
                    <a:pt x="728" y="7143"/>
                    <a:pt x="803" y="7193"/>
                    <a:pt x="803" y="7143"/>
                  </a:cubicBezTo>
                  <a:cubicBezTo>
                    <a:pt x="853" y="7143"/>
                    <a:pt x="903" y="7093"/>
                    <a:pt x="903" y="7043"/>
                  </a:cubicBezTo>
                  <a:cubicBezTo>
                    <a:pt x="903" y="6968"/>
                    <a:pt x="853" y="6917"/>
                    <a:pt x="853" y="6867"/>
                  </a:cubicBezTo>
                  <a:cubicBezTo>
                    <a:pt x="853" y="6742"/>
                    <a:pt x="903" y="6642"/>
                    <a:pt x="953" y="6516"/>
                  </a:cubicBezTo>
                  <a:cubicBezTo>
                    <a:pt x="1028" y="6466"/>
                    <a:pt x="1078" y="6416"/>
                    <a:pt x="1129" y="6366"/>
                  </a:cubicBezTo>
                  <a:lnTo>
                    <a:pt x="1129" y="6140"/>
                  </a:lnTo>
                  <a:cubicBezTo>
                    <a:pt x="1078" y="6090"/>
                    <a:pt x="1028" y="6015"/>
                    <a:pt x="953" y="6015"/>
                  </a:cubicBezTo>
                  <a:lnTo>
                    <a:pt x="853" y="5915"/>
                  </a:lnTo>
                  <a:cubicBezTo>
                    <a:pt x="728" y="5915"/>
                    <a:pt x="577" y="5965"/>
                    <a:pt x="452" y="5965"/>
                  </a:cubicBezTo>
                  <a:lnTo>
                    <a:pt x="276" y="5965"/>
                  </a:lnTo>
                  <a:cubicBezTo>
                    <a:pt x="226" y="5915"/>
                    <a:pt x="176" y="5790"/>
                    <a:pt x="126" y="5739"/>
                  </a:cubicBezTo>
                  <a:cubicBezTo>
                    <a:pt x="51" y="5689"/>
                    <a:pt x="1" y="5564"/>
                    <a:pt x="1" y="5514"/>
                  </a:cubicBezTo>
                  <a:cubicBezTo>
                    <a:pt x="1" y="5414"/>
                    <a:pt x="51" y="5238"/>
                    <a:pt x="126" y="5188"/>
                  </a:cubicBezTo>
                  <a:cubicBezTo>
                    <a:pt x="176" y="5188"/>
                    <a:pt x="276" y="5113"/>
                    <a:pt x="276" y="5063"/>
                  </a:cubicBezTo>
                  <a:cubicBezTo>
                    <a:pt x="352" y="5013"/>
                    <a:pt x="276" y="4837"/>
                    <a:pt x="276" y="4737"/>
                  </a:cubicBezTo>
                  <a:cubicBezTo>
                    <a:pt x="352" y="4662"/>
                    <a:pt x="402" y="4612"/>
                    <a:pt x="402" y="4561"/>
                  </a:cubicBezTo>
                  <a:cubicBezTo>
                    <a:pt x="452" y="4511"/>
                    <a:pt x="577" y="4436"/>
                    <a:pt x="577" y="4386"/>
                  </a:cubicBezTo>
                  <a:cubicBezTo>
                    <a:pt x="577" y="4336"/>
                    <a:pt x="452" y="4211"/>
                    <a:pt x="452" y="4160"/>
                  </a:cubicBezTo>
                  <a:lnTo>
                    <a:pt x="452" y="3985"/>
                  </a:lnTo>
                  <a:cubicBezTo>
                    <a:pt x="502" y="3935"/>
                    <a:pt x="627" y="3885"/>
                    <a:pt x="677" y="3835"/>
                  </a:cubicBezTo>
                  <a:cubicBezTo>
                    <a:pt x="728" y="3709"/>
                    <a:pt x="803" y="3534"/>
                    <a:pt x="803" y="3434"/>
                  </a:cubicBezTo>
                  <a:cubicBezTo>
                    <a:pt x="803" y="3384"/>
                    <a:pt x="728" y="3258"/>
                    <a:pt x="803" y="3208"/>
                  </a:cubicBezTo>
                  <a:cubicBezTo>
                    <a:pt x="853" y="3158"/>
                    <a:pt x="1028" y="3083"/>
                    <a:pt x="1129" y="3083"/>
                  </a:cubicBezTo>
                  <a:cubicBezTo>
                    <a:pt x="1179" y="3083"/>
                    <a:pt x="1354" y="3158"/>
                    <a:pt x="1404" y="3158"/>
                  </a:cubicBezTo>
                  <a:cubicBezTo>
                    <a:pt x="1479" y="3208"/>
                    <a:pt x="1580" y="3208"/>
                    <a:pt x="1655" y="3158"/>
                  </a:cubicBezTo>
                  <a:cubicBezTo>
                    <a:pt x="1705" y="3158"/>
                    <a:pt x="1755" y="3033"/>
                    <a:pt x="1805" y="2983"/>
                  </a:cubicBezTo>
                  <a:cubicBezTo>
                    <a:pt x="1880" y="2932"/>
                    <a:pt x="2031" y="2857"/>
                    <a:pt x="2106" y="2857"/>
                  </a:cubicBezTo>
                  <a:cubicBezTo>
                    <a:pt x="2156" y="2807"/>
                    <a:pt x="2332" y="2857"/>
                    <a:pt x="2382" y="2857"/>
                  </a:cubicBezTo>
                  <a:cubicBezTo>
                    <a:pt x="2432" y="2932"/>
                    <a:pt x="2482" y="2983"/>
                    <a:pt x="2482" y="3033"/>
                  </a:cubicBezTo>
                  <a:cubicBezTo>
                    <a:pt x="2557" y="3083"/>
                    <a:pt x="2607" y="3208"/>
                    <a:pt x="2657" y="3258"/>
                  </a:cubicBezTo>
                  <a:cubicBezTo>
                    <a:pt x="2707" y="3258"/>
                    <a:pt x="2833" y="3158"/>
                    <a:pt x="2883" y="3158"/>
                  </a:cubicBezTo>
                  <a:cubicBezTo>
                    <a:pt x="2933" y="3158"/>
                    <a:pt x="3058" y="3208"/>
                    <a:pt x="3058" y="3258"/>
                  </a:cubicBezTo>
                  <a:cubicBezTo>
                    <a:pt x="3108" y="3258"/>
                    <a:pt x="3234" y="3434"/>
                    <a:pt x="3234" y="3484"/>
                  </a:cubicBezTo>
                  <a:cubicBezTo>
                    <a:pt x="3234" y="3534"/>
                    <a:pt x="3058" y="3609"/>
                    <a:pt x="3058" y="3659"/>
                  </a:cubicBezTo>
                  <a:cubicBezTo>
                    <a:pt x="3008" y="3709"/>
                    <a:pt x="3008" y="3835"/>
                    <a:pt x="3008" y="3885"/>
                  </a:cubicBezTo>
                  <a:cubicBezTo>
                    <a:pt x="3058" y="3935"/>
                    <a:pt x="3284" y="3985"/>
                    <a:pt x="3334" y="4060"/>
                  </a:cubicBezTo>
                  <a:cubicBezTo>
                    <a:pt x="3459" y="4060"/>
                    <a:pt x="3635" y="3985"/>
                    <a:pt x="3685" y="3985"/>
                  </a:cubicBezTo>
                  <a:cubicBezTo>
                    <a:pt x="3860" y="4060"/>
                    <a:pt x="4136" y="4110"/>
                    <a:pt x="4236" y="4110"/>
                  </a:cubicBezTo>
                  <a:cubicBezTo>
                    <a:pt x="4311" y="4160"/>
                    <a:pt x="4412" y="4160"/>
                    <a:pt x="4462" y="4160"/>
                  </a:cubicBezTo>
                  <a:lnTo>
                    <a:pt x="4863" y="4160"/>
                  </a:lnTo>
                  <a:cubicBezTo>
                    <a:pt x="4988" y="4160"/>
                    <a:pt x="5214" y="4211"/>
                    <a:pt x="5264" y="4160"/>
                  </a:cubicBezTo>
                  <a:cubicBezTo>
                    <a:pt x="5389" y="4110"/>
                    <a:pt x="5540" y="3935"/>
                    <a:pt x="5615" y="3885"/>
                  </a:cubicBezTo>
                  <a:cubicBezTo>
                    <a:pt x="5665" y="3835"/>
                    <a:pt x="5715" y="3659"/>
                    <a:pt x="5765" y="3609"/>
                  </a:cubicBezTo>
                  <a:cubicBezTo>
                    <a:pt x="5765" y="3534"/>
                    <a:pt x="5890" y="3484"/>
                    <a:pt x="5890" y="3434"/>
                  </a:cubicBezTo>
                  <a:cubicBezTo>
                    <a:pt x="5941" y="3384"/>
                    <a:pt x="5941" y="3158"/>
                    <a:pt x="5941" y="3033"/>
                  </a:cubicBezTo>
                  <a:cubicBezTo>
                    <a:pt x="5991" y="2983"/>
                    <a:pt x="5941" y="2807"/>
                    <a:pt x="5941" y="2757"/>
                  </a:cubicBezTo>
                  <a:cubicBezTo>
                    <a:pt x="5991" y="2632"/>
                    <a:pt x="6066" y="2481"/>
                    <a:pt x="6116" y="2406"/>
                  </a:cubicBezTo>
                  <a:cubicBezTo>
                    <a:pt x="6116" y="2356"/>
                    <a:pt x="6166" y="2181"/>
                    <a:pt x="6216" y="2080"/>
                  </a:cubicBezTo>
                  <a:cubicBezTo>
                    <a:pt x="6291" y="2030"/>
                    <a:pt x="6442" y="2030"/>
                    <a:pt x="6567" y="1955"/>
                  </a:cubicBezTo>
                  <a:cubicBezTo>
                    <a:pt x="6617" y="1905"/>
                    <a:pt x="6617" y="1729"/>
                    <a:pt x="6692" y="1679"/>
                  </a:cubicBezTo>
                  <a:cubicBezTo>
                    <a:pt x="6743" y="1679"/>
                    <a:pt x="6843" y="1729"/>
                    <a:pt x="6918" y="1729"/>
                  </a:cubicBezTo>
                  <a:cubicBezTo>
                    <a:pt x="7018" y="1729"/>
                    <a:pt x="7194" y="1629"/>
                    <a:pt x="7244" y="1579"/>
                  </a:cubicBezTo>
                  <a:cubicBezTo>
                    <a:pt x="7369" y="1504"/>
                    <a:pt x="7469" y="1404"/>
                    <a:pt x="7520" y="1404"/>
                  </a:cubicBezTo>
                  <a:cubicBezTo>
                    <a:pt x="7645" y="1353"/>
                    <a:pt x="7820" y="1404"/>
                    <a:pt x="7921" y="1404"/>
                  </a:cubicBezTo>
                  <a:cubicBezTo>
                    <a:pt x="7971" y="1404"/>
                    <a:pt x="8146" y="1353"/>
                    <a:pt x="8196" y="1353"/>
                  </a:cubicBezTo>
                  <a:cubicBezTo>
                    <a:pt x="8271" y="1404"/>
                    <a:pt x="8372" y="1454"/>
                    <a:pt x="8372" y="1504"/>
                  </a:cubicBezTo>
                  <a:cubicBezTo>
                    <a:pt x="8447" y="1504"/>
                    <a:pt x="8497" y="1579"/>
                    <a:pt x="8547" y="1579"/>
                  </a:cubicBezTo>
                  <a:cubicBezTo>
                    <a:pt x="8597" y="1629"/>
                    <a:pt x="8672" y="1454"/>
                    <a:pt x="8773" y="1454"/>
                  </a:cubicBezTo>
                  <a:cubicBezTo>
                    <a:pt x="8823" y="1454"/>
                    <a:pt x="8948" y="1454"/>
                    <a:pt x="8998" y="1404"/>
                  </a:cubicBezTo>
                  <a:cubicBezTo>
                    <a:pt x="9048" y="1404"/>
                    <a:pt x="9124" y="1178"/>
                    <a:pt x="9224" y="1128"/>
                  </a:cubicBezTo>
                  <a:cubicBezTo>
                    <a:pt x="9224" y="1128"/>
                    <a:pt x="9349" y="1053"/>
                    <a:pt x="9399" y="1053"/>
                  </a:cubicBezTo>
                  <a:cubicBezTo>
                    <a:pt x="9449" y="1128"/>
                    <a:pt x="9499" y="1228"/>
                    <a:pt x="9499" y="1228"/>
                  </a:cubicBezTo>
                  <a:cubicBezTo>
                    <a:pt x="9625" y="1278"/>
                    <a:pt x="9800" y="1353"/>
                    <a:pt x="9850" y="1353"/>
                  </a:cubicBezTo>
                  <a:cubicBezTo>
                    <a:pt x="9951" y="1353"/>
                    <a:pt x="10076" y="1228"/>
                    <a:pt x="10126" y="1228"/>
                  </a:cubicBezTo>
                  <a:cubicBezTo>
                    <a:pt x="10251" y="1228"/>
                    <a:pt x="10427" y="1178"/>
                    <a:pt x="10527" y="1178"/>
                  </a:cubicBezTo>
                  <a:cubicBezTo>
                    <a:pt x="10577" y="1228"/>
                    <a:pt x="10753" y="1278"/>
                    <a:pt x="10803" y="1278"/>
                  </a:cubicBezTo>
                  <a:cubicBezTo>
                    <a:pt x="10928" y="1353"/>
                    <a:pt x="11104" y="1454"/>
                    <a:pt x="11204" y="1454"/>
                  </a:cubicBezTo>
                  <a:cubicBezTo>
                    <a:pt x="11254" y="1454"/>
                    <a:pt x="11379" y="1404"/>
                    <a:pt x="11429" y="1404"/>
                  </a:cubicBezTo>
                  <a:lnTo>
                    <a:pt x="11730" y="1404"/>
                  </a:lnTo>
                  <a:cubicBezTo>
                    <a:pt x="11880" y="1404"/>
                    <a:pt x="12106" y="1353"/>
                    <a:pt x="12231" y="1278"/>
                  </a:cubicBezTo>
                  <a:cubicBezTo>
                    <a:pt x="12332" y="1228"/>
                    <a:pt x="12457" y="1053"/>
                    <a:pt x="12507" y="1003"/>
                  </a:cubicBezTo>
                  <a:cubicBezTo>
                    <a:pt x="12632" y="952"/>
                    <a:pt x="12783" y="902"/>
                    <a:pt x="12858" y="827"/>
                  </a:cubicBezTo>
                  <a:cubicBezTo>
                    <a:pt x="12958" y="727"/>
                    <a:pt x="13083" y="602"/>
                    <a:pt x="13184" y="551"/>
                  </a:cubicBezTo>
                  <a:cubicBezTo>
                    <a:pt x="13309" y="501"/>
                    <a:pt x="13484" y="501"/>
                    <a:pt x="13585" y="501"/>
                  </a:cubicBezTo>
                  <a:lnTo>
                    <a:pt x="13936" y="501"/>
                  </a:lnTo>
                  <a:cubicBezTo>
                    <a:pt x="13986" y="451"/>
                    <a:pt x="14086" y="276"/>
                    <a:pt x="14161" y="276"/>
                  </a:cubicBezTo>
                  <a:cubicBezTo>
                    <a:pt x="14261" y="226"/>
                    <a:pt x="14487" y="276"/>
                    <a:pt x="14537" y="276"/>
                  </a:cubicBezTo>
                  <a:cubicBezTo>
                    <a:pt x="14612" y="226"/>
                    <a:pt x="14713" y="100"/>
                    <a:pt x="14763" y="50"/>
                  </a:cubicBezTo>
                  <a:cubicBezTo>
                    <a:pt x="14838" y="50"/>
                    <a:pt x="15063" y="0"/>
                    <a:pt x="15164" y="0"/>
                  </a:cubicBezTo>
                  <a:cubicBezTo>
                    <a:pt x="15239" y="50"/>
                    <a:pt x="15389" y="100"/>
                    <a:pt x="15464" y="175"/>
                  </a:cubicBezTo>
                  <a:cubicBezTo>
                    <a:pt x="15515" y="226"/>
                    <a:pt x="15565" y="401"/>
                    <a:pt x="15565" y="451"/>
                  </a:cubicBezTo>
                  <a:cubicBezTo>
                    <a:pt x="15515" y="501"/>
                    <a:pt x="15464" y="551"/>
                    <a:pt x="15389" y="551"/>
                  </a:cubicBezTo>
                  <a:lnTo>
                    <a:pt x="15389" y="827"/>
                  </a:lnTo>
                  <a:cubicBezTo>
                    <a:pt x="15339" y="902"/>
                    <a:pt x="15164" y="952"/>
                    <a:pt x="15063" y="952"/>
                  </a:cubicBezTo>
                  <a:cubicBezTo>
                    <a:pt x="14988" y="952"/>
                    <a:pt x="14938" y="827"/>
                    <a:pt x="14888" y="827"/>
                  </a:cubicBezTo>
                  <a:cubicBezTo>
                    <a:pt x="14838" y="827"/>
                    <a:pt x="14713" y="902"/>
                    <a:pt x="14662" y="902"/>
                  </a:cubicBezTo>
                  <a:cubicBezTo>
                    <a:pt x="14612" y="952"/>
                    <a:pt x="14537" y="1053"/>
                    <a:pt x="14537" y="1128"/>
                  </a:cubicBezTo>
                  <a:cubicBezTo>
                    <a:pt x="14487" y="1178"/>
                    <a:pt x="14437" y="1228"/>
                    <a:pt x="14437" y="1278"/>
                  </a:cubicBezTo>
                  <a:lnTo>
                    <a:pt x="14437" y="1504"/>
                  </a:lnTo>
                  <a:cubicBezTo>
                    <a:pt x="14487" y="1579"/>
                    <a:pt x="14662" y="1579"/>
                    <a:pt x="14662" y="1629"/>
                  </a:cubicBezTo>
                  <a:cubicBezTo>
                    <a:pt x="14713" y="1679"/>
                    <a:pt x="14713" y="1805"/>
                    <a:pt x="14713" y="1855"/>
                  </a:cubicBezTo>
                  <a:cubicBezTo>
                    <a:pt x="14713" y="1905"/>
                    <a:pt x="14662" y="2030"/>
                    <a:pt x="14662" y="2080"/>
                  </a:cubicBezTo>
                  <a:cubicBezTo>
                    <a:pt x="14662" y="2130"/>
                    <a:pt x="14662" y="2181"/>
                    <a:pt x="14713" y="2256"/>
                  </a:cubicBezTo>
                  <a:lnTo>
                    <a:pt x="14888" y="2256"/>
                  </a:lnTo>
                  <a:cubicBezTo>
                    <a:pt x="14938" y="2306"/>
                    <a:pt x="14988" y="2356"/>
                    <a:pt x="15063" y="2406"/>
                  </a:cubicBezTo>
                  <a:cubicBezTo>
                    <a:pt x="15114" y="2406"/>
                    <a:pt x="15164" y="2531"/>
                    <a:pt x="15239" y="2531"/>
                  </a:cubicBezTo>
                  <a:cubicBezTo>
                    <a:pt x="15289" y="2531"/>
                    <a:pt x="15389" y="2406"/>
                    <a:pt x="15464" y="2406"/>
                  </a:cubicBezTo>
                  <a:cubicBezTo>
                    <a:pt x="15515" y="2356"/>
                    <a:pt x="15690" y="2406"/>
                    <a:pt x="15740" y="2406"/>
                  </a:cubicBezTo>
                  <a:cubicBezTo>
                    <a:pt x="15740" y="2481"/>
                    <a:pt x="15740" y="2582"/>
                    <a:pt x="15790" y="2582"/>
                  </a:cubicBezTo>
                  <a:cubicBezTo>
                    <a:pt x="15840" y="2632"/>
                    <a:pt x="15966" y="2582"/>
                    <a:pt x="15966" y="2632"/>
                  </a:cubicBezTo>
                  <a:cubicBezTo>
                    <a:pt x="16016" y="2707"/>
                    <a:pt x="15966" y="2857"/>
                    <a:pt x="15966" y="2932"/>
                  </a:cubicBezTo>
                  <a:cubicBezTo>
                    <a:pt x="15966" y="3033"/>
                    <a:pt x="15840" y="3158"/>
                    <a:pt x="15840" y="3208"/>
                  </a:cubicBezTo>
                  <a:cubicBezTo>
                    <a:pt x="15790" y="3258"/>
                    <a:pt x="15790" y="3434"/>
                    <a:pt x="15790" y="3484"/>
                  </a:cubicBezTo>
                  <a:cubicBezTo>
                    <a:pt x="15840" y="3609"/>
                    <a:pt x="15916" y="3709"/>
                    <a:pt x="16016" y="3759"/>
                  </a:cubicBezTo>
                  <a:lnTo>
                    <a:pt x="16241" y="3759"/>
                  </a:lnTo>
                  <a:cubicBezTo>
                    <a:pt x="16367" y="3759"/>
                    <a:pt x="16517" y="3835"/>
                    <a:pt x="16642" y="3935"/>
                  </a:cubicBezTo>
                  <a:cubicBezTo>
                    <a:pt x="16693" y="3985"/>
                    <a:pt x="16768" y="4160"/>
                    <a:pt x="16818" y="4286"/>
                  </a:cubicBezTo>
                  <a:cubicBezTo>
                    <a:pt x="16868" y="4286"/>
                    <a:pt x="16918" y="4336"/>
                    <a:pt x="16993" y="4386"/>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131" name="Google Shape;188;p16">
              <a:extLst>
                <a:ext uri="{FF2B5EF4-FFF2-40B4-BE49-F238E27FC236}">
                  <a16:creationId xmlns:a16="http://schemas.microsoft.com/office/drawing/2014/main" id="{C5B1A8D5-1DD5-6E1F-94B2-DD7A5BC0487E}"/>
                </a:ext>
              </a:extLst>
            </p:cNvPr>
            <p:cNvSpPr/>
            <p:nvPr/>
          </p:nvSpPr>
          <p:spPr>
            <a:xfrm>
              <a:off x="2170600" y="1033009"/>
              <a:ext cx="474303" cy="488955"/>
            </a:xfrm>
            <a:custGeom>
              <a:avLst/>
              <a:gdLst/>
              <a:ahLst/>
              <a:cxnLst/>
              <a:rect l="l" t="t" r="r" b="b"/>
              <a:pathLst>
                <a:path w="16994" h="17519" fill="none" extrusionOk="0">
                  <a:moveTo>
                    <a:pt x="16993" y="4386"/>
                  </a:moveTo>
                  <a:cubicBezTo>
                    <a:pt x="16868" y="4511"/>
                    <a:pt x="16642" y="4612"/>
                    <a:pt x="16642" y="4737"/>
                  </a:cubicBezTo>
                  <a:cubicBezTo>
                    <a:pt x="16517" y="4887"/>
                    <a:pt x="16592" y="5338"/>
                    <a:pt x="16417" y="5464"/>
                  </a:cubicBezTo>
                  <a:cubicBezTo>
                    <a:pt x="16367" y="5564"/>
                    <a:pt x="16016" y="5464"/>
                    <a:pt x="15916" y="5514"/>
                  </a:cubicBezTo>
                  <a:cubicBezTo>
                    <a:pt x="15790" y="5564"/>
                    <a:pt x="15565" y="5739"/>
                    <a:pt x="15464" y="5790"/>
                  </a:cubicBezTo>
                  <a:cubicBezTo>
                    <a:pt x="15339" y="5790"/>
                    <a:pt x="15063" y="5739"/>
                    <a:pt x="14938" y="5689"/>
                  </a:cubicBezTo>
                  <a:cubicBezTo>
                    <a:pt x="14763" y="5639"/>
                    <a:pt x="14612" y="5338"/>
                    <a:pt x="14437" y="5288"/>
                  </a:cubicBezTo>
                  <a:cubicBezTo>
                    <a:pt x="14312" y="5238"/>
                    <a:pt x="13986" y="5338"/>
                    <a:pt x="13860" y="5414"/>
                  </a:cubicBezTo>
                  <a:cubicBezTo>
                    <a:pt x="13810" y="5514"/>
                    <a:pt x="13760" y="5739"/>
                    <a:pt x="13710" y="5865"/>
                  </a:cubicBezTo>
                  <a:cubicBezTo>
                    <a:pt x="13635" y="6015"/>
                    <a:pt x="13760" y="6416"/>
                    <a:pt x="13635" y="6516"/>
                  </a:cubicBezTo>
                  <a:cubicBezTo>
                    <a:pt x="13585" y="6642"/>
                    <a:pt x="13309" y="6692"/>
                    <a:pt x="13184" y="6692"/>
                  </a:cubicBezTo>
                  <a:cubicBezTo>
                    <a:pt x="13083" y="6742"/>
                    <a:pt x="12858" y="6642"/>
                    <a:pt x="12733" y="6642"/>
                  </a:cubicBezTo>
                  <a:cubicBezTo>
                    <a:pt x="12557" y="6642"/>
                    <a:pt x="12181" y="6692"/>
                    <a:pt x="12056" y="6817"/>
                  </a:cubicBezTo>
                  <a:cubicBezTo>
                    <a:pt x="12006" y="6867"/>
                    <a:pt x="11956" y="7043"/>
                    <a:pt x="12006" y="7093"/>
                  </a:cubicBezTo>
                  <a:cubicBezTo>
                    <a:pt x="12006" y="7193"/>
                    <a:pt x="12281" y="7268"/>
                    <a:pt x="12332" y="7318"/>
                  </a:cubicBezTo>
                  <a:cubicBezTo>
                    <a:pt x="12407" y="7369"/>
                    <a:pt x="12507" y="7544"/>
                    <a:pt x="12507" y="7644"/>
                  </a:cubicBezTo>
                  <a:cubicBezTo>
                    <a:pt x="12507" y="7820"/>
                    <a:pt x="12332" y="8045"/>
                    <a:pt x="12231" y="8171"/>
                  </a:cubicBezTo>
                  <a:cubicBezTo>
                    <a:pt x="12181" y="8271"/>
                    <a:pt x="11880" y="8396"/>
                    <a:pt x="11830" y="8496"/>
                  </a:cubicBezTo>
                  <a:cubicBezTo>
                    <a:pt x="11780" y="8622"/>
                    <a:pt x="11655" y="8947"/>
                    <a:pt x="11730" y="9073"/>
                  </a:cubicBezTo>
                  <a:cubicBezTo>
                    <a:pt x="11730" y="9173"/>
                    <a:pt x="11880" y="9399"/>
                    <a:pt x="11956" y="9449"/>
                  </a:cubicBezTo>
                  <a:cubicBezTo>
                    <a:pt x="12056" y="9574"/>
                    <a:pt x="12407" y="9674"/>
                    <a:pt x="12557" y="9800"/>
                  </a:cubicBezTo>
                  <a:cubicBezTo>
                    <a:pt x="12682" y="9900"/>
                    <a:pt x="12958" y="10075"/>
                    <a:pt x="13083" y="10251"/>
                  </a:cubicBezTo>
                  <a:cubicBezTo>
                    <a:pt x="13134" y="10351"/>
                    <a:pt x="13134" y="10702"/>
                    <a:pt x="13083" y="10802"/>
                  </a:cubicBezTo>
                  <a:cubicBezTo>
                    <a:pt x="13083" y="10978"/>
                    <a:pt x="12908" y="11253"/>
                    <a:pt x="12858" y="11379"/>
                  </a:cubicBezTo>
                  <a:cubicBezTo>
                    <a:pt x="12783" y="11554"/>
                    <a:pt x="12682" y="11930"/>
                    <a:pt x="12507" y="12005"/>
                  </a:cubicBezTo>
                  <a:cubicBezTo>
                    <a:pt x="12407" y="12055"/>
                    <a:pt x="12231" y="12005"/>
                    <a:pt x="12181" y="12005"/>
                  </a:cubicBezTo>
                  <a:cubicBezTo>
                    <a:pt x="11956" y="12005"/>
                    <a:pt x="11605" y="12005"/>
                    <a:pt x="11429" y="12055"/>
                  </a:cubicBezTo>
                  <a:cubicBezTo>
                    <a:pt x="11329" y="12105"/>
                    <a:pt x="11204" y="12206"/>
                    <a:pt x="11154" y="12331"/>
                  </a:cubicBezTo>
                  <a:cubicBezTo>
                    <a:pt x="11104" y="12431"/>
                    <a:pt x="11154" y="12657"/>
                    <a:pt x="11154" y="12782"/>
                  </a:cubicBezTo>
                  <a:cubicBezTo>
                    <a:pt x="11104" y="12882"/>
                    <a:pt x="11104" y="13108"/>
                    <a:pt x="11104" y="13233"/>
                  </a:cubicBezTo>
                  <a:cubicBezTo>
                    <a:pt x="10978" y="13409"/>
                    <a:pt x="10753" y="13684"/>
                    <a:pt x="10652" y="13785"/>
                  </a:cubicBezTo>
                  <a:cubicBezTo>
                    <a:pt x="10527" y="13910"/>
                    <a:pt x="10302" y="14135"/>
                    <a:pt x="10126" y="14135"/>
                  </a:cubicBezTo>
                  <a:cubicBezTo>
                    <a:pt x="10076" y="14085"/>
                    <a:pt x="9900" y="13960"/>
                    <a:pt x="9850" y="13860"/>
                  </a:cubicBezTo>
                  <a:cubicBezTo>
                    <a:pt x="9800" y="13785"/>
                    <a:pt x="9800" y="13559"/>
                    <a:pt x="9725" y="13459"/>
                  </a:cubicBezTo>
                  <a:cubicBezTo>
                    <a:pt x="9675" y="13409"/>
                    <a:pt x="9499" y="13283"/>
                    <a:pt x="9399" y="13233"/>
                  </a:cubicBezTo>
                  <a:cubicBezTo>
                    <a:pt x="9274" y="13233"/>
                    <a:pt x="8998" y="13233"/>
                    <a:pt x="8898" y="13283"/>
                  </a:cubicBezTo>
                  <a:cubicBezTo>
                    <a:pt x="8723" y="13333"/>
                    <a:pt x="8447" y="13509"/>
                    <a:pt x="8372" y="13684"/>
                  </a:cubicBezTo>
                  <a:cubicBezTo>
                    <a:pt x="8372" y="13785"/>
                    <a:pt x="8372" y="13960"/>
                    <a:pt x="8447" y="14010"/>
                  </a:cubicBezTo>
                  <a:cubicBezTo>
                    <a:pt x="8497" y="14085"/>
                    <a:pt x="8723" y="13960"/>
                    <a:pt x="8773" y="14010"/>
                  </a:cubicBezTo>
                  <a:cubicBezTo>
                    <a:pt x="8823" y="14135"/>
                    <a:pt x="8773" y="14311"/>
                    <a:pt x="8773" y="14361"/>
                  </a:cubicBezTo>
                  <a:cubicBezTo>
                    <a:pt x="8723" y="14461"/>
                    <a:pt x="8547" y="14587"/>
                    <a:pt x="8447" y="14587"/>
                  </a:cubicBezTo>
                  <a:cubicBezTo>
                    <a:pt x="8372" y="14587"/>
                    <a:pt x="8271" y="14536"/>
                    <a:pt x="8196" y="14536"/>
                  </a:cubicBezTo>
                  <a:cubicBezTo>
                    <a:pt x="8096" y="14536"/>
                    <a:pt x="7870" y="14587"/>
                    <a:pt x="7745" y="14637"/>
                  </a:cubicBezTo>
                  <a:cubicBezTo>
                    <a:pt x="7645" y="14762"/>
                    <a:pt x="7369" y="14988"/>
                    <a:pt x="7294" y="15138"/>
                  </a:cubicBezTo>
                  <a:cubicBezTo>
                    <a:pt x="7244" y="15263"/>
                    <a:pt x="7294" y="15539"/>
                    <a:pt x="7244" y="15714"/>
                  </a:cubicBezTo>
                  <a:cubicBezTo>
                    <a:pt x="7244" y="15890"/>
                    <a:pt x="7244" y="16266"/>
                    <a:pt x="7144" y="16441"/>
                  </a:cubicBezTo>
                  <a:cubicBezTo>
                    <a:pt x="7068" y="16491"/>
                    <a:pt x="6918" y="16567"/>
                    <a:pt x="6843" y="16617"/>
                  </a:cubicBezTo>
                  <a:cubicBezTo>
                    <a:pt x="6743" y="16717"/>
                    <a:pt x="6692" y="17018"/>
                    <a:pt x="6617" y="17118"/>
                  </a:cubicBezTo>
                  <a:cubicBezTo>
                    <a:pt x="6517" y="17243"/>
                    <a:pt x="6291" y="17469"/>
                    <a:pt x="6116" y="17469"/>
                  </a:cubicBezTo>
                  <a:cubicBezTo>
                    <a:pt x="5991" y="17519"/>
                    <a:pt x="5765" y="17394"/>
                    <a:pt x="5665" y="17344"/>
                  </a:cubicBezTo>
                  <a:cubicBezTo>
                    <a:pt x="5540" y="17293"/>
                    <a:pt x="5489" y="17068"/>
                    <a:pt x="5389" y="17018"/>
                  </a:cubicBezTo>
                  <a:cubicBezTo>
                    <a:pt x="5314" y="16943"/>
                    <a:pt x="5088" y="16892"/>
                    <a:pt x="5038" y="16943"/>
                  </a:cubicBezTo>
                  <a:cubicBezTo>
                    <a:pt x="4913" y="17018"/>
                    <a:pt x="4913" y="17293"/>
                    <a:pt x="4813" y="17344"/>
                  </a:cubicBezTo>
                  <a:cubicBezTo>
                    <a:pt x="4687" y="17394"/>
                    <a:pt x="4462" y="17394"/>
                    <a:pt x="4362" y="17344"/>
                  </a:cubicBezTo>
                  <a:cubicBezTo>
                    <a:pt x="4236" y="17293"/>
                    <a:pt x="4136" y="17018"/>
                    <a:pt x="4136" y="16892"/>
                  </a:cubicBezTo>
                  <a:cubicBezTo>
                    <a:pt x="4136" y="16792"/>
                    <a:pt x="4236" y="16667"/>
                    <a:pt x="4311" y="16567"/>
                  </a:cubicBezTo>
                  <a:cubicBezTo>
                    <a:pt x="4311" y="16441"/>
                    <a:pt x="4362" y="16166"/>
                    <a:pt x="4236" y="16040"/>
                  </a:cubicBezTo>
                  <a:cubicBezTo>
                    <a:pt x="4186" y="15940"/>
                    <a:pt x="3785" y="15940"/>
                    <a:pt x="3685" y="15940"/>
                  </a:cubicBezTo>
                  <a:cubicBezTo>
                    <a:pt x="3560" y="15940"/>
                    <a:pt x="3459" y="15990"/>
                    <a:pt x="3334" y="15990"/>
                  </a:cubicBezTo>
                  <a:cubicBezTo>
                    <a:pt x="3284" y="15990"/>
                    <a:pt x="3284" y="15990"/>
                    <a:pt x="3284" y="15940"/>
                  </a:cubicBezTo>
                  <a:cubicBezTo>
                    <a:pt x="3234" y="15890"/>
                    <a:pt x="3058" y="15714"/>
                    <a:pt x="2933" y="15664"/>
                  </a:cubicBezTo>
                  <a:cubicBezTo>
                    <a:pt x="2833" y="15589"/>
                    <a:pt x="2607" y="15589"/>
                    <a:pt x="2482" y="15589"/>
                  </a:cubicBezTo>
                  <a:cubicBezTo>
                    <a:pt x="2432" y="15664"/>
                    <a:pt x="2256" y="15714"/>
                    <a:pt x="2206" y="15815"/>
                  </a:cubicBezTo>
                  <a:cubicBezTo>
                    <a:pt x="2156" y="15890"/>
                    <a:pt x="2156" y="16115"/>
                    <a:pt x="2106" y="16216"/>
                  </a:cubicBezTo>
                  <a:cubicBezTo>
                    <a:pt x="2031" y="16266"/>
                    <a:pt x="1805" y="16441"/>
                    <a:pt x="1705" y="16441"/>
                  </a:cubicBezTo>
                  <a:cubicBezTo>
                    <a:pt x="1530" y="16391"/>
                    <a:pt x="1179" y="16115"/>
                    <a:pt x="1078" y="15940"/>
                  </a:cubicBezTo>
                  <a:cubicBezTo>
                    <a:pt x="1028" y="15890"/>
                    <a:pt x="903" y="15664"/>
                    <a:pt x="903" y="15539"/>
                  </a:cubicBezTo>
                  <a:cubicBezTo>
                    <a:pt x="853" y="15439"/>
                    <a:pt x="853" y="15213"/>
                    <a:pt x="803" y="15088"/>
                  </a:cubicBezTo>
                  <a:cubicBezTo>
                    <a:pt x="803" y="14912"/>
                    <a:pt x="728" y="14637"/>
                    <a:pt x="677" y="14536"/>
                  </a:cubicBezTo>
                  <a:cubicBezTo>
                    <a:pt x="627" y="14461"/>
                    <a:pt x="452" y="14361"/>
                    <a:pt x="402" y="14311"/>
                  </a:cubicBezTo>
                  <a:cubicBezTo>
                    <a:pt x="352" y="14186"/>
                    <a:pt x="276" y="14085"/>
                    <a:pt x="276" y="13960"/>
                  </a:cubicBezTo>
                  <a:cubicBezTo>
                    <a:pt x="226" y="13785"/>
                    <a:pt x="352" y="13509"/>
                    <a:pt x="452" y="13333"/>
                  </a:cubicBezTo>
                  <a:cubicBezTo>
                    <a:pt x="502" y="13233"/>
                    <a:pt x="677" y="13008"/>
                    <a:pt x="803" y="12882"/>
                  </a:cubicBezTo>
                  <a:cubicBezTo>
                    <a:pt x="853" y="12657"/>
                    <a:pt x="1028" y="12281"/>
                    <a:pt x="1129" y="12055"/>
                  </a:cubicBezTo>
                  <a:cubicBezTo>
                    <a:pt x="1179" y="11880"/>
                    <a:pt x="1354" y="11479"/>
                    <a:pt x="1404" y="11328"/>
                  </a:cubicBezTo>
                  <a:cubicBezTo>
                    <a:pt x="1404" y="11028"/>
                    <a:pt x="1354" y="10526"/>
                    <a:pt x="1354" y="10251"/>
                  </a:cubicBezTo>
                  <a:cubicBezTo>
                    <a:pt x="1354" y="10125"/>
                    <a:pt x="1479" y="9800"/>
                    <a:pt x="1404" y="9674"/>
                  </a:cubicBezTo>
                  <a:cubicBezTo>
                    <a:pt x="1304" y="9574"/>
                    <a:pt x="1028" y="9674"/>
                    <a:pt x="903" y="9624"/>
                  </a:cubicBezTo>
                  <a:cubicBezTo>
                    <a:pt x="853" y="9574"/>
                    <a:pt x="728" y="9399"/>
                    <a:pt x="728" y="9348"/>
                  </a:cubicBezTo>
                  <a:cubicBezTo>
                    <a:pt x="728" y="9223"/>
                    <a:pt x="853" y="9073"/>
                    <a:pt x="953" y="8998"/>
                  </a:cubicBezTo>
                  <a:cubicBezTo>
                    <a:pt x="1078" y="8897"/>
                    <a:pt x="1404" y="8897"/>
                    <a:pt x="1530" y="8897"/>
                  </a:cubicBezTo>
                  <a:cubicBezTo>
                    <a:pt x="1655" y="8897"/>
                    <a:pt x="1755" y="9073"/>
                    <a:pt x="1880" y="9073"/>
                  </a:cubicBezTo>
                  <a:cubicBezTo>
                    <a:pt x="1931" y="8998"/>
                    <a:pt x="1931" y="8847"/>
                    <a:pt x="1931" y="8722"/>
                  </a:cubicBezTo>
                  <a:cubicBezTo>
                    <a:pt x="1931" y="8672"/>
                    <a:pt x="1755" y="8546"/>
                    <a:pt x="1755" y="8446"/>
                  </a:cubicBezTo>
                  <a:cubicBezTo>
                    <a:pt x="1755" y="8396"/>
                    <a:pt x="1805" y="8221"/>
                    <a:pt x="1805" y="8095"/>
                  </a:cubicBezTo>
                  <a:cubicBezTo>
                    <a:pt x="1805" y="7995"/>
                    <a:pt x="1755" y="7820"/>
                    <a:pt x="1705" y="7719"/>
                  </a:cubicBezTo>
                  <a:cubicBezTo>
                    <a:pt x="1655" y="7594"/>
                    <a:pt x="1404" y="7419"/>
                    <a:pt x="1304" y="7419"/>
                  </a:cubicBezTo>
                  <a:cubicBezTo>
                    <a:pt x="1179" y="7369"/>
                    <a:pt x="903" y="7594"/>
                    <a:pt x="803" y="7544"/>
                  </a:cubicBezTo>
                  <a:cubicBezTo>
                    <a:pt x="728" y="7494"/>
                    <a:pt x="677" y="7318"/>
                    <a:pt x="677" y="7268"/>
                  </a:cubicBezTo>
                  <a:lnTo>
                    <a:pt x="677" y="7143"/>
                  </a:lnTo>
                  <a:cubicBezTo>
                    <a:pt x="728" y="7143"/>
                    <a:pt x="803" y="7193"/>
                    <a:pt x="803" y="7143"/>
                  </a:cubicBezTo>
                  <a:cubicBezTo>
                    <a:pt x="853" y="7143"/>
                    <a:pt x="903" y="7093"/>
                    <a:pt x="903" y="7043"/>
                  </a:cubicBezTo>
                  <a:cubicBezTo>
                    <a:pt x="903" y="6968"/>
                    <a:pt x="853" y="6917"/>
                    <a:pt x="853" y="6867"/>
                  </a:cubicBezTo>
                  <a:cubicBezTo>
                    <a:pt x="853" y="6742"/>
                    <a:pt x="903" y="6642"/>
                    <a:pt x="953" y="6516"/>
                  </a:cubicBezTo>
                  <a:cubicBezTo>
                    <a:pt x="1028" y="6466"/>
                    <a:pt x="1078" y="6416"/>
                    <a:pt x="1129" y="6366"/>
                  </a:cubicBezTo>
                  <a:lnTo>
                    <a:pt x="1129" y="6140"/>
                  </a:lnTo>
                  <a:cubicBezTo>
                    <a:pt x="1078" y="6090"/>
                    <a:pt x="1028" y="6015"/>
                    <a:pt x="953" y="6015"/>
                  </a:cubicBezTo>
                  <a:lnTo>
                    <a:pt x="853" y="5915"/>
                  </a:lnTo>
                  <a:cubicBezTo>
                    <a:pt x="728" y="5915"/>
                    <a:pt x="577" y="5965"/>
                    <a:pt x="452" y="5965"/>
                  </a:cubicBezTo>
                  <a:lnTo>
                    <a:pt x="276" y="5965"/>
                  </a:lnTo>
                  <a:cubicBezTo>
                    <a:pt x="226" y="5915"/>
                    <a:pt x="176" y="5790"/>
                    <a:pt x="126" y="5739"/>
                  </a:cubicBezTo>
                  <a:cubicBezTo>
                    <a:pt x="51" y="5689"/>
                    <a:pt x="1" y="5564"/>
                    <a:pt x="1" y="5514"/>
                  </a:cubicBezTo>
                  <a:cubicBezTo>
                    <a:pt x="1" y="5414"/>
                    <a:pt x="51" y="5238"/>
                    <a:pt x="126" y="5188"/>
                  </a:cubicBezTo>
                  <a:cubicBezTo>
                    <a:pt x="176" y="5188"/>
                    <a:pt x="276" y="5113"/>
                    <a:pt x="276" y="5063"/>
                  </a:cubicBezTo>
                  <a:cubicBezTo>
                    <a:pt x="352" y="5013"/>
                    <a:pt x="276" y="4837"/>
                    <a:pt x="276" y="4737"/>
                  </a:cubicBezTo>
                  <a:cubicBezTo>
                    <a:pt x="352" y="4662"/>
                    <a:pt x="402" y="4612"/>
                    <a:pt x="402" y="4561"/>
                  </a:cubicBezTo>
                  <a:cubicBezTo>
                    <a:pt x="452" y="4511"/>
                    <a:pt x="577" y="4436"/>
                    <a:pt x="577" y="4386"/>
                  </a:cubicBezTo>
                  <a:cubicBezTo>
                    <a:pt x="577" y="4336"/>
                    <a:pt x="452" y="4211"/>
                    <a:pt x="452" y="4160"/>
                  </a:cubicBezTo>
                  <a:lnTo>
                    <a:pt x="452" y="3985"/>
                  </a:lnTo>
                  <a:cubicBezTo>
                    <a:pt x="502" y="3935"/>
                    <a:pt x="627" y="3885"/>
                    <a:pt x="677" y="3835"/>
                  </a:cubicBezTo>
                  <a:cubicBezTo>
                    <a:pt x="728" y="3709"/>
                    <a:pt x="803" y="3534"/>
                    <a:pt x="803" y="3434"/>
                  </a:cubicBezTo>
                  <a:cubicBezTo>
                    <a:pt x="803" y="3384"/>
                    <a:pt x="728" y="3258"/>
                    <a:pt x="803" y="3208"/>
                  </a:cubicBezTo>
                  <a:cubicBezTo>
                    <a:pt x="853" y="3158"/>
                    <a:pt x="1028" y="3083"/>
                    <a:pt x="1129" y="3083"/>
                  </a:cubicBezTo>
                  <a:cubicBezTo>
                    <a:pt x="1179" y="3083"/>
                    <a:pt x="1354" y="3158"/>
                    <a:pt x="1404" y="3158"/>
                  </a:cubicBezTo>
                  <a:cubicBezTo>
                    <a:pt x="1479" y="3208"/>
                    <a:pt x="1580" y="3208"/>
                    <a:pt x="1655" y="3158"/>
                  </a:cubicBezTo>
                  <a:cubicBezTo>
                    <a:pt x="1705" y="3158"/>
                    <a:pt x="1755" y="3033"/>
                    <a:pt x="1805" y="2983"/>
                  </a:cubicBezTo>
                  <a:cubicBezTo>
                    <a:pt x="1880" y="2932"/>
                    <a:pt x="2031" y="2857"/>
                    <a:pt x="2106" y="2857"/>
                  </a:cubicBezTo>
                  <a:cubicBezTo>
                    <a:pt x="2156" y="2807"/>
                    <a:pt x="2332" y="2857"/>
                    <a:pt x="2382" y="2857"/>
                  </a:cubicBezTo>
                  <a:cubicBezTo>
                    <a:pt x="2432" y="2932"/>
                    <a:pt x="2482" y="2983"/>
                    <a:pt x="2482" y="3033"/>
                  </a:cubicBezTo>
                  <a:cubicBezTo>
                    <a:pt x="2557" y="3083"/>
                    <a:pt x="2607" y="3208"/>
                    <a:pt x="2657" y="3258"/>
                  </a:cubicBezTo>
                  <a:cubicBezTo>
                    <a:pt x="2707" y="3258"/>
                    <a:pt x="2833" y="3158"/>
                    <a:pt x="2883" y="3158"/>
                  </a:cubicBezTo>
                  <a:cubicBezTo>
                    <a:pt x="2933" y="3158"/>
                    <a:pt x="3058" y="3208"/>
                    <a:pt x="3058" y="3258"/>
                  </a:cubicBezTo>
                  <a:cubicBezTo>
                    <a:pt x="3108" y="3258"/>
                    <a:pt x="3234" y="3434"/>
                    <a:pt x="3234" y="3484"/>
                  </a:cubicBezTo>
                  <a:cubicBezTo>
                    <a:pt x="3234" y="3534"/>
                    <a:pt x="3058" y="3609"/>
                    <a:pt x="3058" y="3659"/>
                  </a:cubicBezTo>
                  <a:cubicBezTo>
                    <a:pt x="3008" y="3709"/>
                    <a:pt x="3008" y="3835"/>
                    <a:pt x="3008" y="3885"/>
                  </a:cubicBezTo>
                  <a:cubicBezTo>
                    <a:pt x="3058" y="3935"/>
                    <a:pt x="3284" y="3985"/>
                    <a:pt x="3334" y="4060"/>
                  </a:cubicBezTo>
                  <a:cubicBezTo>
                    <a:pt x="3459" y="4060"/>
                    <a:pt x="3635" y="3985"/>
                    <a:pt x="3685" y="3985"/>
                  </a:cubicBezTo>
                  <a:cubicBezTo>
                    <a:pt x="3860" y="4060"/>
                    <a:pt x="4136" y="4110"/>
                    <a:pt x="4236" y="4110"/>
                  </a:cubicBezTo>
                  <a:cubicBezTo>
                    <a:pt x="4311" y="4160"/>
                    <a:pt x="4412" y="4160"/>
                    <a:pt x="4462" y="4160"/>
                  </a:cubicBezTo>
                  <a:lnTo>
                    <a:pt x="4863" y="4160"/>
                  </a:lnTo>
                  <a:cubicBezTo>
                    <a:pt x="4988" y="4160"/>
                    <a:pt x="5214" y="4211"/>
                    <a:pt x="5264" y="4160"/>
                  </a:cubicBezTo>
                  <a:cubicBezTo>
                    <a:pt x="5389" y="4110"/>
                    <a:pt x="5540" y="3935"/>
                    <a:pt x="5615" y="3885"/>
                  </a:cubicBezTo>
                  <a:cubicBezTo>
                    <a:pt x="5665" y="3835"/>
                    <a:pt x="5715" y="3659"/>
                    <a:pt x="5765" y="3609"/>
                  </a:cubicBezTo>
                  <a:cubicBezTo>
                    <a:pt x="5765" y="3534"/>
                    <a:pt x="5890" y="3484"/>
                    <a:pt x="5890" y="3434"/>
                  </a:cubicBezTo>
                  <a:cubicBezTo>
                    <a:pt x="5941" y="3384"/>
                    <a:pt x="5941" y="3158"/>
                    <a:pt x="5941" y="3033"/>
                  </a:cubicBezTo>
                  <a:cubicBezTo>
                    <a:pt x="5991" y="2983"/>
                    <a:pt x="5941" y="2807"/>
                    <a:pt x="5941" y="2757"/>
                  </a:cubicBezTo>
                  <a:cubicBezTo>
                    <a:pt x="5991" y="2632"/>
                    <a:pt x="6066" y="2481"/>
                    <a:pt x="6116" y="2406"/>
                  </a:cubicBezTo>
                  <a:cubicBezTo>
                    <a:pt x="6116" y="2356"/>
                    <a:pt x="6166" y="2181"/>
                    <a:pt x="6216" y="2080"/>
                  </a:cubicBezTo>
                  <a:cubicBezTo>
                    <a:pt x="6291" y="2030"/>
                    <a:pt x="6442" y="2030"/>
                    <a:pt x="6567" y="1955"/>
                  </a:cubicBezTo>
                  <a:cubicBezTo>
                    <a:pt x="6617" y="1905"/>
                    <a:pt x="6617" y="1729"/>
                    <a:pt x="6692" y="1679"/>
                  </a:cubicBezTo>
                  <a:cubicBezTo>
                    <a:pt x="6743" y="1679"/>
                    <a:pt x="6843" y="1729"/>
                    <a:pt x="6918" y="1729"/>
                  </a:cubicBezTo>
                  <a:cubicBezTo>
                    <a:pt x="7018" y="1729"/>
                    <a:pt x="7194" y="1629"/>
                    <a:pt x="7244" y="1579"/>
                  </a:cubicBezTo>
                  <a:cubicBezTo>
                    <a:pt x="7369" y="1504"/>
                    <a:pt x="7469" y="1404"/>
                    <a:pt x="7520" y="1404"/>
                  </a:cubicBezTo>
                  <a:cubicBezTo>
                    <a:pt x="7645" y="1353"/>
                    <a:pt x="7820" y="1404"/>
                    <a:pt x="7921" y="1404"/>
                  </a:cubicBezTo>
                  <a:cubicBezTo>
                    <a:pt x="7971" y="1404"/>
                    <a:pt x="8146" y="1353"/>
                    <a:pt x="8196" y="1353"/>
                  </a:cubicBezTo>
                  <a:cubicBezTo>
                    <a:pt x="8271" y="1404"/>
                    <a:pt x="8372" y="1454"/>
                    <a:pt x="8372" y="1504"/>
                  </a:cubicBezTo>
                  <a:cubicBezTo>
                    <a:pt x="8447" y="1504"/>
                    <a:pt x="8497" y="1579"/>
                    <a:pt x="8547" y="1579"/>
                  </a:cubicBezTo>
                  <a:cubicBezTo>
                    <a:pt x="8597" y="1629"/>
                    <a:pt x="8672" y="1454"/>
                    <a:pt x="8773" y="1454"/>
                  </a:cubicBezTo>
                  <a:cubicBezTo>
                    <a:pt x="8823" y="1454"/>
                    <a:pt x="8948" y="1454"/>
                    <a:pt x="8998" y="1404"/>
                  </a:cubicBezTo>
                  <a:cubicBezTo>
                    <a:pt x="9048" y="1404"/>
                    <a:pt x="9124" y="1178"/>
                    <a:pt x="9224" y="1128"/>
                  </a:cubicBezTo>
                  <a:cubicBezTo>
                    <a:pt x="9224" y="1128"/>
                    <a:pt x="9349" y="1053"/>
                    <a:pt x="9399" y="1053"/>
                  </a:cubicBezTo>
                  <a:cubicBezTo>
                    <a:pt x="9449" y="1128"/>
                    <a:pt x="9499" y="1228"/>
                    <a:pt x="9499" y="1228"/>
                  </a:cubicBezTo>
                  <a:cubicBezTo>
                    <a:pt x="9625" y="1278"/>
                    <a:pt x="9800" y="1353"/>
                    <a:pt x="9850" y="1353"/>
                  </a:cubicBezTo>
                  <a:cubicBezTo>
                    <a:pt x="9951" y="1353"/>
                    <a:pt x="10076" y="1228"/>
                    <a:pt x="10126" y="1228"/>
                  </a:cubicBezTo>
                  <a:cubicBezTo>
                    <a:pt x="10251" y="1228"/>
                    <a:pt x="10427" y="1178"/>
                    <a:pt x="10527" y="1178"/>
                  </a:cubicBezTo>
                  <a:cubicBezTo>
                    <a:pt x="10577" y="1228"/>
                    <a:pt x="10753" y="1278"/>
                    <a:pt x="10803" y="1278"/>
                  </a:cubicBezTo>
                  <a:cubicBezTo>
                    <a:pt x="10928" y="1353"/>
                    <a:pt x="11104" y="1454"/>
                    <a:pt x="11204" y="1454"/>
                  </a:cubicBezTo>
                  <a:cubicBezTo>
                    <a:pt x="11254" y="1454"/>
                    <a:pt x="11379" y="1404"/>
                    <a:pt x="11429" y="1404"/>
                  </a:cubicBezTo>
                  <a:lnTo>
                    <a:pt x="11730" y="1404"/>
                  </a:lnTo>
                  <a:cubicBezTo>
                    <a:pt x="11880" y="1404"/>
                    <a:pt x="12106" y="1353"/>
                    <a:pt x="12231" y="1278"/>
                  </a:cubicBezTo>
                  <a:cubicBezTo>
                    <a:pt x="12332" y="1228"/>
                    <a:pt x="12457" y="1053"/>
                    <a:pt x="12507" y="1003"/>
                  </a:cubicBezTo>
                  <a:cubicBezTo>
                    <a:pt x="12632" y="952"/>
                    <a:pt x="12783" y="902"/>
                    <a:pt x="12858" y="827"/>
                  </a:cubicBezTo>
                  <a:cubicBezTo>
                    <a:pt x="12958" y="727"/>
                    <a:pt x="13083" y="602"/>
                    <a:pt x="13184" y="551"/>
                  </a:cubicBezTo>
                  <a:cubicBezTo>
                    <a:pt x="13309" y="501"/>
                    <a:pt x="13484" y="501"/>
                    <a:pt x="13585" y="501"/>
                  </a:cubicBezTo>
                  <a:lnTo>
                    <a:pt x="13936" y="501"/>
                  </a:lnTo>
                  <a:cubicBezTo>
                    <a:pt x="13986" y="451"/>
                    <a:pt x="14086" y="276"/>
                    <a:pt x="14161" y="276"/>
                  </a:cubicBezTo>
                  <a:cubicBezTo>
                    <a:pt x="14261" y="226"/>
                    <a:pt x="14487" y="276"/>
                    <a:pt x="14537" y="276"/>
                  </a:cubicBezTo>
                  <a:cubicBezTo>
                    <a:pt x="14612" y="226"/>
                    <a:pt x="14713" y="100"/>
                    <a:pt x="14763" y="50"/>
                  </a:cubicBezTo>
                  <a:cubicBezTo>
                    <a:pt x="14838" y="50"/>
                    <a:pt x="15063" y="0"/>
                    <a:pt x="15164" y="0"/>
                  </a:cubicBezTo>
                  <a:cubicBezTo>
                    <a:pt x="15239" y="50"/>
                    <a:pt x="15389" y="100"/>
                    <a:pt x="15464" y="175"/>
                  </a:cubicBezTo>
                  <a:cubicBezTo>
                    <a:pt x="15515" y="226"/>
                    <a:pt x="15565" y="401"/>
                    <a:pt x="15565" y="451"/>
                  </a:cubicBezTo>
                  <a:cubicBezTo>
                    <a:pt x="15515" y="501"/>
                    <a:pt x="15464" y="551"/>
                    <a:pt x="15389" y="551"/>
                  </a:cubicBezTo>
                  <a:lnTo>
                    <a:pt x="15389" y="827"/>
                  </a:lnTo>
                  <a:cubicBezTo>
                    <a:pt x="15339" y="902"/>
                    <a:pt x="15164" y="952"/>
                    <a:pt x="15063" y="952"/>
                  </a:cubicBezTo>
                  <a:cubicBezTo>
                    <a:pt x="14988" y="952"/>
                    <a:pt x="14938" y="827"/>
                    <a:pt x="14888" y="827"/>
                  </a:cubicBezTo>
                  <a:cubicBezTo>
                    <a:pt x="14838" y="827"/>
                    <a:pt x="14713" y="902"/>
                    <a:pt x="14662" y="902"/>
                  </a:cubicBezTo>
                  <a:cubicBezTo>
                    <a:pt x="14612" y="952"/>
                    <a:pt x="14537" y="1053"/>
                    <a:pt x="14537" y="1128"/>
                  </a:cubicBezTo>
                  <a:cubicBezTo>
                    <a:pt x="14487" y="1178"/>
                    <a:pt x="14437" y="1228"/>
                    <a:pt x="14437" y="1278"/>
                  </a:cubicBezTo>
                  <a:lnTo>
                    <a:pt x="14437" y="1504"/>
                  </a:lnTo>
                  <a:cubicBezTo>
                    <a:pt x="14487" y="1579"/>
                    <a:pt x="14662" y="1579"/>
                    <a:pt x="14662" y="1629"/>
                  </a:cubicBezTo>
                  <a:cubicBezTo>
                    <a:pt x="14713" y="1679"/>
                    <a:pt x="14713" y="1805"/>
                    <a:pt x="14713" y="1855"/>
                  </a:cubicBezTo>
                  <a:cubicBezTo>
                    <a:pt x="14713" y="1905"/>
                    <a:pt x="14662" y="2030"/>
                    <a:pt x="14662" y="2080"/>
                  </a:cubicBezTo>
                  <a:cubicBezTo>
                    <a:pt x="14662" y="2130"/>
                    <a:pt x="14662" y="2181"/>
                    <a:pt x="14713" y="2256"/>
                  </a:cubicBezTo>
                  <a:lnTo>
                    <a:pt x="14888" y="2256"/>
                  </a:lnTo>
                  <a:cubicBezTo>
                    <a:pt x="14938" y="2306"/>
                    <a:pt x="14988" y="2356"/>
                    <a:pt x="15063" y="2406"/>
                  </a:cubicBezTo>
                  <a:cubicBezTo>
                    <a:pt x="15114" y="2406"/>
                    <a:pt x="15164" y="2531"/>
                    <a:pt x="15239" y="2531"/>
                  </a:cubicBezTo>
                  <a:cubicBezTo>
                    <a:pt x="15289" y="2531"/>
                    <a:pt x="15389" y="2406"/>
                    <a:pt x="15464" y="2406"/>
                  </a:cubicBezTo>
                  <a:cubicBezTo>
                    <a:pt x="15515" y="2356"/>
                    <a:pt x="15690" y="2406"/>
                    <a:pt x="15740" y="2406"/>
                  </a:cubicBezTo>
                  <a:cubicBezTo>
                    <a:pt x="15740" y="2481"/>
                    <a:pt x="15740" y="2582"/>
                    <a:pt x="15790" y="2582"/>
                  </a:cubicBezTo>
                  <a:cubicBezTo>
                    <a:pt x="15840" y="2632"/>
                    <a:pt x="15966" y="2582"/>
                    <a:pt x="15966" y="2632"/>
                  </a:cubicBezTo>
                  <a:cubicBezTo>
                    <a:pt x="16016" y="2707"/>
                    <a:pt x="15966" y="2857"/>
                    <a:pt x="15966" y="2932"/>
                  </a:cubicBezTo>
                  <a:cubicBezTo>
                    <a:pt x="15966" y="3033"/>
                    <a:pt x="15840" y="3158"/>
                    <a:pt x="15840" y="3208"/>
                  </a:cubicBezTo>
                  <a:cubicBezTo>
                    <a:pt x="15790" y="3258"/>
                    <a:pt x="15790" y="3434"/>
                    <a:pt x="15790" y="3484"/>
                  </a:cubicBezTo>
                  <a:cubicBezTo>
                    <a:pt x="15840" y="3609"/>
                    <a:pt x="15916" y="3709"/>
                    <a:pt x="16016" y="3759"/>
                  </a:cubicBezTo>
                  <a:lnTo>
                    <a:pt x="16241" y="3759"/>
                  </a:lnTo>
                  <a:cubicBezTo>
                    <a:pt x="16367" y="3759"/>
                    <a:pt x="16517" y="3835"/>
                    <a:pt x="16642" y="3935"/>
                  </a:cubicBezTo>
                  <a:cubicBezTo>
                    <a:pt x="16693" y="3985"/>
                    <a:pt x="16768" y="4160"/>
                    <a:pt x="16818" y="4286"/>
                  </a:cubicBezTo>
                  <a:cubicBezTo>
                    <a:pt x="16868" y="4286"/>
                    <a:pt x="16918" y="4336"/>
                    <a:pt x="16993" y="4386"/>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132" name="Google Shape;189;p16">
              <a:extLst>
                <a:ext uri="{FF2B5EF4-FFF2-40B4-BE49-F238E27FC236}">
                  <a16:creationId xmlns:a16="http://schemas.microsoft.com/office/drawing/2014/main" id="{12AC6F36-1FC3-B216-79EB-726CDC901D9E}"/>
                </a:ext>
              </a:extLst>
            </p:cNvPr>
            <p:cNvSpPr/>
            <p:nvPr/>
          </p:nvSpPr>
          <p:spPr>
            <a:xfrm>
              <a:off x="2170600" y="1033009"/>
              <a:ext cx="474303" cy="487895"/>
            </a:xfrm>
            <a:custGeom>
              <a:avLst/>
              <a:gdLst/>
              <a:ahLst/>
              <a:cxnLst/>
              <a:rect l="l" t="t" r="r" b="b"/>
              <a:pathLst>
                <a:path w="16994" h="17481" extrusionOk="0">
                  <a:moveTo>
                    <a:pt x="15164" y="0"/>
                  </a:moveTo>
                  <a:cubicBezTo>
                    <a:pt x="15063" y="0"/>
                    <a:pt x="14838" y="50"/>
                    <a:pt x="14763" y="50"/>
                  </a:cubicBezTo>
                  <a:cubicBezTo>
                    <a:pt x="14713" y="100"/>
                    <a:pt x="14612" y="226"/>
                    <a:pt x="14537" y="276"/>
                  </a:cubicBezTo>
                  <a:cubicBezTo>
                    <a:pt x="14504" y="276"/>
                    <a:pt x="14392" y="253"/>
                    <a:pt x="14292" y="253"/>
                  </a:cubicBezTo>
                  <a:cubicBezTo>
                    <a:pt x="14242" y="253"/>
                    <a:pt x="14195" y="259"/>
                    <a:pt x="14161" y="276"/>
                  </a:cubicBezTo>
                  <a:cubicBezTo>
                    <a:pt x="14086" y="276"/>
                    <a:pt x="13986" y="451"/>
                    <a:pt x="13936" y="501"/>
                  </a:cubicBezTo>
                  <a:lnTo>
                    <a:pt x="13585" y="501"/>
                  </a:lnTo>
                  <a:cubicBezTo>
                    <a:pt x="13484" y="501"/>
                    <a:pt x="13309" y="501"/>
                    <a:pt x="13184" y="551"/>
                  </a:cubicBezTo>
                  <a:cubicBezTo>
                    <a:pt x="13083" y="602"/>
                    <a:pt x="12958" y="727"/>
                    <a:pt x="12858" y="827"/>
                  </a:cubicBezTo>
                  <a:cubicBezTo>
                    <a:pt x="12783" y="902"/>
                    <a:pt x="12632" y="952"/>
                    <a:pt x="12507" y="1003"/>
                  </a:cubicBezTo>
                  <a:cubicBezTo>
                    <a:pt x="12457" y="1053"/>
                    <a:pt x="12332" y="1228"/>
                    <a:pt x="12231" y="1278"/>
                  </a:cubicBezTo>
                  <a:cubicBezTo>
                    <a:pt x="12106" y="1353"/>
                    <a:pt x="11880" y="1404"/>
                    <a:pt x="11730" y="1404"/>
                  </a:cubicBezTo>
                  <a:lnTo>
                    <a:pt x="11429" y="1404"/>
                  </a:lnTo>
                  <a:cubicBezTo>
                    <a:pt x="11379" y="1404"/>
                    <a:pt x="11254" y="1454"/>
                    <a:pt x="11204" y="1454"/>
                  </a:cubicBezTo>
                  <a:cubicBezTo>
                    <a:pt x="11104" y="1454"/>
                    <a:pt x="10928" y="1353"/>
                    <a:pt x="10803" y="1278"/>
                  </a:cubicBezTo>
                  <a:cubicBezTo>
                    <a:pt x="10753" y="1278"/>
                    <a:pt x="10577" y="1228"/>
                    <a:pt x="10527" y="1178"/>
                  </a:cubicBezTo>
                  <a:cubicBezTo>
                    <a:pt x="10427" y="1178"/>
                    <a:pt x="10251" y="1228"/>
                    <a:pt x="10126" y="1228"/>
                  </a:cubicBezTo>
                  <a:cubicBezTo>
                    <a:pt x="10076" y="1228"/>
                    <a:pt x="9951" y="1353"/>
                    <a:pt x="9850" y="1353"/>
                  </a:cubicBezTo>
                  <a:cubicBezTo>
                    <a:pt x="9800" y="1353"/>
                    <a:pt x="9625" y="1278"/>
                    <a:pt x="9499" y="1228"/>
                  </a:cubicBezTo>
                  <a:cubicBezTo>
                    <a:pt x="9499" y="1228"/>
                    <a:pt x="9449" y="1128"/>
                    <a:pt x="9399" y="1053"/>
                  </a:cubicBezTo>
                  <a:cubicBezTo>
                    <a:pt x="9349" y="1053"/>
                    <a:pt x="9224" y="1128"/>
                    <a:pt x="9224" y="1128"/>
                  </a:cubicBezTo>
                  <a:cubicBezTo>
                    <a:pt x="9124" y="1178"/>
                    <a:pt x="9048" y="1404"/>
                    <a:pt x="8998" y="1404"/>
                  </a:cubicBezTo>
                  <a:cubicBezTo>
                    <a:pt x="8948" y="1454"/>
                    <a:pt x="8823" y="1454"/>
                    <a:pt x="8773" y="1454"/>
                  </a:cubicBezTo>
                  <a:cubicBezTo>
                    <a:pt x="8685" y="1454"/>
                    <a:pt x="8616" y="1588"/>
                    <a:pt x="8567" y="1588"/>
                  </a:cubicBezTo>
                  <a:cubicBezTo>
                    <a:pt x="8560" y="1588"/>
                    <a:pt x="8553" y="1585"/>
                    <a:pt x="8547" y="1579"/>
                  </a:cubicBezTo>
                  <a:cubicBezTo>
                    <a:pt x="8497" y="1579"/>
                    <a:pt x="8447" y="1504"/>
                    <a:pt x="8372" y="1504"/>
                  </a:cubicBezTo>
                  <a:cubicBezTo>
                    <a:pt x="8372" y="1454"/>
                    <a:pt x="8271" y="1404"/>
                    <a:pt x="8196" y="1353"/>
                  </a:cubicBezTo>
                  <a:cubicBezTo>
                    <a:pt x="8146" y="1353"/>
                    <a:pt x="7971" y="1404"/>
                    <a:pt x="7921" y="1404"/>
                  </a:cubicBezTo>
                  <a:cubicBezTo>
                    <a:pt x="7854" y="1404"/>
                    <a:pt x="7753" y="1381"/>
                    <a:pt x="7657" y="1381"/>
                  </a:cubicBezTo>
                  <a:cubicBezTo>
                    <a:pt x="7609" y="1381"/>
                    <a:pt x="7561" y="1387"/>
                    <a:pt x="7520" y="1404"/>
                  </a:cubicBezTo>
                  <a:cubicBezTo>
                    <a:pt x="7469" y="1404"/>
                    <a:pt x="7369" y="1504"/>
                    <a:pt x="7244" y="1579"/>
                  </a:cubicBezTo>
                  <a:cubicBezTo>
                    <a:pt x="7194" y="1629"/>
                    <a:pt x="7018" y="1729"/>
                    <a:pt x="6918" y="1729"/>
                  </a:cubicBezTo>
                  <a:cubicBezTo>
                    <a:pt x="6843" y="1729"/>
                    <a:pt x="6743" y="1679"/>
                    <a:pt x="6692" y="1679"/>
                  </a:cubicBezTo>
                  <a:cubicBezTo>
                    <a:pt x="6617" y="1729"/>
                    <a:pt x="6617" y="1905"/>
                    <a:pt x="6567" y="1955"/>
                  </a:cubicBezTo>
                  <a:cubicBezTo>
                    <a:pt x="6442" y="2030"/>
                    <a:pt x="6291" y="2030"/>
                    <a:pt x="6216" y="2080"/>
                  </a:cubicBezTo>
                  <a:cubicBezTo>
                    <a:pt x="6166" y="2181"/>
                    <a:pt x="6116" y="2356"/>
                    <a:pt x="6116" y="2406"/>
                  </a:cubicBezTo>
                  <a:cubicBezTo>
                    <a:pt x="6066" y="2481"/>
                    <a:pt x="5991" y="2632"/>
                    <a:pt x="5941" y="2757"/>
                  </a:cubicBezTo>
                  <a:cubicBezTo>
                    <a:pt x="5941" y="2807"/>
                    <a:pt x="5991" y="2983"/>
                    <a:pt x="5941" y="3033"/>
                  </a:cubicBezTo>
                  <a:cubicBezTo>
                    <a:pt x="5941" y="3158"/>
                    <a:pt x="5941" y="3384"/>
                    <a:pt x="5890" y="3434"/>
                  </a:cubicBezTo>
                  <a:cubicBezTo>
                    <a:pt x="5890" y="3484"/>
                    <a:pt x="5765" y="3534"/>
                    <a:pt x="5765" y="3609"/>
                  </a:cubicBezTo>
                  <a:cubicBezTo>
                    <a:pt x="5715" y="3659"/>
                    <a:pt x="5665" y="3835"/>
                    <a:pt x="5615" y="3885"/>
                  </a:cubicBezTo>
                  <a:cubicBezTo>
                    <a:pt x="5540" y="3935"/>
                    <a:pt x="5389" y="4110"/>
                    <a:pt x="5264" y="4160"/>
                  </a:cubicBezTo>
                  <a:cubicBezTo>
                    <a:pt x="5247" y="4177"/>
                    <a:pt x="5211" y="4183"/>
                    <a:pt x="5165" y="4183"/>
                  </a:cubicBezTo>
                  <a:cubicBezTo>
                    <a:pt x="5075" y="4183"/>
                    <a:pt x="4946" y="4160"/>
                    <a:pt x="4863" y="4160"/>
                  </a:cubicBezTo>
                  <a:lnTo>
                    <a:pt x="4462" y="4160"/>
                  </a:lnTo>
                  <a:cubicBezTo>
                    <a:pt x="4412" y="4160"/>
                    <a:pt x="4311" y="4160"/>
                    <a:pt x="4236" y="4110"/>
                  </a:cubicBezTo>
                  <a:cubicBezTo>
                    <a:pt x="4136" y="4110"/>
                    <a:pt x="3860" y="4060"/>
                    <a:pt x="3685" y="3985"/>
                  </a:cubicBezTo>
                  <a:cubicBezTo>
                    <a:pt x="3635" y="3985"/>
                    <a:pt x="3459" y="4060"/>
                    <a:pt x="3334" y="4060"/>
                  </a:cubicBezTo>
                  <a:cubicBezTo>
                    <a:pt x="3284" y="3985"/>
                    <a:pt x="3058" y="3935"/>
                    <a:pt x="3008" y="3885"/>
                  </a:cubicBezTo>
                  <a:cubicBezTo>
                    <a:pt x="3008" y="3835"/>
                    <a:pt x="3008" y="3709"/>
                    <a:pt x="3058" y="3659"/>
                  </a:cubicBezTo>
                  <a:cubicBezTo>
                    <a:pt x="3058" y="3609"/>
                    <a:pt x="3234" y="3534"/>
                    <a:pt x="3234" y="3484"/>
                  </a:cubicBezTo>
                  <a:cubicBezTo>
                    <a:pt x="3234" y="3434"/>
                    <a:pt x="3108" y="3258"/>
                    <a:pt x="3058" y="3258"/>
                  </a:cubicBezTo>
                  <a:cubicBezTo>
                    <a:pt x="3058" y="3208"/>
                    <a:pt x="2933" y="3158"/>
                    <a:pt x="2883" y="3158"/>
                  </a:cubicBezTo>
                  <a:cubicBezTo>
                    <a:pt x="2833" y="3158"/>
                    <a:pt x="2707" y="3258"/>
                    <a:pt x="2657" y="3258"/>
                  </a:cubicBezTo>
                  <a:cubicBezTo>
                    <a:pt x="2607" y="3208"/>
                    <a:pt x="2557" y="3083"/>
                    <a:pt x="2482" y="3033"/>
                  </a:cubicBezTo>
                  <a:cubicBezTo>
                    <a:pt x="2482" y="2983"/>
                    <a:pt x="2432" y="2932"/>
                    <a:pt x="2382" y="2857"/>
                  </a:cubicBezTo>
                  <a:cubicBezTo>
                    <a:pt x="2348" y="2857"/>
                    <a:pt x="2259" y="2835"/>
                    <a:pt x="2189" y="2835"/>
                  </a:cubicBezTo>
                  <a:cubicBezTo>
                    <a:pt x="2153" y="2835"/>
                    <a:pt x="2123" y="2841"/>
                    <a:pt x="2106" y="2857"/>
                  </a:cubicBezTo>
                  <a:cubicBezTo>
                    <a:pt x="2031" y="2857"/>
                    <a:pt x="1880" y="2932"/>
                    <a:pt x="1805" y="2983"/>
                  </a:cubicBezTo>
                  <a:cubicBezTo>
                    <a:pt x="1755" y="3033"/>
                    <a:pt x="1705" y="3158"/>
                    <a:pt x="1655" y="3158"/>
                  </a:cubicBezTo>
                  <a:cubicBezTo>
                    <a:pt x="1617" y="3183"/>
                    <a:pt x="1573" y="3196"/>
                    <a:pt x="1530" y="3196"/>
                  </a:cubicBezTo>
                  <a:cubicBezTo>
                    <a:pt x="1486" y="3196"/>
                    <a:pt x="1442" y="3183"/>
                    <a:pt x="1404" y="3158"/>
                  </a:cubicBezTo>
                  <a:cubicBezTo>
                    <a:pt x="1354" y="3158"/>
                    <a:pt x="1179" y="3083"/>
                    <a:pt x="1129" y="3083"/>
                  </a:cubicBezTo>
                  <a:cubicBezTo>
                    <a:pt x="1028" y="3083"/>
                    <a:pt x="853" y="3158"/>
                    <a:pt x="803" y="3208"/>
                  </a:cubicBezTo>
                  <a:cubicBezTo>
                    <a:pt x="728" y="3258"/>
                    <a:pt x="803" y="3384"/>
                    <a:pt x="803" y="3434"/>
                  </a:cubicBezTo>
                  <a:cubicBezTo>
                    <a:pt x="803" y="3534"/>
                    <a:pt x="728" y="3709"/>
                    <a:pt x="677" y="3835"/>
                  </a:cubicBezTo>
                  <a:cubicBezTo>
                    <a:pt x="627" y="3885"/>
                    <a:pt x="502" y="3935"/>
                    <a:pt x="452" y="3985"/>
                  </a:cubicBezTo>
                  <a:lnTo>
                    <a:pt x="452" y="4160"/>
                  </a:lnTo>
                  <a:cubicBezTo>
                    <a:pt x="452" y="4211"/>
                    <a:pt x="577" y="4336"/>
                    <a:pt x="577" y="4386"/>
                  </a:cubicBezTo>
                  <a:cubicBezTo>
                    <a:pt x="577" y="4436"/>
                    <a:pt x="452" y="4511"/>
                    <a:pt x="402" y="4561"/>
                  </a:cubicBezTo>
                  <a:cubicBezTo>
                    <a:pt x="402" y="4612"/>
                    <a:pt x="352" y="4662"/>
                    <a:pt x="276" y="4737"/>
                  </a:cubicBezTo>
                  <a:cubicBezTo>
                    <a:pt x="276" y="4837"/>
                    <a:pt x="352" y="5013"/>
                    <a:pt x="276" y="5063"/>
                  </a:cubicBezTo>
                  <a:cubicBezTo>
                    <a:pt x="276" y="5113"/>
                    <a:pt x="176" y="5188"/>
                    <a:pt x="126" y="5188"/>
                  </a:cubicBezTo>
                  <a:cubicBezTo>
                    <a:pt x="51" y="5238"/>
                    <a:pt x="1" y="5414"/>
                    <a:pt x="1" y="5514"/>
                  </a:cubicBezTo>
                  <a:cubicBezTo>
                    <a:pt x="1" y="5564"/>
                    <a:pt x="51" y="5689"/>
                    <a:pt x="126" y="5739"/>
                  </a:cubicBezTo>
                  <a:cubicBezTo>
                    <a:pt x="176" y="5790"/>
                    <a:pt x="226" y="5915"/>
                    <a:pt x="276" y="5965"/>
                  </a:cubicBezTo>
                  <a:lnTo>
                    <a:pt x="452" y="5965"/>
                  </a:lnTo>
                  <a:cubicBezTo>
                    <a:pt x="577" y="5965"/>
                    <a:pt x="728" y="5915"/>
                    <a:pt x="853" y="5915"/>
                  </a:cubicBezTo>
                  <a:lnTo>
                    <a:pt x="953" y="6015"/>
                  </a:lnTo>
                  <a:cubicBezTo>
                    <a:pt x="1028" y="6015"/>
                    <a:pt x="1078" y="6090"/>
                    <a:pt x="1129" y="6140"/>
                  </a:cubicBezTo>
                  <a:lnTo>
                    <a:pt x="1129" y="6366"/>
                  </a:lnTo>
                  <a:cubicBezTo>
                    <a:pt x="1078" y="6416"/>
                    <a:pt x="1028" y="6466"/>
                    <a:pt x="953" y="6516"/>
                  </a:cubicBezTo>
                  <a:cubicBezTo>
                    <a:pt x="903" y="6642"/>
                    <a:pt x="853" y="6742"/>
                    <a:pt x="853" y="6867"/>
                  </a:cubicBezTo>
                  <a:cubicBezTo>
                    <a:pt x="853" y="6917"/>
                    <a:pt x="903" y="6968"/>
                    <a:pt x="903" y="7043"/>
                  </a:cubicBezTo>
                  <a:cubicBezTo>
                    <a:pt x="903" y="7093"/>
                    <a:pt x="853" y="7143"/>
                    <a:pt x="803" y="7143"/>
                  </a:cubicBezTo>
                  <a:cubicBezTo>
                    <a:pt x="803" y="7160"/>
                    <a:pt x="794" y="7165"/>
                    <a:pt x="781" y="7165"/>
                  </a:cubicBezTo>
                  <a:cubicBezTo>
                    <a:pt x="755" y="7165"/>
                    <a:pt x="711" y="7143"/>
                    <a:pt x="677" y="7143"/>
                  </a:cubicBezTo>
                  <a:lnTo>
                    <a:pt x="677" y="7268"/>
                  </a:lnTo>
                  <a:cubicBezTo>
                    <a:pt x="677" y="7318"/>
                    <a:pt x="728" y="7494"/>
                    <a:pt x="803" y="7544"/>
                  </a:cubicBezTo>
                  <a:cubicBezTo>
                    <a:pt x="813" y="7549"/>
                    <a:pt x="825" y="7551"/>
                    <a:pt x="838" y="7551"/>
                  </a:cubicBezTo>
                  <a:cubicBezTo>
                    <a:pt x="944" y="7551"/>
                    <a:pt x="1140" y="7411"/>
                    <a:pt x="1262" y="7411"/>
                  </a:cubicBezTo>
                  <a:cubicBezTo>
                    <a:pt x="1277" y="7411"/>
                    <a:pt x="1291" y="7414"/>
                    <a:pt x="1304" y="7419"/>
                  </a:cubicBezTo>
                  <a:cubicBezTo>
                    <a:pt x="1404" y="7419"/>
                    <a:pt x="1655" y="7594"/>
                    <a:pt x="1705" y="7719"/>
                  </a:cubicBezTo>
                  <a:cubicBezTo>
                    <a:pt x="1755" y="7820"/>
                    <a:pt x="1805" y="7995"/>
                    <a:pt x="1805" y="8095"/>
                  </a:cubicBezTo>
                  <a:cubicBezTo>
                    <a:pt x="1805" y="8221"/>
                    <a:pt x="1755" y="8396"/>
                    <a:pt x="1755" y="8446"/>
                  </a:cubicBezTo>
                  <a:cubicBezTo>
                    <a:pt x="1755" y="8546"/>
                    <a:pt x="1931" y="8672"/>
                    <a:pt x="1931" y="8722"/>
                  </a:cubicBezTo>
                  <a:cubicBezTo>
                    <a:pt x="1931" y="8847"/>
                    <a:pt x="1931" y="8998"/>
                    <a:pt x="1880" y="9073"/>
                  </a:cubicBezTo>
                  <a:cubicBezTo>
                    <a:pt x="1755" y="9073"/>
                    <a:pt x="1655" y="8897"/>
                    <a:pt x="1530" y="8897"/>
                  </a:cubicBezTo>
                  <a:cubicBezTo>
                    <a:pt x="1404" y="8897"/>
                    <a:pt x="1078" y="8897"/>
                    <a:pt x="953" y="8998"/>
                  </a:cubicBezTo>
                  <a:cubicBezTo>
                    <a:pt x="853" y="9073"/>
                    <a:pt x="728" y="9223"/>
                    <a:pt x="728" y="9348"/>
                  </a:cubicBezTo>
                  <a:cubicBezTo>
                    <a:pt x="728" y="9399"/>
                    <a:pt x="853" y="9574"/>
                    <a:pt x="903" y="9624"/>
                  </a:cubicBezTo>
                  <a:cubicBezTo>
                    <a:pt x="931" y="9636"/>
                    <a:pt x="967" y="9639"/>
                    <a:pt x="1007" y="9639"/>
                  </a:cubicBezTo>
                  <a:cubicBezTo>
                    <a:pt x="1079" y="9639"/>
                    <a:pt x="1163" y="9628"/>
                    <a:pt x="1238" y="9628"/>
                  </a:cubicBezTo>
                  <a:cubicBezTo>
                    <a:pt x="1306" y="9628"/>
                    <a:pt x="1367" y="9637"/>
                    <a:pt x="1404" y="9674"/>
                  </a:cubicBezTo>
                  <a:cubicBezTo>
                    <a:pt x="1479" y="9800"/>
                    <a:pt x="1354" y="10125"/>
                    <a:pt x="1354" y="10251"/>
                  </a:cubicBezTo>
                  <a:cubicBezTo>
                    <a:pt x="1354" y="10526"/>
                    <a:pt x="1404" y="11028"/>
                    <a:pt x="1404" y="11328"/>
                  </a:cubicBezTo>
                  <a:cubicBezTo>
                    <a:pt x="1354" y="11479"/>
                    <a:pt x="1179" y="11880"/>
                    <a:pt x="1129" y="12055"/>
                  </a:cubicBezTo>
                  <a:cubicBezTo>
                    <a:pt x="1028" y="12281"/>
                    <a:pt x="853" y="12657"/>
                    <a:pt x="803" y="12882"/>
                  </a:cubicBezTo>
                  <a:cubicBezTo>
                    <a:pt x="677" y="13008"/>
                    <a:pt x="502" y="13233"/>
                    <a:pt x="452" y="13333"/>
                  </a:cubicBezTo>
                  <a:cubicBezTo>
                    <a:pt x="352" y="13509"/>
                    <a:pt x="226" y="13785"/>
                    <a:pt x="276" y="13960"/>
                  </a:cubicBezTo>
                  <a:cubicBezTo>
                    <a:pt x="276" y="14085"/>
                    <a:pt x="352" y="14186"/>
                    <a:pt x="402" y="14311"/>
                  </a:cubicBezTo>
                  <a:cubicBezTo>
                    <a:pt x="452" y="14361"/>
                    <a:pt x="627" y="14461"/>
                    <a:pt x="677" y="14536"/>
                  </a:cubicBezTo>
                  <a:cubicBezTo>
                    <a:pt x="728" y="14637"/>
                    <a:pt x="803" y="14912"/>
                    <a:pt x="803" y="15088"/>
                  </a:cubicBezTo>
                  <a:cubicBezTo>
                    <a:pt x="853" y="15213"/>
                    <a:pt x="853" y="15439"/>
                    <a:pt x="903" y="15539"/>
                  </a:cubicBezTo>
                  <a:cubicBezTo>
                    <a:pt x="903" y="15664"/>
                    <a:pt x="1028" y="15890"/>
                    <a:pt x="1078" y="15940"/>
                  </a:cubicBezTo>
                  <a:cubicBezTo>
                    <a:pt x="1179" y="16115"/>
                    <a:pt x="1530" y="16391"/>
                    <a:pt x="1705" y="16441"/>
                  </a:cubicBezTo>
                  <a:cubicBezTo>
                    <a:pt x="1805" y="16441"/>
                    <a:pt x="2031" y="16266"/>
                    <a:pt x="2106" y="16216"/>
                  </a:cubicBezTo>
                  <a:cubicBezTo>
                    <a:pt x="2156" y="16115"/>
                    <a:pt x="2156" y="15890"/>
                    <a:pt x="2206" y="15815"/>
                  </a:cubicBezTo>
                  <a:cubicBezTo>
                    <a:pt x="2256" y="15714"/>
                    <a:pt x="2432" y="15664"/>
                    <a:pt x="2482" y="15589"/>
                  </a:cubicBezTo>
                  <a:cubicBezTo>
                    <a:pt x="2607" y="15589"/>
                    <a:pt x="2833" y="15589"/>
                    <a:pt x="2933" y="15664"/>
                  </a:cubicBezTo>
                  <a:cubicBezTo>
                    <a:pt x="3058" y="15714"/>
                    <a:pt x="3234" y="15890"/>
                    <a:pt x="3284" y="15940"/>
                  </a:cubicBezTo>
                  <a:cubicBezTo>
                    <a:pt x="3284" y="15990"/>
                    <a:pt x="3284" y="15990"/>
                    <a:pt x="3334" y="15990"/>
                  </a:cubicBezTo>
                  <a:cubicBezTo>
                    <a:pt x="3459" y="15990"/>
                    <a:pt x="3560" y="15940"/>
                    <a:pt x="3685" y="15940"/>
                  </a:cubicBezTo>
                  <a:cubicBezTo>
                    <a:pt x="3785" y="15940"/>
                    <a:pt x="4186" y="15940"/>
                    <a:pt x="4236" y="16040"/>
                  </a:cubicBezTo>
                  <a:cubicBezTo>
                    <a:pt x="4362" y="16166"/>
                    <a:pt x="4311" y="16441"/>
                    <a:pt x="4311" y="16567"/>
                  </a:cubicBezTo>
                  <a:cubicBezTo>
                    <a:pt x="4236" y="16667"/>
                    <a:pt x="4136" y="16792"/>
                    <a:pt x="4136" y="16892"/>
                  </a:cubicBezTo>
                  <a:cubicBezTo>
                    <a:pt x="4136" y="17018"/>
                    <a:pt x="4236" y="17293"/>
                    <a:pt x="4362" y="17344"/>
                  </a:cubicBezTo>
                  <a:cubicBezTo>
                    <a:pt x="4412" y="17369"/>
                    <a:pt x="4493" y="17381"/>
                    <a:pt x="4578" y="17381"/>
                  </a:cubicBezTo>
                  <a:cubicBezTo>
                    <a:pt x="4662" y="17381"/>
                    <a:pt x="4750" y="17369"/>
                    <a:pt x="4813" y="17344"/>
                  </a:cubicBezTo>
                  <a:cubicBezTo>
                    <a:pt x="4913" y="17293"/>
                    <a:pt x="4913" y="17018"/>
                    <a:pt x="5038" y="16943"/>
                  </a:cubicBezTo>
                  <a:cubicBezTo>
                    <a:pt x="5052" y="16929"/>
                    <a:pt x="5080" y="16922"/>
                    <a:pt x="5114" y="16922"/>
                  </a:cubicBezTo>
                  <a:cubicBezTo>
                    <a:pt x="5203" y="16922"/>
                    <a:pt x="5335" y="16964"/>
                    <a:pt x="5389" y="17018"/>
                  </a:cubicBezTo>
                  <a:cubicBezTo>
                    <a:pt x="5489" y="17068"/>
                    <a:pt x="5540" y="17293"/>
                    <a:pt x="5665" y="17344"/>
                  </a:cubicBezTo>
                  <a:cubicBezTo>
                    <a:pt x="5749" y="17386"/>
                    <a:pt x="5921" y="17480"/>
                    <a:pt x="6048" y="17480"/>
                  </a:cubicBezTo>
                  <a:cubicBezTo>
                    <a:pt x="6073" y="17480"/>
                    <a:pt x="6096" y="17477"/>
                    <a:pt x="6116" y="17469"/>
                  </a:cubicBezTo>
                  <a:cubicBezTo>
                    <a:pt x="6291" y="17469"/>
                    <a:pt x="6517" y="17243"/>
                    <a:pt x="6617" y="17118"/>
                  </a:cubicBezTo>
                  <a:cubicBezTo>
                    <a:pt x="6692" y="17018"/>
                    <a:pt x="6743" y="16717"/>
                    <a:pt x="6843" y="16617"/>
                  </a:cubicBezTo>
                  <a:cubicBezTo>
                    <a:pt x="6918" y="16567"/>
                    <a:pt x="7068" y="16491"/>
                    <a:pt x="7144" y="16441"/>
                  </a:cubicBezTo>
                  <a:cubicBezTo>
                    <a:pt x="7244" y="16266"/>
                    <a:pt x="7244" y="15890"/>
                    <a:pt x="7244" y="15714"/>
                  </a:cubicBezTo>
                  <a:cubicBezTo>
                    <a:pt x="7294" y="15539"/>
                    <a:pt x="7244" y="15263"/>
                    <a:pt x="7294" y="15138"/>
                  </a:cubicBezTo>
                  <a:cubicBezTo>
                    <a:pt x="7369" y="14988"/>
                    <a:pt x="7645" y="14762"/>
                    <a:pt x="7745" y="14637"/>
                  </a:cubicBezTo>
                  <a:cubicBezTo>
                    <a:pt x="7870" y="14587"/>
                    <a:pt x="8096" y="14536"/>
                    <a:pt x="8196" y="14536"/>
                  </a:cubicBezTo>
                  <a:cubicBezTo>
                    <a:pt x="8271" y="14536"/>
                    <a:pt x="8372" y="14587"/>
                    <a:pt x="8447" y="14587"/>
                  </a:cubicBezTo>
                  <a:cubicBezTo>
                    <a:pt x="8547" y="14587"/>
                    <a:pt x="8723" y="14461"/>
                    <a:pt x="8773" y="14361"/>
                  </a:cubicBezTo>
                  <a:cubicBezTo>
                    <a:pt x="8773" y="14311"/>
                    <a:pt x="8823" y="14135"/>
                    <a:pt x="8773" y="14010"/>
                  </a:cubicBezTo>
                  <a:cubicBezTo>
                    <a:pt x="8764" y="14001"/>
                    <a:pt x="8750" y="13998"/>
                    <a:pt x="8732" y="13998"/>
                  </a:cubicBezTo>
                  <a:cubicBezTo>
                    <a:pt x="8673" y="13998"/>
                    <a:pt x="8576" y="14035"/>
                    <a:pt x="8509" y="14035"/>
                  </a:cubicBezTo>
                  <a:cubicBezTo>
                    <a:pt x="8482" y="14035"/>
                    <a:pt x="8459" y="14028"/>
                    <a:pt x="8447" y="14010"/>
                  </a:cubicBezTo>
                  <a:cubicBezTo>
                    <a:pt x="8372" y="13960"/>
                    <a:pt x="8372" y="13785"/>
                    <a:pt x="8372" y="13684"/>
                  </a:cubicBezTo>
                  <a:cubicBezTo>
                    <a:pt x="8447" y="13509"/>
                    <a:pt x="8723" y="13333"/>
                    <a:pt x="8898" y="13283"/>
                  </a:cubicBezTo>
                  <a:cubicBezTo>
                    <a:pt x="8998" y="13233"/>
                    <a:pt x="9274" y="13233"/>
                    <a:pt x="9399" y="13233"/>
                  </a:cubicBezTo>
                  <a:cubicBezTo>
                    <a:pt x="9499" y="13283"/>
                    <a:pt x="9675" y="13409"/>
                    <a:pt x="9725" y="13459"/>
                  </a:cubicBezTo>
                  <a:cubicBezTo>
                    <a:pt x="9800" y="13559"/>
                    <a:pt x="9800" y="13785"/>
                    <a:pt x="9850" y="13860"/>
                  </a:cubicBezTo>
                  <a:cubicBezTo>
                    <a:pt x="9900" y="13960"/>
                    <a:pt x="10076" y="14085"/>
                    <a:pt x="10126" y="14135"/>
                  </a:cubicBezTo>
                  <a:cubicBezTo>
                    <a:pt x="10302" y="14135"/>
                    <a:pt x="10527" y="13910"/>
                    <a:pt x="10652" y="13785"/>
                  </a:cubicBezTo>
                  <a:cubicBezTo>
                    <a:pt x="10753" y="13684"/>
                    <a:pt x="10978" y="13409"/>
                    <a:pt x="11104" y="13233"/>
                  </a:cubicBezTo>
                  <a:cubicBezTo>
                    <a:pt x="11104" y="13108"/>
                    <a:pt x="11104" y="12882"/>
                    <a:pt x="11154" y="12782"/>
                  </a:cubicBezTo>
                  <a:cubicBezTo>
                    <a:pt x="11154" y="12657"/>
                    <a:pt x="11104" y="12431"/>
                    <a:pt x="11154" y="12331"/>
                  </a:cubicBezTo>
                  <a:cubicBezTo>
                    <a:pt x="11204" y="12206"/>
                    <a:pt x="11329" y="12105"/>
                    <a:pt x="11429" y="12055"/>
                  </a:cubicBezTo>
                  <a:cubicBezTo>
                    <a:pt x="11605" y="12005"/>
                    <a:pt x="11956" y="12005"/>
                    <a:pt x="12181" y="12005"/>
                  </a:cubicBezTo>
                  <a:cubicBezTo>
                    <a:pt x="12215" y="12005"/>
                    <a:pt x="12304" y="12027"/>
                    <a:pt x="12389" y="12027"/>
                  </a:cubicBezTo>
                  <a:cubicBezTo>
                    <a:pt x="12432" y="12027"/>
                    <a:pt x="12474" y="12022"/>
                    <a:pt x="12507" y="12005"/>
                  </a:cubicBezTo>
                  <a:cubicBezTo>
                    <a:pt x="12682" y="11930"/>
                    <a:pt x="12783" y="11554"/>
                    <a:pt x="12858" y="11379"/>
                  </a:cubicBezTo>
                  <a:cubicBezTo>
                    <a:pt x="12908" y="11253"/>
                    <a:pt x="13083" y="10978"/>
                    <a:pt x="13083" y="10802"/>
                  </a:cubicBezTo>
                  <a:cubicBezTo>
                    <a:pt x="13134" y="10702"/>
                    <a:pt x="13134" y="10351"/>
                    <a:pt x="13083" y="10251"/>
                  </a:cubicBezTo>
                  <a:cubicBezTo>
                    <a:pt x="12958" y="10075"/>
                    <a:pt x="12682" y="9900"/>
                    <a:pt x="12557" y="9800"/>
                  </a:cubicBezTo>
                  <a:cubicBezTo>
                    <a:pt x="12407" y="9674"/>
                    <a:pt x="12056" y="9574"/>
                    <a:pt x="11956" y="9449"/>
                  </a:cubicBezTo>
                  <a:cubicBezTo>
                    <a:pt x="11880" y="9399"/>
                    <a:pt x="11730" y="9173"/>
                    <a:pt x="11730" y="9073"/>
                  </a:cubicBezTo>
                  <a:cubicBezTo>
                    <a:pt x="11655" y="8947"/>
                    <a:pt x="11780" y="8622"/>
                    <a:pt x="11830" y="8496"/>
                  </a:cubicBezTo>
                  <a:cubicBezTo>
                    <a:pt x="11880" y="8396"/>
                    <a:pt x="12181" y="8271"/>
                    <a:pt x="12231" y="8171"/>
                  </a:cubicBezTo>
                  <a:cubicBezTo>
                    <a:pt x="12332" y="8045"/>
                    <a:pt x="12507" y="7820"/>
                    <a:pt x="12507" y="7644"/>
                  </a:cubicBezTo>
                  <a:cubicBezTo>
                    <a:pt x="12507" y="7544"/>
                    <a:pt x="12407" y="7369"/>
                    <a:pt x="12332" y="7318"/>
                  </a:cubicBezTo>
                  <a:cubicBezTo>
                    <a:pt x="12281" y="7268"/>
                    <a:pt x="12006" y="7193"/>
                    <a:pt x="12006" y="7093"/>
                  </a:cubicBezTo>
                  <a:cubicBezTo>
                    <a:pt x="11956" y="7043"/>
                    <a:pt x="12006" y="6867"/>
                    <a:pt x="12056" y="6817"/>
                  </a:cubicBezTo>
                  <a:cubicBezTo>
                    <a:pt x="12181" y="6692"/>
                    <a:pt x="12557" y="6642"/>
                    <a:pt x="12733" y="6642"/>
                  </a:cubicBezTo>
                  <a:cubicBezTo>
                    <a:pt x="12833" y="6642"/>
                    <a:pt x="12997" y="6706"/>
                    <a:pt x="13110" y="6706"/>
                  </a:cubicBezTo>
                  <a:cubicBezTo>
                    <a:pt x="13139" y="6706"/>
                    <a:pt x="13164" y="6702"/>
                    <a:pt x="13184" y="6692"/>
                  </a:cubicBezTo>
                  <a:cubicBezTo>
                    <a:pt x="13309" y="6692"/>
                    <a:pt x="13585" y="6642"/>
                    <a:pt x="13635" y="6516"/>
                  </a:cubicBezTo>
                  <a:cubicBezTo>
                    <a:pt x="13760" y="6416"/>
                    <a:pt x="13635" y="6015"/>
                    <a:pt x="13710" y="5865"/>
                  </a:cubicBezTo>
                  <a:cubicBezTo>
                    <a:pt x="13760" y="5739"/>
                    <a:pt x="13810" y="5514"/>
                    <a:pt x="13860" y="5414"/>
                  </a:cubicBezTo>
                  <a:cubicBezTo>
                    <a:pt x="13962" y="5353"/>
                    <a:pt x="14197" y="5275"/>
                    <a:pt x="14348" y="5275"/>
                  </a:cubicBezTo>
                  <a:cubicBezTo>
                    <a:pt x="14383" y="5275"/>
                    <a:pt x="14413" y="5279"/>
                    <a:pt x="14437" y="5288"/>
                  </a:cubicBezTo>
                  <a:cubicBezTo>
                    <a:pt x="14612" y="5338"/>
                    <a:pt x="14763" y="5639"/>
                    <a:pt x="14938" y="5689"/>
                  </a:cubicBezTo>
                  <a:cubicBezTo>
                    <a:pt x="15063" y="5739"/>
                    <a:pt x="15339" y="5790"/>
                    <a:pt x="15464" y="5790"/>
                  </a:cubicBezTo>
                  <a:cubicBezTo>
                    <a:pt x="15565" y="5739"/>
                    <a:pt x="15790" y="5564"/>
                    <a:pt x="15916" y="5514"/>
                  </a:cubicBezTo>
                  <a:cubicBezTo>
                    <a:pt x="15938" y="5503"/>
                    <a:pt x="15974" y="5499"/>
                    <a:pt x="16016" y="5499"/>
                  </a:cubicBezTo>
                  <a:cubicBezTo>
                    <a:pt x="16091" y="5499"/>
                    <a:pt x="16186" y="5510"/>
                    <a:pt x="16266" y="5510"/>
                  </a:cubicBezTo>
                  <a:cubicBezTo>
                    <a:pt x="16339" y="5510"/>
                    <a:pt x="16398" y="5501"/>
                    <a:pt x="16417" y="5464"/>
                  </a:cubicBezTo>
                  <a:cubicBezTo>
                    <a:pt x="16592" y="5338"/>
                    <a:pt x="16517" y="4887"/>
                    <a:pt x="16642" y="4737"/>
                  </a:cubicBezTo>
                  <a:cubicBezTo>
                    <a:pt x="16642" y="4612"/>
                    <a:pt x="16868" y="4511"/>
                    <a:pt x="16993" y="4386"/>
                  </a:cubicBezTo>
                  <a:cubicBezTo>
                    <a:pt x="16918" y="4336"/>
                    <a:pt x="16868" y="4286"/>
                    <a:pt x="16818" y="4286"/>
                  </a:cubicBezTo>
                  <a:cubicBezTo>
                    <a:pt x="16768" y="4160"/>
                    <a:pt x="16693" y="3985"/>
                    <a:pt x="16642" y="3935"/>
                  </a:cubicBezTo>
                  <a:cubicBezTo>
                    <a:pt x="16517" y="3835"/>
                    <a:pt x="16367" y="3759"/>
                    <a:pt x="16241" y="3759"/>
                  </a:cubicBezTo>
                  <a:lnTo>
                    <a:pt x="16016" y="3759"/>
                  </a:lnTo>
                  <a:cubicBezTo>
                    <a:pt x="15916" y="3709"/>
                    <a:pt x="15840" y="3609"/>
                    <a:pt x="15790" y="3484"/>
                  </a:cubicBezTo>
                  <a:cubicBezTo>
                    <a:pt x="15790" y="3434"/>
                    <a:pt x="15790" y="3258"/>
                    <a:pt x="15840" y="3208"/>
                  </a:cubicBezTo>
                  <a:cubicBezTo>
                    <a:pt x="15840" y="3158"/>
                    <a:pt x="15966" y="3033"/>
                    <a:pt x="15966" y="2932"/>
                  </a:cubicBezTo>
                  <a:cubicBezTo>
                    <a:pt x="15966" y="2857"/>
                    <a:pt x="16016" y="2707"/>
                    <a:pt x="15966" y="2632"/>
                  </a:cubicBezTo>
                  <a:cubicBezTo>
                    <a:pt x="15966" y="2607"/>
                    <a:pt x="15934" y="2607"/>
                    <a:pt x="15897" y="2607"/>
                  </a:cubicBezTo>
                  <a:cubicBezTo>
                    <a:pt x="15859" y="2607"/>
                    <a:pt x="15815" y="2607"/>
                    <a:pt x="15790" y="2582"/>
                  </a:cubicBezTo>
                  <a:cubicBezTo>
                    <a:pt x="15740" y="2582"/>
                    <a:pt x="15740" y="2481"/>
                    <a:pt x="15740" y="2406"/>
                  </a:cubicBezTo>
                  <a:cubicBezTo>
                    <a:pt x="15707" y="2406"/>
                    <a:pt x="15618" y="2384"/>
                    <a:pt x="15547" y="2384"/>
                  </a:cubicBezTo>
                  <a:cubicBezTo>
                    <a:pt x="15512" y="2384"/>
                    <a:pt x="15481" y="2389"/>
                    <a:pt x="15464" y="2406"/>
                  </a:cubicBezTo>
                  <a:cubicBezTo>
                    <a:pt x="15389" y="2406"/>
                    <a:pt x="15289" y="2531"/>
                    <a:pt x="15239" y="2531"/>
                  </a:cubicBezTo>
                  <a:cubicBezTo>
                    <a:pt x="15164" y="2531"/>
                    <a:pt x="15114" y="2406"/>
                    <a:pt x="15063" y="2406"/>
                  </a:cubicBezTo>
                  <a:cubicBezTo>
                    <a:pt x="14988" y="2356"/>
                    <a:pt x="14938" y="2306"/>
                    <a:pt x="14888" y="2256"/>
                  </a:cubicBezTo>
                  <a:lnTo>
                    <a:pt x="14713" y="2256"/>
                  </a:lnTo>
                  <a:cubicBezTo>
                    <a:pt x="14662" y="2181"/>
                    <a:pt x="14662" y="2130"/>
                    <a:pt x="14662" y="2080"/>
                  </a:cubicBezTo>
                  <a:cubicBezTo>
                    <a:pt x="14662" y="2030"/>
                    <a:pt x="14713" y="1905"/>
                    <a:pt x="14713" y="1855"/>
                  </a:cubicBezTo>
                  <a:cubicBezTo>
                    <a:pt x="14713" y="1805"/>
                    <a:pt x="14713" y="1679"/>
                    <a:pt x="14662" y="1629"/>
                  </a:cubicBezTo>
                  <a:cubicBezTo>
                    <a:pt x="14662" y="1579"/>
                    <a:pt x="14487" y="1579"/>
                    <a:pt x="14437" y="1504"/>
                  </a:cubicBezTo>
                  <a:lnTo>
                    <a:pt x="14437" y="1278"/>
                  </a:lnTo>
                  <a:cubicBezTo>
                    <a:pt x="14437" y="1228"/>
                    <a:pt x="14487" y="1178"/>
                    <a:pt x="14537" y="1128"/>
                  </a:cubicBezTo>
                  <a:cubicBezTo>
                    <a:pt x="14537" y="1053"/>
                    <a:pt x="14612" y="952"/>
                    <a:pt x="14662" y="902"/>
                  </a:cubicBezTo>
                  <a:cubicBezTo>
                    <a:pt x="14713" y="902"/>
                    <a:pt x="14838" y="827"/>
                    <a:pt x="14888" y="827"/>
                  </a:cubicBezTo>
                  <a:cubicBezTo>
                    <a:pt x="14938" y="827"/>
                    <a:pt x="14988" y="952"/>
                    <a:pt x="15063" y="952"/>
                  </a:cubicBezTo>
                  <a:cubicBezTo>
                    <a:pt x="15164" y="952"/>
                    <a:pt x="15339" y="902"/>
                    <a:pt x="15389" y="827"/>
                  </a:cubicBezTo>
                  <a:lnTo>
                    <a:pt x="15389" y="551"/>
                  </a:lnTo>
                  <a:cubicBezTo>
                    <a:pt x="15464" y="551"/>
                    <a:pt x="15515" y="501"/>
                    <a:pt x="15565" y="451"/>
                  </a:cubicBezTo>
                  <a:cubicBezTo>
                    <a:pt x="15565" y="401"/>
                    <a:pt x="15515" y="226"/>
                    <a:pt x="15464" y="175"/>
                  </a:cubicBezTo>
                  <a:cubicBezTo>
                    <a:pt x="15389" y="100"/>
                    <a:pt x="15239" y="50"/>
                    <a:pt x="15164" y="0"/>
                  </a:cubicBezTo>
                  <a:close/>
                </a:path>
              </a:pathLst>
            </a:custGeom>
            <a:solidFill>
              <a:schemeClr val="bg1"/>
            </a:solidFill>
            <a:ln>
              <a:noFill/>
            </a:ln>
          </p:spPr>
          <p:txBody>
            <a:bodyPr spcFirstLastPara="1" wrap="square" lIns="121900" tIns="121900" rIns="121900" bIns="121900" anchor="ctr" anchorCtr="0">
              <a:noAutofit/>
            </a:bodyPr>
            <a:lstStyle/>
            <a:p>
              <a:endParaRPr sz="2400"/>
            </a:p>
          </p:txBody>
        </p:sp>
        <p:sp>
          <p:nvSpPr>
            <p:cNvPr id="133" name="Google Shape;190;p16">
              <a:extLst>
                <a:ext uri="{FF2B5EF4-FFF2-40B4-BE49-F238E27FC236}">
                  <a16:creationId xmlns:a16="http://schemas.microsoft.com/office/drawing/2014/main" id="{F490424F-68C1-B069-BB5D-94C4C115408B}"/>
                </a:ext>
              </a:extLst>
            </p:cNvPr>
            <p:cNvSpPr/>
            <p:nvPr/>
          </p:nvSpPr>
          <p:spPr>
            <a:xfrm>
              <a:off x="2170600" y="1033009"/>
              <a:ext cx="474303" cy="488955"/>
            </a:xfrm>
            <a:custGeom>
              <a:avLst/>
              <a:gdLst/>
              <a:ahLst/>
              <a:cxnLst/>
              <a:rect l="l" t="t" r="r" b="b"/>
              <a:pathLst>
                <a:path w="16994" h="17519" fill="none" extrusionOk="0">
                  <a:moveTo>
                    <a:pt x="16993" y="4386"/>
                  </a:moveTo>
                  <a:cubicBezTo>
                    <a:pt x="16868" y="4511"/>
                    <a:pt x="16642" y="4612"/>
                    <a:pt x="16642" y="4737"/>
                  </a:cubicBezTo>
                  <a:cubicBezTo>
                    <a:pt x="16517" y="4887"/>
                    <a:pt x="16592" y="5338"/>
                    <a:pt x="16417" y="5464"/>
                  </a:cubicBezTo>
                  <a:cubicBezTo>
                    <a:pt x="16367" y="5564"/>
                    <a:pt x="16016" y="5464"/>
                    <a:pt x="15916" y="5514"/>
                  </a:cubicBezTo>
                  <a:cubicBezTo>
                    <a:pt x="15790" y="5564"/>
                    <a:pt x="15565" y="5739"/>
                    <a:pt x="15464" y="5790"/>
                  </a:cubicBezTo>
                  <a:cubicBezTo>
                    <a:pt x="15339" y="5790"/>
                    <a:pt x="15063" y="5739"/>
                    <a:pt x="14938" y="5689"/>
                  </a:cubicBezTo>
                  <a:cubicBezTo>
                    <a:pt x="14763" y="5639"/>
                    <a:pt x="14612" y="5338"/>
                    <a:pt x="14437" y="5288"/>
                  </a:cubicBezTo>
                  <a:cubicBezTo>
                    <a:pt x="14312" y="5238"/>
                    <a:pt x="13986" y="5338"/>
                    <a:pt x="13860" y="5414"/>
                  </a:cubicBezTo>
                  <a:cubicBezTo>
                    <a:pt x="13810" y="5514"/>
                    <a:pt x="13760" y="5739"/>
                    <a:pt x="13710" y="5865"/>
                  </a:cubicBezTo>
                  <a:cubicBezTo>
                    <a:pt x="13635" y="6015"/>
                    <a:pt x="13760" y="6416"/>
                    <a:pt x="13635" y="6516"/>
                  </a:cubicBezTo>
                  <a:cubicBezTo>
                    <a:pt x="13585" y="6642"/>
                    <a:pt x="13309" y="6692"/>
                    <a:pt x="13184" y="6692"/>
                  </a:cubicBezTo>
                  <a:cubicBezTo>
                    <a:pt x="13083" y="6742"/>
                    <a:pt x="12858" y="6642"/>
                    <a:pt x="12733" y="6642"/>
                  </a:cubicBezTo>
                  <a:cubicBezTo>
                    <a:pt x="12557" y="6642"/>
                    <a:pt x="12181" y="6692"/>
                    <a:pt x="12056" y="6817"/>
                  </a:cubicBezTo>
                  <a:cubicBezTo>
                    <a:pt x="12006" y="6867"/>
                    <a:pt x="11956" y="7043"/>
                    <a:pt x="12006" y="7093"/>
                  </a:cubicBezTo>
                  <a:cubicBezTo>
                    <a:pt x="12006" y="7193"/>
                    <a:pt x="12281" y="7268"/>
                    <a:pt x="12332" y="7318"/>
                  </a:cubicBezTo>
                  <a:cubicBezTo>
                    <a:pt x="12407" y="7369"/>
                    <a:pt x="12507" y="7544"/>
                    <a:pt x="12507" y="7644"/>
                  </a:cubicBezTo>
                  <a:cubicBezTo>
                    <a:pt x="12507" y="7820"/>
                    <a:pt x="12332" y="8045"/>
                    <a:pt x="12231" y="8171"/>
                  </a:cubicBezTo>
                  <a:cubicBezTo>
                    <a:pt x="12181" y="8271"/>
                    <a:pt x="11880" y="8396"/>
                    <a:pt x="11830" y="8496"/>
                  </a:cubicBezTo>
                  <a:cubicBezTo>
                    <a:pt x="11780" y="8622"/>
                    <a:pt x="11655" y="8947"/>
                    <a:pt x="11730" y="9073"/>
                  </a:cubicBezTo>
                  <a:cubicBezTo>
                    <a:pt x="11730" y="9173"/>
                    <a:pt x="11880" y="9399"/>
                    <a:pt x="11956" y="9449"/>
                  </a:cubicBezTo>
                  <a:cubicBezTo>
                    <a:pt x="12056" y="9574"/>
                    <a:pt x="12407" y="9674"/>
                    <a:pt x="12557" y="9800"/>
                  </a:cubicBezTo>
                  <a:cubicBezTo>
                    <a:pt x="12682" y="9900"/>
                    <a:pt x="12958" y="10075"/>
                    <a:pt x="13083" y="10251"/>
                  </a:cubicBezTo>
                  <a:cubicBezTo>
                    <a:pt x="13134" y="10351"/>
                    <a:pt x="13134" y="10702"/>
                    <a:pt x="13083" y="10802"/>
                  </a:cubicBezTo>
                  <a:cubicBezTo>
                    <a:pt x="13083" y="10978"/>
                    <a:pt x="12908" y="11253"/>
                    <a:pt x="12858" y="11379"/>
                  </a:cubicBezTo>
                  <a:cubicBezTo>
                    <a:pt x="12783" y="11554"/>
                    <a:pt x="12682" y="11930"/>
                    <a:pt x="12507" y="12005"/>
                  </a:cubicBezTo>
                  <a:cubicBezTo>
                    <a:pt x="12407" y="12055"/>
                    <a:pt x="12231" y="12005"/>
                    <a:pt x="12181" y="12005"/>
                  </a:cubicBezTo>
                  <a:cubicBezTo>
                    <a:pt x="11956" y="12005"/>
                    <a:pt x="11605" y="12005"/>
                    <a:pt x="11429" y="12055"/>
                  </a:cubicBezTo>
                  <a:cubicBezTo>
                    <a:pt x="11329" y="12105"/>
                    <a:pt x="11204" y="12206"/>
                    <a:pt x="11154" y="12331"/>
                  </a:cubicBezTo>
                  <a:cubicBezTo>
                    <a:pt x="11104" y="12431"/>
                    <a:pt x="11154" y="12657"/>
                    <a:pt x="11154" y="12782"/>
                  </a:cubicBezTo>
                  <a:cubicBezTo>
                    <a:pt x="11104" y="12882"/>
                    <a:pt x="11104" y="13108"/>
                    <a:pt x="11104" y="13233"/>
                  </a:cubicBezTo>
                  <a:cubicBezTo>
                    <a:pt x="10978" y="13409"/>
                    <a:pt x="10753" y="13684"/>
                    <a:pt x="10652" y="13785"/>
                  </a:cubicBezTo>
                  <a:cubicBezTo>
                    <a:pt x="10527" y="13910"/>
                    <a:pt x="10302" y="14135"/>
                    <a:pt x="10126" y="14135"/>
                  </a:cubicBezTo>
                  <a:cubicBezTo>
                    <a:pt x="10076" y="14085"/>
                    <a:pt x="9900" y="13960"/>
                    <a:pt x="9850" y="13860"/>
                  </a:cubicBezTo>
                  <a:cubicBezTo>
                    <a:pt x="9800" y="13785"/>
                    <a:pt x="9800" y="13559"/>
                    <a:pt x="9725" y="13459"/>
                  </a:cubicBezTo>
                  <a:cubicBezTo>
                    <a:pt x="9675" y="13409"/>
                    <a:pt x="9499" y="13283"/>
                    <a:pt x="9399" y="13233"/>
                  </a:cubicBezTo>
                  <a:cubicBezTo>
                    <a:pt x="9274" y="13233"/>
                    <a:pt x="8998" y="13233"/>
                    <a:pt x="8898" y="13283"/>
                  </a:cubicBezTo>
                  <a:cubicBezTo>
                    <a:pt x="8723" y="13333"/>
                    <a:pt x="8447" y="13509"/>
                    <a:pt x="8372" y="13684"/>
                  </a:cubicBezTo>
                  <a:cubicBezTo>
                    <a:pt x="8372" y="13785"/>
                    <a:pt x="8372" y="13960"/>
                    <a:pt x="8447" y="14010"/>
                  </a:cubicBezTo>
                  <a:cubicBezTo>
                    <a:pt x="8497" y="14085"/>
                    <a:pt x="8723" y="13960"/>
                    <a:pt x="8773" y="14010"/>
                  </a:cubicBezTo>
                  <a:cubicBezTo>
                    <a:pt x="8823" y="14135"/>
                    <a:pt x="8773" y="14311"/>
                    <a:pt x="8773" y="14361"/>
                  </a:cubicBezTo>
                  <a:cubicBezTo>
                    <a:pt x="8723" y="14461"/>
                    <a:pt x="8547" y="14587"/>
                    <a:pt x="8447" y="14587"/>
                  </a:cubicBezTo>
                  <a:cubicBezTo>
                    <a:pt x="8372" y="14587"/>
                    <a:pt x="8271" y="14536"/>
                    <a:pt x="8196" y="14536"/>
                  </a:cubicBezTo>
                  <a:cubicBezTo>
                    <a:pt x="8096" y="14536"/>
                    <a:pt x="7870" y="14587"/>
                    <a:pt x="7745" y="14637"/>
                  </a:cubicBezTo>
                  <a:cubicBezTo>
                    <a:pt x="7645" y="14762"/>
                    <a:pt x="7369" y="14988"/>
                    <a:pt x="7294" y="15138"/>
                  </a:cubicBezTo>
                  <a:cubicBezTo>
                    <a:pt x="7244" y="15263"/>
                    <a:pt x="7294" y="15539"/>
                    <a:pt x="7244" y="15714"/>
                  </a:cubicBezTo>
                  <a:cubicBezTo>
                    <a:pt x="7244" y="15890"/>
                    <a:pt x="7244" y="16266"/>
                    <a:pt x="7144" y="16441"/>
                  </a:cubicBezTo>
                  <a:cubicBezTo>
                    <a:pt x="7068" y="16491"/>
                    <a:pt x="6918" y="16567"/>
                    <a:pt x="6843" y="16617"/>
                  </a:cubicBezTo>
                  <a:cubicBezTo>
                    <a:pt x="6743" y="16717"/>
                    <a:pt x="6692" y="17018"/>
                    <a:pt x="6617" y="17118"/>
                  </a:cubicBezTo>
                  <a:cubicBezTo>
                    <a:pt x="6517" y="17243"/>
                    <a:pt x="6291" y="17469"/>
                    <a:pt x="6116" y="17469"/>
                  </a:cubicBezTo>
                  <a:cubicBezTo>
                    <a:pt x="5991" y="17519"/>
                    <a:pt x="5765" y="17394"/>
                    <a:pt x="5665" y="17344"/>
                  </a:cubicBezTo>
                  <a:cubicBezTo>
                    <a:pt x="5540" y="17293"/>
                    <a:pt x="5489" y="17068"/>
                    <a:pt x="5389" y="17018"/>
                  </a:cubicBezTo>
                  <a:cubicBezTo>
                    <a:pt x="5314" y="16943"/>
                    <a:pt x="5088" y="16892"/>
                    <a:pt x="5038" y="16943"/>
                  </a:cubicBezTo>
                  <a:cubicBezTo>
                    <a:pt x="4913" y="17018"/>
                    <a:pt x="4913" y="17293"/>
                    <a:pt x="4813" y="17344"/>
                  </a:cubicBezTo>
                  <a:cubicBezTo>
                    <a:pt x="4687" y="17394"/>
                    <a:pt x="4462" y="17394"/>
                    <a:pt x="4362" y="17344"/>
                  </a:cubicBezTo>
                  <a:cubicBezTo>
                    <a:pt x="4236" y="17293"/>
                    <a:pt x="4136" y="17018"/>
                    <a:pt x="4136" y="16892"/>
                  </a:cubicBezTo>
                  <a:cubicBezTo>
                    <a:pt x="4136" y="16792"/>
                    <a:pt x="4236" y="16667"/>
                    <a:pt x="4311" y="16567"/>
                  </a:cubicBezTo>
                  <a:cubicBezTo>
                    <a:pt x="4311" y="16441"/>
                    <a:pt x="4362" y="16166"/>
                    <a:pt x="4236" y="16040"/>
                  </a:cubicBezTo>
                  <a:cubicBezTo>
                    <a:pt x="4186" y="15940"/>
                    <a:pt x="3785" y="15940"/>
                    <a:pt x="3685" y="15940"/>
                  </a:cubicBezTo>
                  <a:cubicBezTo>
                    <a:pt x="3560" y="15940"/>
                    <a:pt x="3459" y="15990"/>
                    <a:pt x="3334" y="15990"/>
                  </a:cubicBezTo>
                  <a:cubicBezTo>
                    <a:pt x="3284" y="15990"/>
                    <a:pt x="3284" y="15990"/>
                    <a:pt x="3284" y="15940"/>
                  </a:cubicBezTo>
                  <a:cubicBezTo>
                    <a:pt x="3234" y="15890"/>
                    <a:pt x="3058" y="15714"/>
                    <a:pt x="2933" y="15664"/>
                  </a:cubicBezTo>
                  <a:cubicBezTo>
                    <a:pt x="2833" y="15589"/>
                    <a:pt x="2607" y="15589"/>
                    <a:pt x="2482" y="15589"/>
                  </a:cubicBezTo>
                  <a:cubicBezTo>
                    <a:pt x="2432" y="15664"/>
                    <a:pt x="2256" y="15714"/>
                    <a:pt x="2206" y="15815"/>
                  </a:cubicBezTo>
                  <a:cubicBezTo>
                    <a:pt x="2156" y="15890"/>
                    <a:pt x="2156" y="16115"/>
                    <a:pt x="2106" y="16216"/>
                  </a:cubicBezTo>
                  <a:cubicBezTo>
                    <a:pt x="2031" y="16266"/>
                    <a:pt x="1805" y="16441"/>
                    <a:pt x="1705" y="16441"/>
                  </a:cubicBezTo>
                  <a:cubicBezTo>
                    <a:pt x="1530" y="16391"/>
                    <a:pt x="1179" y="16115"/>
                    <a:pt x="1078" y="15940"/>
                  </a:cubicBezTo>
                  <a:cubicBezTo>
                    <a:pt x="1028" y="15890"/>
                    <a:pt x="903" y="15664"/>
                    <a:pt x="903" y="15539"/>
                  </a:cubicBezTo>
                  <a:cubicBezTo>
                    <a:pt x="853" y="15439"/>
                    <a:pt x="853" y="15213"/>
                    <a:pt x="803" y="15088"/>
                  </a:cubicBezTo>
                  <a:cubicBezTo>
                    <a:pt x="803" y="14912"/>
                    <a:pt x="728" y="14637"/>
                    <a:pt x="677" y="14536"/>
                  </a:cubicBezTo>
                  <a:cubicBezTo>
                    <a:pt x="627" y="14461"/>
                    <a:pt x="452" y="14361"/>
                    <a:pt x="402" y="14311"/>
                  </a:cubicBezTo>
                  <a:cubicBezTo>
                    <a:pt x="352" y="14186"/>
                    <a:pt x="276" y="14085"/>
                    <a:pt x="276" y="13960"/>
                  </a:cubicBezTo>
                  <a:cubicBezTo>
                    <a:pt x="226" y="13785"/>
                    <a:pt x="352" y="13509"/>
                    <a:pt x="452" y="13333"/>
                  </a:cubicBezTo>
                  <a:cubicBezTo>
                    <a:pt x="502" y="13233"/>
                    <a:pt x="677" y="13008"/>
                    <a:pt x="803" y="12882"/>
                  </a:cubicBezTo>
                  <a:cubicBezTo>
                    <a:pt x="853" y="12657"/>
                    <a:pt x="1028" y="12281"/>
                    <a:pt x="1129" y="12055"/>
                  </a:cubicBezTo>
                  <a:cubicBezTo>
                    <a:pt x="1179" y="11880"/>
                    <a:pt x="1354" y="11479"/>
                    <a:pt x="1404" y="11328"/>
                  </a:cubicBezTo>
                  <a:cubicBezTo>
                    <a:pt x="1404" y="11028"/>
                    <a:pt x="1354" y="10526"/>
                    <a:pt x="1354" y="10251"/>
                  </a:cubicBezTo>
                  <a:cubicBezTo>
                    <a:pt x="1354" y="10125"/>
                    <a:pt x="1479" y="9800"/>
                    <a:pt x="1404" y="9674"/>
                  </a:cubicBezTo>
                  <a:cubicBezTo>
                    <a:pt x="1304" y="9574"/>
                    <a:pt x="1028" y="9674"/>
                    <a:pt x="903" y="9624"/>
                  </a:cubicBezTo>
                  <a:cubicBezTo>
                    <a:pt x="853" y="9574"/>
                    <a:pt x="728" y="9399"/>
                    <a:pt x="728" y="9348"/>
                  </a:cubicBezTo>
                  <a:cubicBezTo>
                    <a:pt x="728" y="9223"/>
                    <a:pt x="853" y="9073"/>
                    <a:pt x="953" y="8998"/>
                  </a:cubicBezTo>
                  <a:cubicBezTo>
                    <a:pt x="1078" y="8897"/>
                    <a:pt x="1404" y="8897"/>
                    <a:pt x="1530" y="8897"/>
                  </a:cubicBezTo>
                  <a:cubicBezTo>
                    <a:pt x="1655" y="8897"/>
                    <a:pt x="1755" y="9073"/>
                    <a:pt x="1880" y="9073"/>
                  </a:cubicBezTo>
                  <a:cubicBezTo>
                    <a:pt x="1931" y="8998"/>
                    <a:pt x="1931" y="8847"/>
                    <a:pt x="1931" y="8722"/>
                  </a:cubicBezTo>
                  <a:cubicBezTo>
                    <a:pt x="1931" y="8672"/>
                    <a:pt x="1755" y="8546"/>
                    <a:pt x="1755" y="8446"/>
                  </a:cubicBezTo>
                  <a:cubicBezTo>
                    <a:pt x="1755" y="8396"/>
                    <a:pt x="1805" y="8221"/>
                    <a:pt x="1805" y="8095"/>
                  </a:cubicBezTo>
                  <a:cubicBezTo>
                    <a:pt x="1805" y="7995"/>
                    <a:pt x="1755" y="7820"/>
                    <a:pt x="1705" y="7719"/>
                  </a:cubicBezTo>
                  <a:cubicBezTo>
                    <a:pt x="1655" y="7594"/>
                    <a:pt x="1404" y="7419"/>
                    <a:pt x="1304" y="7419"/>
                  </a:cubicBezTo>
                  <a:cubicBezTo>
                    <a:pt x="1179" y="7369"/>
                    <a:pt x="903" y="7594"/>
                    <a:pt x="803" y="7544"/>
                  </a:cubicBezTo>
                  <a:cubicBezTo>
                    <a:pt x="728" y="7494"/>
                    <a:pt x="677" y="7318"/>
                    <a:pt x="677" y="7268"/>
                  </a:cubicBezTo>
                  <a:lnTo>
                    <a:pt x="677" y="7143"/>
                  </a:lnTo>
                  <a:cubicBezTo>
                    <a:pt x="728" y="7143"/>
                    <a:pt x="803" y="7193"/>
                    <a:pt x="803" y="7143"/>
                  </a:cubicBezTo>
                  <a:cubicBezTo>
                    <a:pt x="853" y="7143"/>
                    <a:pt x="903" y="7093"/>
                    <a:pt x="903" y="7043"/>
                  </a:cubicBezTo>
                  <a:cubicBezTo>
                    <a:pt x="903" y="6968"/>
                    <a:pt x="853" y="6917"/>
                    <a:pt x="853" y="6867"/>
                  </a:cubicBezTo>
                  <a:cubicBezTo>
                    <a:pt x="853" y="6742"/>
                    <a:pt x="903" y="6642"/>
                    <a:pt x="953" y="6516"/>
                  </a:cubicBezTo>
                  <a:cubicBezTo>
                    <a:pt x="1028" y="6466"/>
                    <a:pt x="1078" y="6416"/>
                    <a:pt x="1129" y="6366"/>
                  </a:cubicBezTo>
                  <a:lnTo>
                    <a:pt x="1129" y="6140"/>
                  </a:lnTo>
                  <a:cubicBezTo>
                    <a:pt x="1078" y="6090"/>
                    <a:pt x="1028" y="6015"/>
                    <a:pt x="953" y="6015"/>
                  </a:cubicBezTo>
                  <a:lnTo>
                    <a:pt x="853" y="5915"/>
                  </a:lnTo>
                  <a:cubicBezTo>
                    <a:pt x="728" y="5915"/>
                    <a:pt x="577" y="5965"/>
                    <a:pt x="452" y="5965"/>
                  </a:cubicBezTo>
                  <a:lnTo>
                    <a:pt x="276" y="5965"/>
                  </a:lnTo>
                  <a:cubicBezTo>
                    <a:pt x="226" y="5915"/>
                    <a:pt x="176" y="5790"/>
                    <a:pt x="126" y="5739"/>
                  </a:cubicBezTo>
                  <a:cubicBezTo>
                    <a:pt x="51" y="5689"/>
                    <a:pt x="1" y="5564"/>
                    <a:pt x="1" y="5514"/>
                  </a:cubicBezTo>
                  <a:cubicBezTo>
                    <a:pt x="1" y="5414"/>
                    <a:pt x="51" y="5238"/>
                    <a:pt x="126" y="5188"/>
                  </a:cubicBezTo>
                  <a:cubicBezTo>
                    <a:pt x="176" y="5188"/>
                    <a:pt x="276" y="5113"/>
                    <a:pt x="276" y="5063"/>
                  </a:cubicBezTo>
                  <a:cubicBezTo>
                    <a:pt x="352" y="5013"/>
                    <a:pt x="276" y="4837"/>
                    <a:pt x="276" y="4737"/>
                  </a:cubicBezTo>
                  <a:cubicBezTo>
                    <a:pt x="352" y="4662"/>
                    <a:pt x="402" y="4612"/>
                    <a:pt x="402" y="4561"/>
                  </a:cubicBezTo>
                  <a:cubicBezTo>
                    <a:pt x="452" y="4511"/>
                    <a:pt x="577" y="4436"/>
                    <a:pt x="577" y="4386"/>
                  </a:cubicBezTo>
                  <a:cubicBezTo>
                    <a:pt x="577" y="4336"/>
                    <a:pt x="452" y="4211"/>
                    <a:pt x="452" y="4160"/>
                  </a:cubicBezTo>
                  <a:lnTo>
                    <a:pt x="452" y="3985"/>
                  </a:lnTo>
                  <a:cubicBezTo>
                    <a:pt x="502" y="3935"/>
                    <a:pt x="627" y="3885"/>
                    <a:pt x="677" y="3835"/>
                  </a:cubicBezTo>
                  <a:cubicBezTo>
                    <a:pt x="728" y="3709"/>
                    <a:pt x="803" y="3534"/>
                    <a:pt x="803" y="3434"/>
                  </a:cubicBezTo>
                  <a:cubicBezTo>
                    <a:pt x="803" y="3384"/>
                    <a:pt x="728" y="3258"/>
                    <a:pt x="803" y="3208"/>
                  </a:cubicBezTo>
                  <a:cubicBezTo>
                    <a:pt x="853" y="3158"/>
                    <a:pt x="1028" y="3083"/>
                    <a:pt x="1129" y="3083"/>
                  </a:cubicBezTo>
                  <a:cubicBezTo>
                    <a:pt x="1179" y="3083"/>
                    <a:pt x="1354" y="3158"/>
                    <a:pt x="1404" y="3158"/>
                  </a:cubicBezTo>
                  <a:cubicBezTo>
                    <a:pt x="1479" y="3208"/>
                    <a:pt x="1580" y="3208"/>
                    <a:pt x="1655" y="3158"/>
                  </a:cubicBezTo>
                  <a:cubicBezTo>
                    <a:pt x="1705" y="3158"/>
                    <a:pt x="1755" y="3033"/>
                    <a:pt x="1805" y="2983"/>
                  </a:cubicBezTo>
                  <a:cubicBezTo>
                    <a:pt x="1880" y="2932"/>
                    <a:pt x="2031" y="2857"/>
                    <a:pt x="2106" y="2857"/>
                  </a:cubicBezTo>
                  <a:cubicBezTo>
                    <a:pt x="2156" y="2807"/>
                    <a:pt x="2332" y="2857"/>
                    <a:pt x="2382" y="2857"/>
                  </a:cubicBezTo>
                  <a:cubicBezTo>
                    <a:pt x="2432" y="2932"/>
                    <a:pt x="2482" y="2983"/>
                    <a:pt x="2482" y="3033"/>
                  </a:cubicBezTo>
                  <a:cubicBezTo>
                    <a:pt x="2557" y="3083"/>
                    <a:pt x="2607" y="3208"/>
                    <a:pt x="2657" y="3258"/>
                  </a:cubicBezTo>
                  <a:cubicBezTo>
                    <a:pt x="2707" y="3258"/>
                    <a:pt x="2833" y="3158"/>
                    <a:pt x="2883" y="3158"/>
                  </a:cubicBezTo>
                  <a:cubicBezTo>
                    <a:pt x="2933" y="3158"/>
                    <a:pt x="3058" y="3208"/>
                    <a:pt x="3058" y="3258"/>
                  </a:cubicBezTo>
                  <a:cubicBezTo>
                    <a:pt x="3108" y="3258"/>
                    <a:pt x="3234" y="3434"/>
                    <a:pt x="3234" y="3484"/>
                  </a:cubicBezTo>
                  <a:cubicBezTo>
                    <a:pt x="3234" y="3534"/>
                    <a:pt x="3058" y="3609"/>
                    <a:pt x="3058" y="3659"/>
                  </a:cubicBezTo>
                  <a:cubicBezTo>
                    <a:pt x="3008" y="3709"/>
                    <a:pt x="3008" y="3835"/>
                    <a:pt x="3008" y="3885"/>
                  </a:cubicBezTo>
                  <a:cubicBezTo>
                    <a:pt x="3058" y="3935"/>
                    <a:pt x="3284" y="3985"/>
                    <a:pt x="3334" y="4060"/>
                  </a:cubicBezTo>
                  <a:cubicBezTo>
                    <a:pt x="3459" y="4060"/>
                    <a:pt x="3635" y="3985"/>
                    <a:pt x="3685" y="3985"/>
                  </a:cubicBezTo>
                  <a:cubicBezTo>
                    <a:pt x="3860" y="4060"/>
                    <a:pt x="4136" y="4110"/>
                    <a:pt x="4236" y="4110"/>
                  </a:cubicBezTo>
                  <a:cubicBezTo>
                    <a:pt x="4311" y="4160"/>
                    <a:pt x="4412" y="4160"/>
                    <a:pt x="4462" y="4160"/>
                  </a:cubicBezTo>
                  <a:lnTo>
                    <a:pt x="4863" y="4160"/>
                  </a:lnTo>
                  <a:cubicBezTo>
                    <a:pt x="4988" y="4160"/>
                    <a:pt x="5214" y="4211"/>
                    <a:pt x="5264" y="4160"/>
                  </a:cubicBezTo>
                  <a:cubicBezTo>
                    <a:pt x="5389" y="4110"/>
                    <a:pt x="5540" y="3935"/>
                    <a:pt x="5615" y="3885"/>
                  </a:cubicBezTo>
                  <a:cubicBezTo>
                    <a:pt x="5665" y="3835"/>
                    <a:pt x="5715" y="3659"/>
                    <a:pt x="5765" y="3609"/>
                  </a:cubicBezTo>
                  <a:cubicBezTo>
                    <a:pt x="5765" y="3534"/>
                    <a:pt x="5890" y="3484"/>
                    <a:pt x="5890" y="3434"/>
                  </a:cubicBezTo>
                  <a:cubicBezTo>
                    <a:pt x="5941" y="3384"/>
                    <a:pt x="5941" y="3158"/>
                    <a:pt x="5941" y="3033"/>
                  </a:cubicBezTo>
                  <a:cubicBezTo>
                    <a:pt x="5991" y="2983"/>
                    <a:pt x="5941" y="2807"/>
                    <a:pt x="5941" y="2757"/>
                  </a:cubicBezTo>
                  <a:cubicBezTo>
                    <a:pt x="5991" y="2632"/>
                    <a:pt x="6066" y="2481"/>
                    <a:pt x="6116" y="2406"/>
                  </a:cubicBezTo>
                  <a:cubicBezTo>
                    <a:pt x="6116" y="2356"/>
                    <a:pt x="6166" y="2181"/>
                    <a:pt x="6216" y="2080"/>
                  </a:cubicBezTo>
                  <a:cubicBezTo>
                    <a:pt x="6291" y="2030"/>
                    <a:pt x="6442" y="2030"/>
                    <a:pt x="6567" y="1955"/>
                  </a:cubicBezTo>
                  <a:cubicBezTo>
                    <a:pt x="6617" y="1905"/>
                    <a:pt x="6617" y="1729"/>
                    <a:pt x="6692" y="1679"/>
                  </a:cubicBezTo>
                  <a:cubicBezTo>
                    <a:pt x="6743" y="1679"/>
                    <a:pt x="6843" y="1729"/>
                    <a:pt x="6918" y="1729"/>
                  </a:cubicBezTo>
                  <a:cubicBezTo>
                    <a:pt x="7018" y="1729"/>
                    <a:pt x="7194" y="1629"/>
                    <a:pt x="7244" y="1579"/>
                  </a:cubicBezTo>
                  <a:cubicBezTo>
                    <a:pt x="7369" y="1504"/>
                    <a:pt x="7469" y="1404"/>
                    <a:pt x="7520" y="1404"/>
                  </a:cubicBezTo>
                  <a:cubicBezTo>
                    <a:pt x="7645" y="1353"/>
                    <a:pt x="7820" y="1404"/>
                    <a:pt x="7921" y="1404"/>
                  </a:cubicBezTo>
                  <a:cubicBezTo>
                    <a:pt x="7971" y="1404"/>
                    <a:pt x="8146" y="1353"/>
                    <a:pt x="8196" y="1353"/>
                  </a:cubicBezTo>
                  <a:cubicBezTo>
                    <a:pt x="8271" y="1404"/>
                    <a:pt x="8372" y="1454"/>
                    <a:pt x="8372" y="1504"/>
                  </a:cubicBezTo>
                  <a:cubicBezTo>
                    <a:pt x="8447" y="1504"/>
                    <a:pt x="8497" y="1579"/>
                    <a:pt x="8547" y="1579"/>
                  </a:cubicBezTo>
                  <a:cubicBezTo>
                    <a:pt x="8597" y="1629"/>
                    <a:pt x="8672" y="1454"/>
                    <a:pt x="8773" y="1454"/>
                  </a:cubicBezTo>
                  <a:cubicBezTo>
                    <a:pt x="8823" y="1454"/>
                    <a:pt x="8948" y="1454"/>
                    <a:pt x="8998" y="1404"/>
                  </a:cubicBezTo>
                  <a:cubicBezTo>
                    <a:pt x="9048" y="1404"/>
                    <a:pt x="9124" y="1178"/>
                    <a:pt x="9224" y="1128"/>
                  </a:cubicBezTo>
                  <a:cubicBezTo>
                    <a:pt x="9224" y="1128"/>
                    <a:pt x="9349" y="1053"/>
                    <a:pt x="9399" y="1053"/>
                  </a:cubicBezTo>
                  <a:cubicBezTo>
                    <a:pt x="9449" y="1128"/>
                    <a:pt x="9499" y="1228"/>
                    <a:pt x="9499" y="1228"/>
                  </a:cubicBezTo>
                  <a:cubicBezTo>
                    <a:pt x="9625" y="1278"/>
                    <a:pt x="9800" y="1353"/>
                    <a:pt x="9850" y="1353"/>
                  </a:cubicBezTo>
                  <a:cubicBezTo>
                    <a:pt x="9951" y="1353"/>
                    <a:pt x="10076" y="1228"/>
                    <a:pt x="10126" y="1228"/>
                  </a:cubicBezTo>
                  <a:cubicBezTo>
                    <a:pt x="10251" y="1228"/>
                    <a:pt x="10427" y="1178"/>
                    <a:pt x="10527" y="1178"/>
                  </a:cubicBezTo>
                  <a:cubicBezTo>
                    <a:pt x="10577" y="1228"/>
                    <a:pt x="10753" y="1278"/>
                    <a:pt x="10803" y="1278"/>
                  </a:cubicBezTo>
                  <a:cubicBezTo>
                    <a:pt x="10928" y="1353"/>
                    <a:pt x="11104" y="1454"/>
                    <a:pt x="11204" y="1454"/>
                  </a:cubicBezTo>
                  <a:cubicBezTo>
                    <a:pt x="11254" y="1454"/>
                    <a:pt x="11379" y="1404"/>
                    <a:pt x="11429" y="1404"/>
                  </a:cubicBezTo>
                  <a:lnTo>
                    <a:pt x="11730" y="1404"/>
                  </a:lnTo>
                  <a:cubicBezTo>
                    <a:pt x="11880" y="1404"/>
                    <a:pt x="12106" y="1353"/>
                    <a:pt x="12231" y="1278"/>
                  </a:cubicBezTo>
                  <a:cubicBezTo>
                    <a:pt x="12332" y="1228"/>
                    <a:pt x="12457" y="1053"/>
                    <a:pt x="12507" y="1003"/>
                  </a:cubicBezTo>
                  <a:cubicBezTo>
                    <a:pt x="12632" y="952"/>
                    <a:pt x="12783" y="902"/>
                    <a:pt x="12858" y="827"/>
                  </a:cubicBezTo>
                  <a:cubicBezTo>
                    <a:pt x="12958" y="727"/>
                    <a:pt x="13083" y="602"/>
                    <a:pt x="13184" y="551"/>
                  </a:cubicBezTo>
                  <a:cubicBezTo>
                    <a:pt x="13309" y="501"/>
                    <a:pt x="13484" y="501"/>
                    <a:pt x="13585" y="501"/>
                  </a:cubicBezTo>
                  <a:lnTo>
                    <a:pt x="13936" y="501"/>
                  </a:lnTo>
                  <a:cubicBezTo>
                    <a:pt x="13986" y="451"/>
                    <a:pt x="14086" y="276"/>
                    <a:pt x="14161" y="276"/>
                  </a:cubicBezTo>
                  <a:cubicBezTo>
                    <a:pt x="14261" y="226"/>
                    <a:pt x="14487" y="276"/>
                    <a:pt x="14537" y="276"/>
                  </a:cubicBezTo>
                  <a:cubicBezTo>
                    <a:pt x="14612" y="226"/>
                    <a:pt x="14713" y="100"/>
                    <a:pt x="14763" y="50"/>
                  </a:cubicBezTo>
                  <a:cubicBezTo>
                    <a:pt x="14838" y="50"/>
                    <a:pt x="15063" y="0"/>
                    <a:pt x="15164" y="0"/>
                  </a:cubicBezTo>
                  <a:cubicBezTo>
                    <a:pt x="15239" y="50"/>
                    <a:pt x="15389" y="100"/>
                    <a:pt x="15464" y="175"/>
                  </a:cubicBezTo>
                  <a:cubicBezTo>
                    <a:pt x="15515" y="226"/>
                    <a:pt x="15565" y="401"/>
                    <a:pt x="15565" y="451"/>
                  </a:cubicBezTo>
                  <a:cubicBezTo>
                    <a:pt x="15515" y="501"/>
                    <a:pt x="15464" y="551"/>
                    <a:pt x="15389" y="551"/>
                  </a:cubicBezTo>
                  <a:lnTo>
                    <a:pt x="15389" y="827"/>
                  </a:lnTo>
                  <a:cubicBezTo>
                    <a:pt x="15339" y="902"/>
                    <a:pt x="15164" y="952"/>
                    <a:pt x="15063" y="952"/>
                  </a:cubicBezTo>
                  <a:cubicBezTo>
                    <a:pt x="14988" y="952"/>
                    <a:pt x="14938" y="827"/>
                    <a:pt x="14888" y="827"/>
                  </a:cubicBezTo>
                  <a:cubicBezTo>
                    <a:pt x="14838" y="827"/>
                    <a:pt x="14713" y="902"/>
                    <a:pt x="14662" y="902"/>
                  </a:cubicBezTo>
                  <a:cubicBezTo>
                    <a:pt x="14612" y="952"/>
                    <a:pt x="14537" y="1053"/>
                    <a:pt x="14537" y="1128"/>
                  </a:cubicBezTo>
                  <a:cubicBezTo>
                    <a:pt x="14487" y="1178"/>
                    <a:pt x="14437" y="1228"/>
                    <a:pt x="14437" y="1278"/>
                  </a:cubicBezTo>
                  <a:lnTo>
                    <a:pt x="14437" y="1504"/>
                  </a:lnTo>
                  <a:cubicBezTo>
                    <a:pt x="14487" y="1579"/>
                    <a:pt x="14662" y="1579"/>
                    <a:pt x="14662" y="1629"/>
                  </a:cubicBezTo>
                  <a:cubicBezTo>
                    <a:pt x="14713" y="1679"/>
                    <a:pt x="14713" y="1805"/>
                    <a:pt x="14713" y="1855"/>
                  </a:cubicBezTo>
                  <a:cubicBezTo>
                    <a:pt x="14713" y="1905"/>
                    <a:pt x="14662" y="2030"/>
                    <a:pt x="14662" y="2080"/>
                  </a:cubicBezTo>
                  <a:cubicBezTo>
                    <a:pt x="14662" y="2130"/>
                    <a:pt x="14662" y="2181"/>
                    <a:pt x="14713" y="2256"/>
                  </a:cubicBezTo>
                  <a:lnTo>
                    <a:pt x="14888" y="2256"/>
                  </a:lnTo>
                  <a:cubicBezTo>
                    <a:pt x="14938" y="2306"/>
                    <a:pt x="14988" y="2356"/>
                    <a:pt x="15063" y="2406"/>
                  </a:cubicBezTo>
                  <a:cubicBezTo>
                    <a:pt x="15114" y="2406"/>
                    <a:pt x="15164" y="2531"/>
                    <a:pt x="15239" y="2531"/>
                  </a:cubicBezTo>
                  <a:cubicBezTo>
                    <a:pt x="15289" y="2531"/>
                    <a:pt x="15389" y="2406"/>
                    <a:pt x="15464" y="2406"/>
                  </a:cubicBezTo>
                  <a:cubicBezTo>
                    <a:pt x="15515" y="2356"/>
                    <a:pt x="15690" y="2406"/>
                    <a:pt x="15740" y="2406"/>
                  </a:cubicBezTo>
                  <a:cubicBezTo>
                    <a:pt x="15740" y="2481"/>
                    <a:pt x="15740" y="2582"/>
                    <a:pt x="15790" y="2582"/>
                  </a:cubicBezTo>
                  <a:cubicBezTo>
                    <a:pt x="15840" y="2632"/>
                    <a:pt x="15966" y="2582"/>
                    <a:pt x="15966" y="2632"/>
                  </a:cubicBezTo>
                  <a:cubicBezTo>
                    <a:pt x="16016" y="2707"/>
                    <a:pt x="15966" y="2857"/>
                    <a:pt x="15966" y="2932"/>
                  </a:cubicBezTo>
                  <a:cubicBezTo>
                    <a:pt x="15966" y="3033"/>
                    <a:pt x="15840" y="3158"/>
                    <a:pt x="15840" y="3208"/>
                  </a:cubicBezTo>
                  <a:cubicBezTo>
                    <a:pt x="15790" y="3258"/>
                    <a:pt x="15790" y="3434"/>
                    <a:pt x="15790" y="3484"/>
                  </a:cubicBezTo>
                  <a:cubicBezTo>
                    <a:pt x="15840" y="3609"/>
                    <a:pt x="15916" y="3709"/>
                    <a:pt x="16016" y="3759"/>
                  </a:cubicBezTo>
                  <a:lnTo>
                    <a:pt x="16241" y="3759"/>
                  </a:lnTo>
                  <a:cubicBezTo>
                    <a:pt x="16367" y="3759"/>
                    <a:pt x="16517" y="3835"/>
                    <a:pt x="16642" y="3935"/>
                  </a:cubicBezTo>
                  <a:cubicBezTo>
                    <a:pt x="16693" y="3985"/>
                    <a:pt x="16768" y="4160"/>
                    <a:pt x="16818" y="4286"/>
                  </a:cubicBezTo>
                  <a:cubicBezTo>
                    <a:pt x="16868" y="4286"/>
                    <a:pt x="16918" y="4336"/>
                    <a:pt x="16993" y="4386"/>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134" name="Google Shape;191;p16">
              <a:extLst>
                <a:ext uri="{FF2B5EF4-FFF2-40B4-BE49-F238E27FC236}">
                  <a16:creationId xmlns:a16="http://schemas.microsoft.com/office/drawing/2014/main" id="{FCABB35C-CE44-4C90-5121-F5C34F7A5551}"/>
                </a:ext>
              </a:extLst>
            </p:cNvPr>
            <p:cNvSpPr/>
            <p:nvPr/>
          </p:nvSpPr>
          <p:spPr>
            <a:xfrm>
              <a:off x="1725017" y="1200888"/>
              <a:ext cx="661774" cy="689740"/>
            </a:xfrm>
            <a:custGeom>
              <a:avLst/>
              <a:gdLst/>
              <a:ahLst/>
              <a:cxnLst/>
              <a:rect l="l" t="t" r="r" b="b"/>
              <a:pathLst>
                <a:path w="23711" h="24713" extrusionOk="0">
                  <a:moveTo>
                    <a:pt x="19324" y="9975"/>
                  </a:moveTo>
                  <a:lnTo>
                    <a:pt x="19324" y="10476"/>
                  </a:lnTo>
                  <a:cubicBezTo>
                    <a:pt x="19249" y="10652"/>
                    <a:pt x="19249" y="10928"/>
                    <a:pt x="19249" y="11103"/>
                  </a:cubicBezTo>
                  <a:cubicBezTo>
                    <a:pt x="19199" y="11203"/>
                    <a:pt x="19023" y="11429"/>
                    <a:pt x="18973" y="11529"/>
                  </a:cubicBezTo>
                  <a:cubicBezTo>
                    <a:pt x="18873" y="11654"/>
                    <a:pt x="18572" y="11830"/>
                    <a:pt x="18472" y="11980"/>
                  </a:cubicBezTo>
                  <a:cubicBezTo>
                    <a:pt x="18347" y="12105"/>
                    <a:pt x="18121" y="12331"/>
                    <a:pt x="18071" y="12506"/>
                  </a:cubicBezTo>
                  <a:cubicBezTo>
                    <a:pt x="17971" y="12732"/>
                    <a:pt x="17896" y="13183"/>
                    <a:pt x="17896" y="13409"/>
                  </a:cubicBezTo>
                  <a:cubicBezTo>
                    <a:pt x="17971" y="13634"/>
                    <a:pt x="18021" y="14010"/>
                    <a:pt x="18071" y="14236"/>
                  </a:cubicBezTo>
                  <a:cubicBezTo>
                    <a:pt x="18121" y="14361"/>
                    <a:pt x="18422" y="14587"/>
                    <a:pt x="18472" y="14762"/>
                  </a:cubicBezTo>
                  <a:cubicBezTo>
                    <a:pt x="18522" y="14912"/>
                    <a:pt x="18647" y="15263"/>
                    <a:pt x="18698" y="15439"/>
                  </a:cubicBezTo>
                  <a:cubicBezTo>
                    <a:pt x="18698" y="15539"/>
                    <a:pt x="18748" y="15815"/>
                    <a:pt x="18798" y="15990"/>
                  </a:cubicBezTo>
                  <a:cubicBezTo>
                    <a:pt x="18873" y="16090"/>
                    <a:pt x="18973" y="16316"/>
                    <a:pt x="19099" y="16441"/>
                  </a:cubicBezTo>
                  <a:cubicBezTo>
                    <a:pt x="19149" y="16491"/>
                    <a:pt x="19324" y="16617"/>
                    <a:pt x="19424" y="16617"/>
                  </a:cubicBezTo>
                  <a:cubicBezTo>
                    <a:pt x="19550" y="16667"/>
                    <a:pt x="19775" y="16617"/>
                    <a:pt x="19875" y="16667"/>
                  </a:cubicBezTo>
                  <a:cubicBezTo>
                    <a:pt x="19926" y="16667"/>
                    <a:pt x="20101" y="16767"/>
                    <a:pt x="20151" y="16842"/>
                  </a:cubicBezTo>
                  <a:cubicBezTo>
                    <a:pt x="20276" y="16943"/>
                    <a:pt x="20502" y="17218"/>
                    <a:pt x="20552" y="17344"/>
                  </a:cubicBezTo>
                  <a:cubicBezTo>
                    <a:pt x="20652" y="17444"/>
                    <a:pt x="20828" y="17795"/>
                    <a:pt x="20953" y="17895"/>
                  </a:cubicBezTo>
                  <a:cubicBezTo>
                    <a:pt x="21053" y="18070"/>
                    <a:pt x="21454" y="18196"/>
                    <a:pt x="21630" y="18246"/>
                  </a:cubicBezTo>
                  <a:cubicBezTo>
                    <a:pt x="21730" y="18346"/>
                    <a:pt x="22131" y="18421"/>
                    <a:pt x="22231" y="18522"/>
                  </a:cubicBezTo>
                  <a:cubicBezTo>
                    <a:pt x="22357" y="18647"/>
                    <a:pt x="22532" y="18872"/>
                    <a:pt x="22582" y="18973"/>
                  </a:cubicBezTo>
                  <a:cubicBezTo>
                    <a:pt x="22632" y="19098"/>
                    <a:pt x="22632" y="19324"/>
                    <a:pt x="22683" y="19374"/>
                  </a:cubicBezTo>
                  <a:cubicBezTo>
                    <a:pt x="22758" y="19424"/>
                    <a:pt x="22908" y="19549"/>
                    <a:pt x="22983" y="19599"/>
                  </a:cubicBezTo>
                  <a:cubicBezTo>
                    <a:pt x="23033" y="19649"/>
                    <a:pt x="23134" y="19875"/>
                    <a:pt x="23259" y="19925"/>
                  </a:cubicBezTo>
                  <a:cubicBezTo>
                    <a:pt x="23309" y="20050"/>
                    <a:pt x="23535" y="20151"/>
                    <a:pt x="23710" y="20201"/>
                  </a:cubicBezTo>
                  <a:cubicBezTo>
                    <a:pt x="23535" y="20326"/>
                    <a:pt x="23309" y="20426"/>
                    <a:pt x="23209" y="20501"/>
                  </a:cubicBezTo>
                  <a:cubicBezTo>
                    <a:pt x="22983" y="20552"/>
                    <a:pt x="22532" y="20552"/>
                    <a:pt x="22307" y="20602"/>
                  </a:cubicBezTo>
                  <a:cubicBezTo>
                    <a:pt x="22081" y="20602"/>
                    <a:pt x="21555" y="20727"/>
                    <a:pt x="21279" y="20777"/>
                  </a:cubicBezTo>
                  <a:cubicBezTo>
                    <a:pt x="21104" y="20827"/>
                    <a:pt x="20778" y="21103"/>
                    <a:pt x="20602" y="21103"/>
                  </a:cubicBezTo>
                  <a:cubicBezTo>
                    <a:pt x="20377" y="21103"/>
                    <a:pt x="20001" y="20827"/>
                    <a:pt x="19775" y="20777"/>
                  </a:cubicBezTo>
                  <a:cubicBezTo>
                    <a:pt x="19550" y="20727"/>
                    <a:pt x="19149" y="20652"/>
                    <a:pt x="18973" y="20727"/>
                  </a:cubicBezTo>
                  <a:cubicBezTo>
                    <a:pt x="18748" y="20777"/>
                    <a:pt x="18422" y="21103"/>
                    <a:pt x="18196" y="21178"/>
                  </a:cubicBezTo>
                  <a:cubicBezTo>
                    <a:pt x="17971" y="21228"/>
                    <a:pt x="17394" y="21228"/>
                    <a:pt x="17119" y="21103"/>
                  </a:cubicBezTo>
                  <a:cubicBezTo>
                    <a:pt x="16993" y="21053"/>
                    <a:pt x="16843" y="20827"/>
                    <a:pt x="16718" y="20727"/>
                  </a:cubicBezTo>
                  <a:cubicBezTo>
                    <a:pt x="16617" y="20652"/>
                    <a:pt x="16266" y="20501"/>
                    <a:pt x="16116" y="20426"/>
                  </a:cubicBezTo>
                  <a:cubicBezTo>
                    <a:pt x="15941" y="20426"/>
                    <a:pt x="15490" y="20602"/>
                    <a:pt x="15264" y="20552"/>
                  </a:cubicBezTo>
                  <a:cubicBezTo>
                    <a:pt x="15139" y="20501"/>
                    <a:pt x="14913" y="20151"/>
                    <a:pt x="14763" y="20050"/>
                  </a:cubicBezTo>
                  <a:cubicBezTo>
                    <a:pt x="14637" y="19975"/>
                    <a:pt x="14362" y="19875"/>
                    <a:pt x="14186" y="19925"/>
                  </a:cubicBezTo>
                  <a:cubicBezTo>
                    <a:pt x="13961" y="19925"/>
                    <a:pt x="13685" y="20376"/>
                    <a:pt x="13510" y="20326"/>
                  </a:cubicBezTo>
                  <a:cubicBezTo>
                    <a:pt x="13359" y="20326"/>
                    <a:pt x="13134" y="20050"/>
                    <a:pt x="13134" y="19925"/>
                  </a:cubicBezTo>
                  <a:cubicBezTo>
                    <a:pt x="13058" y="19750"/>
                    <a:pt x="13284" y="19424"/>
                    <a:pt x="13234" y="19324"/>
                  </a:cubicBezTo>
                  <a:cubicBezTo>
                    <a:pt x="13184" y="19148"/>
                    <a:pt x="12908" y="18973"/>
                    <a:pt x="12733" y="18923"/>
                  </a:cubicBezTo>
                  <a:cubicBezTo>
                    <a:pt x="12682" y="18872"/>
                    <a:pt x="12382" y="18923"/>
                    <a:pt x="12281" y="18923"/>
                  </a:cubicBezTo>
                  <a:cubicBezTo>
                    <a:pt x="12156" y="18923"/>
                    <a:pt x="11880" y="18797"/>
                    <a:pt x="11780" y="18872"/>
                  </a:cubicBezTo>
                  <a:cubicBezTo>
                    <a:pt x="11605" y="18923"/>
                    <a:pt x="11379" y="19148"/>
                    <a:pt x="11254" y="19198"/>
                  </a:cubicBezTo>
                  <a:cubicBezTo>
                    <a:pt x="11104" y="19374"/>
                    <a:pt x="10928" y="19699"/>
                    <a:pt x="10753" y="19750"/>
                  </a:cubicBezTo>
                  <a:cubicBezTo>
                    <a:pt x="10477" y="19875"/>
                    <a:pt x="9976" y="19699"/>
                    <a:pt x="9750" y="19599"/>
                  </a:cubicBezTo>
                  <a:cubicBezTo>
                    <a:pt x="9625" y="19474"/>
                    <a:pt x="9575" y="19148"/>
                    <a:pt x="9474" y="19098"/>
                  </a:cubicBezTo>
                  <a:cubicBezTo>
                    <a:pt x="9349" y="18973"/>
                    <a:pt x="9073" y="18973"/>
                    <a:pt x="8948" y="19023"/>
                  </a:cubicBezTo>
                  <a:cubicBezTo>
                    <a:pt x="8798" y="19098"/>
                    <a:pt x="8572" y="19474"/>
                    <a:pt x="8397" y="19549"/>
                  </a:cubicBezTo>
                  <a:cubicBezTo>
                    <a:pt x="8221" y="19549"/>
                    <a:pt x="7996" y="19324"/>
                    <a:pt x="7895" y="19374"/>
                  </a:cubicBezTo>
                  <a:cubicBezTo>
                    <a:pt x="7720" y="19424"/>
                    <a:pt x="7494" y="19750"/>
                    <a:pt x="7369" y="19875"/>
                  </a:cubicBezTo>
                  <a:cubicBezTo>
                    <a:pt x="7269" y="20050"/>
                    <a:pt x="7093" y="20426"/>
                    <a:pt x="7043" y="20602"/>
                  </a:cubicBezTo>
                  <a:cubicBezTo>
                    <a:pt x="6993" y="20827"/>
                    <a:pt x="6918" y="21228"/>
                    <a:pt x="6918" y="21404"/>
                  </a:cubicBezTo>
                  <a:cubicBezTo>
                    <a:pt x="6993" y="21504"/>
                    <a:pt x="7093" y="21780"/>
                    <a:pt x="7219" y="21905"/>
                  </a:cubicBezTo>
                  <a:cubicBezTo>
                    <a:pt x="7269" y="22005"/>
                    <a:pt x="7545" y="22231"/>
                    <a:pt x="7545" y="22406"/>
                  </a:cubicBezTo>
                  <a:cubicBezTo>
                    <a:pt x="7595" y="22532"/>
                    <a:pt x="7494" y="22757"/>
                    <a:pt x="7444" y="22857"/>
                  </a:cubicBezTo>
                  <a:cubicBezTo>
                    <a:pt x="7369" y="22983"/>
                    <a:pt x="7144" y="22983"/>
                    <a:pt x="7144" y="23083"/>
                  </a:cubicBezTo>
                  <a:cubicBezTo>
                    <a:pt x="7093" y="23133"/>
                    <a:pt x="7144" y="23434"/>
                    <a:pt x="7144" y="23484"/>
                  </a:cubicBezTo>
                  <a:cubicBezTo>
                    <a:pt x="7093" y="23584"/>
                    <a:pt x="6918" y="23659"/>
                    <a:pt x="6868" y="23760"/>
                  </a:cubicBezTo>
                  <a:cubicBezTo>
                    <a:pt x="6818" y="23860"/>
                    <a:pt x="6768" y="24211"/>
                    <a:pt x="6692" y="24386"/>
                  </a:cubicBezTo>
                  <a:cubicBezTo>
                    <a:pt x="6692" y="24436"/>
                    <a:pt x="6592" y="24612"/>
                    <a:pt x="6542" y="24712"/>
                  </a:cubicBezTo>
                  <a:cubicBezTo>
                    <a:pt x="6467" y="24612"/>
                    <a:pt x="6467" y="24486"/>
                    <a:pt x="6417" y="24486"/>
                  </a:cubicBezTo>
                  <a:cubicBezTo>
                    <a:pt x="6367" y="24386"/>
                    <a:pt x="6141" y="24386"/>
                    <a:pt x="6141" y="24261"/>
                  </a:cubicBezTo>
                  <a:cubicBezTo>
                    <a:pt x="6041" y="24211"/>
                    <a:pt x="6091" y="23935"/>
                    <a:pt x="6091" y="23810"/>
                  </a:cubicBezTo>
                  <a:cubicBezTo>
                    <a:pt x="6041" y="23710"/>
                    <a:pt x="5865" y="23484"/>
                    <a:pt x="5815" y="23359"/>
                  </a:cubicBezTo>
                  <a:cubicBezTo>
                    <a:pt x="5740" y="23258"/>
                    <a:pt x="5815" y="23033"/>
                    <a:pt x="5690" y="22908"/>
                  </a:cubicBezTo>
                  <a:cubicBezTo>
                    <a:pt x="5690" y="22908"/>
                    <a:pt x="5515" y="22857"/>
                    <a:pt x="5464" y="22857"/>
                  </a:cubicBezTo>
                  <a:cubicBezTo>
                    <a:pt x="5364" y="22807"/>
                    <a:pt x="5063" y="22908"/>
                    <a:pt x="4963" y="22857"/>
                  </a:cubicBezTo>
                  <a:cubicBezTo>
                    <a:pt x="4838" y="22857"/>
                    <a:pt x="4687" y="22682"/>
                    <a:pt x="4612" y="22582"/>
                  </a:cubicBezTo>
                  <a:cubicBezTo>
                    <a:pt x="4562" y="22456"/>
                    <a:pt x="4512" y="22181"/>
                    <a:pt x="4512" y="22005"/>
                  </a:cubicBezTo>
                  <a:cubicBezTo>
                    <a:pt x="4512" y="21955"/>
                    <a:pt x="4562" y="21780"/>
                    <a:pt x="4562" y="21730"/>
                  </a:cubicBezTo>
                  <a:cubicBezTo>
                    <a:pt x="4562" y="21629"/>
                    <a:pt x="4462" y="21454"/>
                    <a:pt x="4387" y="21404"/>
                  </a:cubicBezTo>
                  <a:cubicBezTo>
                    <a:pt x="4337" y="21329"/>
                    <a:pt x="4111" y="21228"/>
                    <a:pt x="4061" y="21178"/>
                  </a:cubicBezTo>
                  <a:cubicBezTo>
                    <a:pt x="4011" y="21103"/>
                    <a:pt x="4011" y="20877"/>
                    <a:pt x="3885" y="20877"/>
                  </a:cubicBezTo>
                  <a:cubicBezTo>
                    <a:pt x="3885" y="20827"/>
                    <a:pt x="3710" y="20777"/>
                    <a:pt x="3660" y="20777"/>
                  </a:cubicBezTo>
                  <a:cubicBezTo>
                    <a:pt x="3610" y="20777"/>
                    <a:pt x="3434" y="20877"/>
                    <a:pt x="3384" y="20877"/>
                  </a:cubicBezTo>
                  <a:lnTo>
                    <a:pt x="3159" y="20652"/>
                  </a:lnTo>
                  <a:cubicBezTo>
                    <a:pt x="3159" y="20602"/>
                    <a:pt x="3108" y="20426"/>
                    <a:pt x="3033" y="20326"/>
                  </a:cubicBezTo>
                  <a:cubicBezTo>
                    <a:pt x="3033" y="20276"/>
                    <a:pt x="2983" y="20050"/>
                    <a:pt x="2933" y="19975"/>
                  </a:cubicBezTo>
                  <a:cubicBezTo>
                    <a:pt x="2933" y="19925"/>
                    <a:pt x="2833" y="19875"/>
                    <a:pt x="2758" y="19825"/>
                  </a:cubicBezTo>
                  <a:cubicBezTo>
                    <a:pt x="2707" y="19825"/>
                    <a:pt x="2482" y="19750"/>
                    <a:pt x="2432" y="19825"/>
                  </a:cubicBezTo>
                  <a:cubicBezTo>
                    <a:pt x="2306" y="19825"/>
                    <a:pt x="2256" y="19975"/>
                    <a:pt x="2206" y="20050"/>
                  </a:cubicBezTo>
                  <a:cubicBezTo>
                    <a:pt x="2156" y="20100"/>
                    <a:pt x="1981" y="20276"/>
                    <a:pt x="1855" y="20276"/>
                  </a:cubicBezTo>
                  <a:cubicBezTo>
                    <a:pt x="1705" y="20276"/>
                    <a:pt x="1404" y="20151"/>
                    <a:pt x="1304" y="20050"/>
                  </a:cubicBezTo>
                  <a:cubicBezTo>
                    <a:pt x="1179" y="19975"/>
                    <a:pt x="953" y="19825"/>
                    <a:pt x="853" y="19699"/>
                  </a:cubicBezTo>
                  <a:cubicBezTo>
                    <a:pt x="803" y="19599"/>
                    <a:pt x="728" y="19374"/>
                    <a:pt x="677" y="19324"/>
                  </a:cubicBezTo>
                  <a:cubicBezTo>
                    <a:pt x="627" y="19248"/>
                    <a:pt x="577" y="19098"/>
                    <a:pt x="502" y="19023"/>
                  </a:cubicBezTo>
                  <a:cubicBezTo>
                    <a:pt x="452" y="18973"/>
                    <a:pt x="352" y="18923"/>
                    <a:pt x="276" y="18872"/>
                  </a:cubicBezTo>
                  <a:cubicBezTo>
                    <a:pt x="226" y="18697"/>
                    <a:pt x="276" y="18421"/>
                    <a:pt x="276" y="18246"/>
                  </a:cubicBezTo>
                  <a:cubicBezTo>
                    <a:pt x="276" y="18121"/>
                    <a:pt x="402" y="17970"/>
                    <a:pt x="402" y="17845"/>
                  </a:cubicBezTo>
                  <a:cubicBezTo>
                    <a:pt x="402" y="17745"/>
                    <a:pt x="352" y="17519"/>
                    <a:pt x="276" y="17394"/>
                  </a:cubicBezTo>
                  <a:cubicBezTo>
                    <a:pt x="226" y="17344"/>
                    <a:pt x="51" y="17168"/>
                    <a:pt x="1" y="17118"/>
                  </a:cubicBezTo>
                  <a:cubicBezTo>
                    <a:pt x="1" y="16993"/>
                    <a:pt x="51" y="16842"/>
                    <a:pt x="126" y="16717"/>
                  </a:cubicBezTo>
                  <a:cubicBezTo>
                    <a:pt x="176" y="16667"/>
                    <a:pt x="402" y="16717"/>
                    <a:pt x="502" y="16667"/>
                  </a:cubicBezTo>
                  <a:cubicBezTo>
                    <a:pt x="627" y="16617"/>
                    <a:pt x="803" y="16491"/>
                    <a:pt x="853" y="16491"/>
                  </a:cubicBezTo>
                  <a:cubicBezTo>
                    <a:pt x="953" y="16491"/>
                    <a:pt x="1179" y="16491"/>
                    <a:pt x="1304" y="16542"/>
                  </a:cubicBezTo>
                  <a:cubicBezTo>
                    <a:pt x="1354" y="16617"/>
                    <a:pt x="1354" y="16717"/>
                    <a:pt x="1404" y="16767"/>
                  </a:cubicBezTo>
                  <a:cubicBezTo>
                    <a:pt x="1479" y="16892"/>
                    <a:pt x="1630" y="16993"/>
                    <a:pt x="1705" y="16993"/>
                  </a:cubicBezTo>
                  <a:cubicBezTo>
                    <a:pt x="1805" y="16993"/>
                    <a:pt x="1931" y="16767"/>
                    <a:pt x="1981" y="16717"/>
                  </a:cubicBezTo>
                  <a:lnTo>
                    <a:pt x="1981" y="16441"/>
                  </a:lnTo>
                  <a:cubicBezTo>
                    <a:pt x="1981" y="16316"/>
                    <a:pt x="1931" y="16166"/>
                    <a:pt x="1981" y="16090"/>
                  </a:cubicBezTo>
                  <a:cubicBezTo>
                    <a:pt x="2031" y="16040"/>
                    <a:pt x="2206" y="16040"/>
                    <a:pt x="2256" y="16040"/>
                  </a:cubicBezTo>
                  <a:cubicBezTo>
                    <a:pt x="2306" y="15990"/>
                    <a:pt x="2482" y="15940"/>
                    <a:pt x="2607" y="15865"/>
                  </a:cubicBezTo>
                  <a:cubicBezTo>
                    <a:pt x="2657" y="15765"/>
                    <a:pt x="2707" y="15589"/>
                    <a:pt x="2707" y="15489"/>
                  </a:cubicBezTo>
                  <a:cubicBezTo>
                    <a:pt x="2707" y="15313"/>
                    <a:pt x="2532" y="14988"/>
                    <a:pt x="2482" y="14862"/>
                  </a:cubicBezTo>
                  <a:cubicBezTo>
                    <a:pt x="2382" y="14762"/>
                    <a:pt x="2156" y="14587"/>
                    <a:pt x="2081" y="14461"/>
                  </a:cubicBezTo>
                  <a:cubicBezTo>
                    <a:pt x="1981" y="14361"/>
                    <a:pt x="1805" y="14085"/>
                    <a:pt x="1755" y="13910"/>
                  </a:cubicBezTo>
                  <a:cubicBezTo>
                    <a:pt x="1705" y="13735"/>
                    <a:pt x="1630" y="13409"/>
                    <a:pt x="1580" y="13183"/>
                  </a:cubicBezTo>
                  <a:cubicBezTo>
                    <a:pt x="1530" y="13058"/>
                    <a:pt x="1479" y="12782"/>
                    <a:pt x="1354" y="12657"/>
                  </a:cubicBezTo>
                  <a:cubicBezTo>
                    <a:pt x="1304" y="12557"/>
                    <a:pt x="1078" y="12431"/>
                    <a:pt x="1028" y="12331"/>
                  </a:cubicBezTo>
                  <a:cubicBezTo>
                    <a:pt x="953" y="12206"/>
                    <a:pt x="953" y="11980"/>
                    <a:pt x="903" y="11880"/>
                  </a:cubicBezTo>
                  <a:cubicBezTo>
                    <a:pt x="853" y="11830"/>
                    <a:pt x="728" y="11654"/>
                    <a:pt x="627" y="11604"/>
                  </a:cubicBezTo>
                  <a:cubicBezTo>
                    <a:pt x="577" y="11529"/>
                    <a:pt x="276" y="11429"/>
                    <a:pt x="226" y="11303"/>
                  </a:cubicBezTo>
                  <a:cubicBezTo>
                    <a:pt x="176" y="11253"/>
                    <a:pt x="126" y="11103"/>
                    <a:pt x="126" y="11028"/>
                  </a:cubicBezTo>
                  <a:cubicBezTo>
                    <a:pt x="126" y="10877"/>
                    <a:pt x="276" y="10476"/>
                    <a:pt x="352" y="10301"/>
                  </a:cubicBezTo>
                  <a:cubicBezTo>
                    <a:pt x="402" y="10075"/>
                    <a:pt x="402" y="9624"/>
                    <a:pt x="502" y="9449"/>
                  </a:cubicBezTo>
                  <a:cubicBezTo>
                    <a:pt x="577" y="9349"/>
                    <a:pt x="728" y="9123"/>
                    <a:pt x="803" y="8998"/>
                  </a:cubicBezTo>
                  <a:cubicBezTo>
                    <a:pt x="903" y="8897"/>
                    <a:pt x="1028" y="8547"/>
                    <a:pt x="1078" y="8446"/>
                  </a:cubicBezTo>
                  <a:cubicBezTo>
                    <a:pt x="1129" y="8271"/>
                    <a:pt x="1404" y="8045"/>
                    <a:pt x="1479" y="7870"/>
                  </a:cubicBezTo>
                  <a:cubicBezTo>
                    <a:pt x="1530" y="7770"/>
                    <a:pt x="1530" y="7369"/>
                    <a:pt x="1530" y="7193"/>
                  </a:cubicBezTo>
                  <a:cubicBezTo>
                    <a:pt x="1530" y="7043"/>
                    <a:pt x="1354" y="6767"/>
                    <a:pt x="1404" y="6592"/>
                  </a:cubicBezTo>
                  <a:cubicBezTo>
                    <a:pt x="1404" y="6542"/>
                    <a:pt x="1404" y="6366"/>
                    <a:pt x="1479" y="6316"/>
                  </a:cubicBezTo>
                  <a:cubicBezTo>
                    <a:pt x="1530" y="6241"/>
                    <a:pt x="1630" y="6141"/>
                    <a:pt x="1705" y="6015"/>
                  </a:cubicBezTo>
                  <a:cubicBezTo>
                    <a:pt x="1755" y="6090"/>
                    <a:pt x="1805" y="6141"/>
                    <a:pt x="1855" y="6141"/>
                  </a:cubicBezTo>
                  <a:cubicBezTo>
                    <a:pt x="1981" y="6191"/>
                    <a:pt x="2156" y="6191"/>
                    <a:pt x="2206" y="6191"/>
                  </a:cubicBezTo>
                  <a:cubicBezTo>
                    <a:pt x="2256" y="6191"/>
                    <a:pt x="2256" y="6090"/>
                    <a:pt x="2306" y="6090"/>
                  </a:cubicBezTo>
                  <a:cubicBezTo>
                    <a:pt x="2382" y="6090"/>
                    <a:pt x="2432" y="6090"/>
                    <a:pt x="2482" y="6141"/>
                  </a:cubicBezTo>
                  <a:cubicBezTo>
                    <a:pt x="2532" y="6191"/>
                    <a:pt x="2607" y="6366"/>
                    <a:pt x="2707" y="6416"/>
                  </a:cubicBezTo>
                  <a:cubicBezTo>
                    <a:pt x="2758" y="6466"/>
                    <a:pt x="2933" y="6416"/>
                    <a:pt x="3033" y="6466"/>
                  </a:cubicBezTo>
                  <a:cubicBezTo>
                    <a:pt x="3108" y="6466"/>
                    <a:pt x="3259" y="6466"/>
                    <a:pt x="3334" y="6542"/>
                  </a:cubicBezTo>
                  <a:cubicBezTo>
                    <a:pt x="3384" y="6592"/>
                    <a:pt x="3384" y="6867"/>
                    <a:pt x="3334" y="6968"/>
                  </a:cubicBezTo>
                  <a:cubicBezTo>
                    <a:pt x="3334" y="7043"/>
                    <a:pt x="3259" y="7193"/>
                    <a:pt x="3209" y="7268"/>
                  </a:cubicBezTo>
                  <a:cubicBezTo>
                    <a:pt x="3159" y="7318"/>
                    <a:pt x="2983" y="7318"/>
                    <a:pt x="2933" y="7369"/>
                  </a:cubicBezTo>
                  <a:cubicBezTo>
                    <a:pt x="2883" y="7419"/>
                    <a:pt x="2707" y="7494"/>
                    <a:pt x="2707" y="7544"/>
                  </a:cubicBezTo>
                  <a:cubicBezTo>
                    <a:pt x="2707" y="7594"/>
                    <a:pt x="2833" y="7644"/>
                    <a:pt x="2883" y="7644"/>
                  </a:cubicBezTo>
                  <a:cubicBezTo>
                    <a:pt x="2983" y="7719"/>
                    <a:pt x="3108" y="7644"/>
                    <a:pt x="3159" y="7719"/>
                  </a:cubicBezTo>
                  <a:cubicBezTo>
                    <a:pt x="3259" y="7770"/>
                    <a:pt x="3334" y="7995"/>
                    <a:pt x="3434" y="8045"/>
                  </a:cubicBezTo>
                  <a:cubicBezTo>
                    <a:pt x="3484" y="8095"/>
                    <a:pt x="3660" y="8095"/>
                    <a:pt x="3710" y="8171"/>
                  </a:cubicBezTo>
                  <a:cubicBezTo>
                    <a:pt x="3785" y="8221"/>
                    <a:pt x="3785" y="8446"/>
                    <a:pt x="3835" y="8547"/>
                  </a:cubicBezTo>
                  <a:cubicBezTo>
                    <a:pt x="3835" y="8622"/>
                    <a:pt x="3936" y="8722"/>
                    <a:pt x="4011" y="8847"/>
                  </a:cubicBezTo>
                  <a:cubicBezTo>
                    <a:pt x="4011" y="8897"/>
                    <a:pt x="4111" y="9073"/>
                    <a:pt x="4061" y="9173"/>
                  </a:cubicBezTo>
                  <a:cubicBezTo>
                    <a:pt x="4061" y="9223"/>
                    <a:pt x="3936" y="9298"/>
                    <a:pt x="3936" y="9349"/>
                  </a:cubicBezTo>
                  <a:lnTo>
                    <a:pt x="3936" y="9524"/>
                  </a:lnTo>
                  <a:cubicBezTo>
                    <a:pt x="4061" y="9624"/>
                    <a:pt x="4286" y="9524"/>
                    <a:pt x="4387" y="9574"/>
                  </a:cubicBezTo>
                  <a:cubicBezTo>
                    <a:pt x="4512" y="9574"/>
                    <a:pt x="4612" y="9674"/>
                    <a:pt x="4687" y="9674"/>
                  </a:cubicBezTo>
                  <a:cubicBezTo>
                    <a:pt x="4788" y="9750"/>
                    <a:pt x="4913" y="9674"/>
                    <a:pt x="4963" y="9674"/>
                  </a:cubicBezTo>
                  <a:cubicBezTo>
                    <a:pt x="5013" y="9624"/>
                    <a:pt x="5063" y="9399"/>
                    <a:pt x="5063" y="9349"/>
                  </a:cubicBezTo>
                  <a:lnTo>
                    <a:pt x="5063" y="9123"/>
                  </a:lnTo>
                  <a:cubicBezTo>
                    <a:pt x="5139" y="9073"/>
                    <a:pt x="5364" y="9073"/>
                    <a:pt x="5364" y="8998"/>
                  </a:cubicBezTo>
                  <a:cubicBezTo>
                    <a:pt x="5364" y="8897"/>
                    <a:pt x="5239" y="8722"/>
                    <a:pt x="5189" y="8672"/>
                  </a:cubicBezTo>
                  <a:cubicBezTo>
                    <a:pt x="5139" y="8622"/>
                    <a:pt x="5013" y="8622"/>
                    <a:pt x="4963" y="8622"/>
                  </a:cubicBezTo>
                  <a:cubicBezTo>
                    <a:pt x="4913" y="8547"/>
                    <a:pt x="4838" y="8321"/>
                    <a:pt x="4838" y="8221"/>
                  </a:cubicBezTo>
                  <a:cubicBezTo>
                    <a:pt x="4788" y="8171"/>
                    <a:pt x="4738" y="8045"/>
                    <a:pt x="4738" y="7945"/>
                  </a:cubicBezTo>
                  <a:cubicBezTo>
                    <a:pt x="4738" y="7870"/>
                    <a:pt x="4838" y="7770"/>
                    <a:pt x="4838" y="7719"/>
                  </a:cubicBezTo>
                  <a:cubicBezTo>
                    <a:pt x="4838" y="7644"/>
                    <a:pt x="4738" y="7494"/>
                    <a:pt x="4738" y="7419"/>
                  </a:cubicBezTo>
                  <a:cubicBezTo>
                    <a:pt x="4738" y="7318"/>
                    <a:pt x="4788" y="7193"/>
                    <a:pt x="4788" y="7093"/>
                  </a:cubicBezTo>
                  <a:cubicBezTo>
                    <a:pt x="4838" y="6968"/>
                    <a:pt x="4913" y="6767"/>
                    <a:pt x="5013" y="6692"/>
                  </a:cubicBezTo>
                  <a:cubicBezTo>
                    <a:pt x="5063" y="6642"/>
                    <a:pt x="5239" y="6692"/>
                    <a:pt x="5289" y="6642"/>
                  </a:cubicBezTo>
                  <a:cubicBezTo>
                    <a:pt x="5414" y="6592"/>
                    <a:pt x="5289" y="6316"/>
                    <a:pt x="5289" y="6191"/>
                  </a:cubicBezTo>
                  <a:cubicBezTo>
                    <a:pt x="5289" y="6141"/>
                    <a:pt x="5364" y="5965"/>
                    <a:pt x="5414" y="5915"/>
                  </a:cubicBezTo>
                  <a:cubicBezTo>
                    <a:pt x="5464" y="5865"/>
                    <a:pt x="5690" y="5790"/>
                    <a:pt x="5740" y="5740"/>
                  </a:cubicBezTo>
                  <a:cubicBezTo>
                    <a:pt x="5740" y="5689"/>
                    <a:pt x="5815" y="5639"/>
                    <a:pt x="5815" y="5564"/>
                  </a:cubicBezTo>
                  <a:cubicBezTo>
                    <a:pt x="5916" y="5514"/>
                    <a:pt x="6091" y="5514"/>
                    <a:pt x="6141" y="5414"/>
                  </a:cubicBezTo>
                  <a:cubicBezTo>
                    <a:pt x="6191" y="5339"/>
                    <a:pt x="6317" y="5113"/>
                    <a:pt x="6367" y="5013"/>
                  </a:cubicBezTo>
                  <a:cubicBezTo>
                    <a:pt x="6417" y="4887"/>
                    <a:pt x="6642" y="4612"/>
                    <a:pt x="6768" y="4436"/>
                  </a:cubicBezTo>
                  <a:cubicBezTo>
                    <a:pt x="6818" y="4336"/>
                    <a:pt x="6868" y="4060"/>
                    <a:pt x="6918" y="3935"/>
                  </a:cubicBezTo>
                  <a:cubicBezTo>
                    <a:pt x="6993" y="3835"/>
                    <a:pt x="7093" y="3709"/>
                    <a:pt x="7093" y="3659"/>
                  </a:cubicBezTo>
                  <a:cubicBezTo>
                    <a:pt x="7093" y="3534"/>
                    <a:pt x="7093" y="3434"/>
                    <a:pt x="7043" y="3308"/>
                  </a:cubicBezTo>
                  <a:cubicBezTo>
                    <a:pt x="7043" y="3258"/>
                    <a:pt x="6918" y="3158"/>
                    <a:pt x="6918" y="3083"/>
                  </a:cubicBezTo>
                  <a:cubicBezTo>
                    <a:pt x="6918" y="3033"/>
                    <a:pt x="7043" y="2932"/>
                    <a:pt x="7043" y="2857"/>
                  </a:cubicBezTo>
                  <a:cubicBezTo>
                    <a:pt x="7043" y="2757"/>
                    <a:pt x="7043" y="2582"/>
                    <a:pt x="6993" y="2481"/>
                  </a:cubicBezTo>
                  <a:cubicBezTo>
                    <a:pt x="6918" y="2431"/>
                    <a:pt x="6768" y="2431"/>
                    <a:pt x="6768" y="2356"/>
                  </a:cubicBezTo>
                  <a:cubicBezTo>
                    <a:pt x="6692" y="2306"/>
                    <a:pt x="6642" y="2206"/>
                    <a:pt x="6692" y="2130"/>
                  </a:cubicBezTo>
                  <a:cubicBezTo>
                    <a:pt x="6692" y="2080"/>
                    <a:pt x="6818" y="2030"/>
                    <a:pt x="6818" y="1980"/>
                  </a:cubicBezTo>
                  <a:cubicBezTo>
                    <a:pt x="6868" y="1855"/>
                    <a:pt x="6868" y="1629"/>
                    <a:pt x="6918" y="1529"/>
                  </a:cubicBezTo>
                  <a:cubicBezTo>
                    <a:pt x="6993" y="1454"/>
                    <a:pt x="7219" y="1454"/>
                    <a:pt x="7269" y="1404"/>
                  </a:cubicBezTo>
                  <a:lnTo>
                    <a:pt x="7545" y="1404"/>
                  </a:lnTo>
                  <a:cubicBezTo>
                    <a:pt x="7595" y="1454"/>
                    <a:pt x="7720" y="1529"/>
                    <a:pt x="7770" y="1579"/>
                  </a:cubicBezTo>
                  <a:cubicBezTo>
                    <a:pt x="7770" y="1629"/>
                    <a:pt x="7770" y="1805"/>
                    <a:pt x="7820" y="1855"/>
                  </a:cubicBezTo>
                  <a:cubicBezTo>
                    <a:pt x="7895" y="1905"/>
                    <a:pt x="8121" y="1905"/>
                    <a:pt x="8171" y="1905"/>
                  </a:cubicBezTo>
                  <a:cubicBezTo>
                    <a:pt x="8221" y="1855"/>
                    <a:pt x="8271" y="1755"/>
                    <a:pt x="8271" y="1679"/>
                  </a:cubicBezTo>
                  <a:cubicBezTo>
                    <a:pt x="8271" y="1629"/>
                    <a:pt x="8271" y="1529"/>
                    <a:pt x="8347" y="1454"/>
                  </a:cubicBezTo>
                  <a:lnTo>
                    <a:pt x="8497" y="1404"/>
                  </a:lnTo>
                  <a:cubicBezTo>
                    <a:pt x="8622" y="1454"/>
                    <a:pt x="8622" y="1629"/>
                    <a:pt x="8622" y="1679"/>
                  </a:cubicBezTo>
                  <a:lnTo>
                    <a:pt x="8622" y="2256"/>
                  </a:lnTo>
                  <a:cubicBezTo>
                    <a:pt x="8622" y="2356"/>
                    <a:pt x="8497" y="2582"/>
                    <a:pt x="8497" y="2757"/>
                  </a:cubicBezTo>
                  <a:cubicBezTo>
                    <a:pt x="8497" y="2807"/>
                    <a:pt x="8572" y="2983"/>
                    <a:pt x="8622" y="3033"/>
                  </a:cubicBezTo>
                  <a:cubicBezTo>
                    <a:pt x="8622" y="3158"/>
                    <a:pt x="8848" y="3208"/>
                    <a:pt x="8898" y="3258"/>
                  </a:cubicBezTo>
                  <a:cubicBezTo>
                    <a:pt x="8948" y="3384"/>
                    <a:pt x="8898" y="3609"/>
                    <a:pt x="8948" y="3659"/>
                  </a:cubicBezTo>
                  <a:cubicBezTo>
                    <a:pt x="9023" y="3760"/>
                    <a:pt x="9124" y="3885"/>
                    <a:pt x="9174" y="3935"/>
                  </a:cubicBezTo>
                  <a:cubicBezTo>
                    <a:pt x="9299" y="3935"/>
                    <a:pt x="9525" y="3885"/>
                    <a:pt x="9625" y="3885"/>
                  </a:cubicBezTo>
                  <a:cubicBezTo>
                    <a:pt x="9750" y="3935"/>
                    <a:pt x="9850" y="3985"/>
                    <a:pt x="9976" y="3985"/>
                  </a:cubicBezTo>
                  <a:cubicBezTo>
                    <a:pt x="10026" y="3985"/>
                    <a:pt x="10076" y="3885"/>
                    <a:pt x="10126" y="3885"/>
                  </a:cubicBezTo>
                  <a:cubicBezTo>
                    <a:pt x="10251" y="3885"/>
                    <a:pt x="10352" y="4060"/>
                    <a:pt x="10427" y="3985"/>
                  </a:cubicBezTo>
                  <a:cubicBezTo>
                    <a:pt x="10477" y="3985"/>
                    <a:pt x="10577" y="3835"/>
                    <a:pt x="10577" y="3760"/>
                  </a:cubicBezTo>
                  <a:cubicBezTo>
                    <a:pt x="10652" y="3659"/>
                    <a:pt x="10652" y="3434"/>
                    <a:pt x="10703" y="3384"/>
                  </a:cubicBezTo>
                  <a:cubicBezTo>
                    <a:pt x="10753" y="3308"/>
                    <a:pt x="10928" y="3384"/>
                    <a:pt x="10978" y="3384"/>
                  </a:cubicBezTo>
                  <a:cubicBezTo>
                    <a:pt x="11028" y="3384"/>
                    <a:pt x="11154" y="3484"/>
                    <a:pt x="11204" y="3484"/>
                  </a:cubicBezTo>
                  <a:cubicBezTo>
                    <a:pt x="11254" y="3484"/>
                    <a:pt x="11429" y="3308"/>
                    <a:pt x="11479" y="3308"/>
                  </a:cubicBezTo>
                  <a:cubicBezTo>
                    <a:pt x="11479" y="3258"/>
                    <a:pt x="11555" y="3208"/>
                    <a:pt x="11555" y="3158"/>
                  </a:cubicBezTo>
                  <a:cubicBezTo>
                    <a:pt x="11605" y="3158"/>
                    <a:pt x="11780" y="3158"/>
                    <a:pt x="11830" y="3083"/>
                  </a:cubicBezTo>
                  <a:cubicBezTo>
                    <a:pt x="11880" y="3033"/>
                    <a:pt x="12006" y="2932"/>
                    <a:pt x="12056" y="2932"/>
                  </a:cubicBezTo>
                  <a:lnTo>
                    <a:pt x="12281" y="2932"/>
                  </a:lnTo>
                  <a:cubicBezTo>
                    <a:pt x="12332" y="2983"/>
                    <a:pt x="12332" y="3208"/>
                    <a:pt x="12382" y="3208"/>
                  </a:cubicBezTo>
                  <a:cubicBezTo>
                    <a:pt x="12507" y="3258"/>
                    <a:pt x="12682" y="3158"/>
                    <a:pt x="12733" y="3208"/>
                  </a:cubicBezTo>
                  <a:cubicBezTo>
                    <a:pt x="12783" y="3208"/>
                    <a:pt x="12908" y="3308"/>
                    <a:pt x="12958" y="3384"/>
                  </a:cubicBezTo>
                  <a:cubicBezTo>
                    <a:pt x="12958" y="3484"/>
                    <a:pt x="12958" y="3659"/>
                    <a:pt x="13008" y="3760"/>
                  </a:cubicBezTo>
                  <a:cubicBezTo>
                    <a:pt x="13008" y="3835"/>
                    <a:pt x="13134" y="3985"/>
                    <a:pt x="13184" y="4060"/>
                  </a:cubicBezTo>
                  <a:cubicBezTo>
                    <a:pt x="13234" y="4110"/>
                    <a:pt x="13459" y="4060"/>
                    <a:pt x="13510" y="4161"/>
                  </a:cubicBezTo>
                  <a:cubicBezTo>
                    <a:pt x="13560" y="4161"/>
                    <a:pt x="13560" y="4286"/>
                    <a:pt x="13560" y="4336"/>
                  </a:cubicBezTo>
                  <a:cubicBezTo>
                    <a:pt x="13635" y="4386"/>
                    <a:pt x="13560" y="4436"/>
                    <a:pt x="13560" y="4511"/>
                  </a:cubicBezTo>
                  <a:cubicBezTo>
                    <a:pt x="13635" y="4562"/>
                    <a:pt x="13685" y="4737"/>
                    <a:pt x="13735" y="4737"/>
                  </a:cubicBezTo>
                  <a:cubicBezTo>
                    <a:pt x="13860" y="4787"/>
                    <a:pt x="14086" y="4837"/>
                    <a:pt x="14136" y="4837"/>
                  </a:cubicBezTo>
                  <a:cubicBezTo>
                    <a:pt x="14236" y="4787"/>
                    <a:pt x="14412" y="4737"/>
                    <a:pt x="14462" y="4612"/>
                  </a:cubicBezTo>
                  <a:cubicBezTo>
                    <a:pt x="14537" y="4562"/>
                    <a:pt x="14587" y="4386"/>
                    <a:pt x="14587" y="4286"/>
                  </a:cubicBezTo>
                  <a:cubicBezTo>
                    <a:pt x="14587" y="4161"/>
                    <a:pt x="14462" y="3935"/>
                    <a:pt x="14412" y="3885"/>
                  </a:cubicBezTo>
                  <a:cubicBezTo>
                    <a:pt x="14362" y="3835"/>
                    <a:pt x="14186" y="3760"/>
                    <a:pt x="14086" y="3709"/>
                  </a:cubicBezTo>
                  <a:cubicBezTo>
                    <a:pt x="14011" y="3659"/>
                    <a:pt x="13911" y="3534"/>
                    <a:pt x="13860" y="3434"/>
                  </a:cubicBezTo>
                  <a:lnTo>
                    <a:pt x="13911" y="3308"/>
                  </a:lnTo>
                  <a:cubicBezTo>
                    <a:pt x="13911" y="3208"/>
                    <a:pt x="13785" y="3083"/>
                    <a:pt x="13785" y="3033"/>
                  </a:cubicBezTo>
                  <a:cubicBezTo>
                    <a:pt x="13860" y="3033"/>
                    <a:pt x="13911" y="2932"/>
                    <a:pt x="13961" y="2932"/>
                  </a:cubicBezTo>
                  <a:cubicBezTo>
                    <a:pt x="14086" y="2857"/>
                    <a:pt x="14236" y="2932"/>
                    <a:pt x="14362" y="2857"/>
                  </a:cubicBezTo>
                  <a:cubicBezTo>
                    <a:pt x="14412" y="2857"/>
                    <a:pt x="14537" y="2707"/>
                    <a:pt x="14537" y="2582"/>
                  </a:cubicBezTo>
                  <a:cubicBezTo>
                    <a:pt x="14537" y="2531"/>
                    <a:pt x="14362" y="2431"/>
                    <a:pt x="14312" y="2356"/>
                  </a:cubicBezTo>
                  <a:cubicBezTo>
                    <a:pt x="14236" y="2306"/>
                    <a:pt x="14136" y="2256"/>
                    <a:pt x="14086" y="2256"/>
                  </a:cubicBezTo>
                  <a:cubicBezTo>
                    <a:pt x="14011" y="2206"/>
                    <a:pt x="13911" y="2306"/>
                    <a:pt x="13860" y="2356"/>
                  </a:cubicBezTo>
                  <a:cubicBezTo>
                    <a:pt x="13735" y="2356"/>
                    <a:pt x="13560" y="2356"/>
                    <a:pt x="13510" y="2306"/>
                  </a:cubicBezTo>
                  <a:cubicBezTo>
                    <a:pt x="13409" y="2206"/>
                    <a:pt x="13510" y="1805"/>
                    <a:pt x="13459" y="1629"/>
                  </a:cubicBezTo>
                  <a:cubicBezTo>
                    <a:pt x="13459" y="1579"/>
                    <a:pt x="13409" y="1404"/>
                    <a:pt x="13409" y="1303"/>
                  </a:cubicBezTo>
                  <a:cubicBezTo>
                    <a:pt x="13409" y="1178"/>
                    <a:pt x="13510" y="1003"/>
                    <a:pt x="13560" y="902"/>
                  </a:cubicBezTo>
                  <a:cubicBezTo>
                    <a:pt x="13560" y="777"/>
                    <a:pt x="13735" y="677"/>
                    <a:pt x="13735" y="627"/>
                  </a:cubicBezTo>
                  <a:cubicBezTo>
                    <a:pt x="13785" y="501"/>
                    <a:pt x="13785" y="326"/>
                    <a:pt x="13860" y="276"/>
                  </a:cubicBezTo>
                  <a:cubicBezTo>
                    <a:pt x="13911" y="176"/>
                    <a:pt x="14136" y="100"/>
                    <a:pt x="14236" y="50"/>
                  </a:cubicBezTo>
                  <a:cubicBezTo>
                    <a:pt x="14362" y="50"/>
                    <a:pt x="14537" y="0"/>
                    <a:pt x="14637" y="0"/>
                  </a:cubicBezTo>
                  <a:cubicBezTo>
                    <a:pt x="14687" y="0"/>
                    <a:pt x="14863" y="0"/>
                    <a:pt x="14913" y="50"/>
                  </a:cubicBezTo>
                  <a:cubicBezTo>
                    <a:pt x="14988" y="50"/>
                    <a:pt x="15088" y="226"/>
                    <a:pt x="15088" y="326"/>
                  </a:cubicBezTo>
                  <a:cubicBezTo>
                    <a:pt x="15088" y="401"/>
                    <a:pt x="15038" y="552"/>
                    <a:pt x="15038" y="627"/>
                  </a:cubicBezTo>
                  <a:cubicBezTo>
                    <a:pt x="15088" y="727"/>
                    <a:pt x="15264" y="777"/>
                    <a:pt x="15364" y="852"/>
                  </a:cubicBezTo>
                  <a:cubicBezTo>
                    <a:pt x="15439" y="902"/>
                    <a:pt x="15540" y="953"/>
                    <a:pt x="15590" y="953"/>
                  </a:cubicBezTo>
                  <a:cubicBezTo>
                    <a:pt x="15665" y="953"/>
                    <a:pt x="15765" y="902"/>
                    <a:pt x="15815" y="852"/>
                  </a:cubicBezTo>
                  <a:cubicBezTo>
                    <a:pt x="15891" y="777"/>
                    <a:pt x="15941" y="627"/>
                    <a:pt x="15991" y="552"/>
                  </a:cubicBezTo>
                  <a:cubicBezTo>
                    <a:pt x="16041" y="552"/>
                    <a:pt x="16166" y="677"/>
                    <a:pt x="16216" y="677"/>
                  </a:cubicBezTo>
                  <a:cubicBezTo>
                    <a:pt x="16266" y="727"/>
                    <a:pt x="16442" y="727"/>
                    <a:pt x="16442" y="777"/>
                  </a:cubicBezTo>
                  <a:cubicBezTo>
                    <a:pt x="16492" y="852"/>
                    <a:pt x="16492" y="953"/>
                    <a:pt x="16492" y="1003"/>
                  </a:cubicBezTo>
                  <a:cubicBezTo>
                    <a:pt x="16567" y="1078"/>
                    <a:pt x="16617" y="1078"/>
                    <a:pt x="16667" y="1128"/>
                  </a:cubicBezTo>
                  <a:lnTo>
                    <a:pt x="16667" y="1228"/>
                  </a:lnTo>
                  <a:cubicBezTo>
                    <a:pt x="16667" y="1303"/>
                    <a:pt x="16718" y="1454"/>
                    <a:pt x="16793" y="1529"/>
                  </a:cubicBezTo>
                  <a:cubicBezTo>
                    <a:pt x="16893" y="1579"/>
                    <a:pt x="17169" y="1354"/>
                    <a:pt x="17294" y="1404"/>
                  </a:cubicBezTo>
                  <a:cubicBezTo>
                    <a:pt x="17394" y="1404"/>
                    <a:pt x="17620" y="1579"/>
                    <a:pt x="17670" y="1679"/>
                  </a:cubicBezTo>
                  <a:cubicBezTo>
                    <a:pt x="17745" y="1805"/>
                    <a:pt x="17795" y="1980"/>
                    <a:pt x="17795" y="2080"/>
                  </a:cubicBezTo>
                  <a:cubicBezTo>
                    <a:pt x="17795" y="2206"/>
                    <a:pt x="17745" y="2356"/>
                    <a:pt x="17745" y="2431"/>
                  </a:cubicBezTo>
                  <a:cubicBezTo>
                    <a:pt x="17745" y="2531"/>
                    <a:pt x="17896" y="2657"/>
                    <a:pt x="17896" y="2707"/>
                  </a:cubicBezTo>
                  <a:cubicBezTo>
                    <a:pt x="17896" y="2807"/>
                    <a:pt x="17896" y="2983"/>
                    <a:pt x="17845" y="3033"/>
                  </a:cubicBezTo>
                  <a:cubicBezTo>
                    <a:pt x="17745" y="3033"/>
                    <a:pt x="17620" y="2857"/>
                    <a:pt x="17520" y="2857"/>
                  </a:cubicBezTo>
                  <a:cubicBezTo>
                    <a:pt x="17394" y="2857"/>
                    <a:pt x="17068" y="2857"/>
                    <a:pt x="16943" y="2983"/>
                  </a:cubicBezTo>
                  <a:cubicBezTo>
                    <a:pt x="16843" y="3033"/>
                    <a:pt x="16718" y="3208"/>
                    <a:pt x="16718" y="3308"/>
                  </a:cubicBezTo>
                  <a:cubicBezTo>
                    <a:pt x="16718" y="3384"/>
                    <a:pt x="16843" y="3534"/>
                    <a:pt x="16893" y="3609"/>
                  </a:cubicBezTo>
                  <a:cubicBezTo>
                    <a:pt x="16993" y="3659"/>
                    <a:pt x="17294" y="3534"/>
                    <a:pt x="17394" y="3659"/>
                  </a:cubicBezTo>
                  <a:cubicBezTo>
                    <a:pt x="17444" y="3760"/>
                    <a:pt x="17344" y="4110"/>
                    <a:pt x="17344" y="4211"/>
                  </a:cubicBezTo>
                  <a:cubicBezTo>
                    <a:pt x="17344" y="4511"/>
                    <a:pt x="17394" y="5013"/>
                    <a:pt x="17394" y="5288"/>
                  </a:cubicBezTo>
                  <a:cubicBezTo>
                    <a:pt x="17344" y="5464"/>
                    <a:pt x="17169" y="5865"/>
                    <a:pt x="17119" y="6015"/>
                  </a:cubicBezTo>
                  <a:cubicBezTo>
                    <a:pt x="16993" y="6241"/>
                    <a:pt x="16843" y="6642"/>
                    <a:pt x="16793" y="6867"/>
                  </a:cubicBezTo>
                  <a:cubicBezTo>
                    <a:pt x="16667" y="6968"/>
                    <a:pt x="16492" y="7193"/>
                    <a:pt x="16442" y="7318"/>
                  </a:cubicBezTo>
                  <a:cubicBezTo>
                    <a:pt x="16342" y="7494"/>
                    <a:pt x="16216" y="7770"/>
                    <a:pt x="16266" y="7945"/>
                  </a:cubicBezTo>
                  <a:cubicBezTo>
                    <a:pt x="16266" y="8045"/>
                    <a:pt x="16342" y="8171"/>
                    <a:pt x="16392" y="8271"/>
                  </a:cubicBezTo>
                  <a:cubicBezTo>
                    <a:pt x="16442" y="8321"/>
                    <a:pt x="16617" y="8446"/>
                    <a:pt x="16667" y="8496"/>
                  </a:cubicBezTo>
                  <a:cubicBezTo>
                    <a:pt x="16718" y="8622"/>
                    <a:pt x="16793" y="8897"/>
                    <a:pt x="16793" y="9073"/>
                  </a:cubicBezTo>
                  <a:cubicBezTo>
                    <a:pt x="16843" y="9173"/>
                    <a:pt x="16843" y="9399"/>
                    <a:pt x="16893" y="9524"/>
                  </a:cubicBezTo>
                  <a:cubicBezTo>
                    <a:pt x="16893" y="9624"/>
                    <a:pt x="16993" y="9850"/>
                    <a:pt x="17068" y="9900"/>
                  </a:cubicBezTo>
                  <a:cubicBezTo>
                    <a:pt x="17169" y="10075"/>
                    <a:pt x="17520" y="10351"/>
                    <a:pt x="17670" y="10426"/>
                  </a:cubicBezTo>
                  <a:cubicBezTo>
                    <a:pt x="17795" y="10426"/>
                    <a:pt x="18021" y="10251"/>
                    <a:pt x="18071" y="10201"/>
                  </a:cubicBezTo>
                  <a:cubicBezTo>
                    <a:pt x="18121" y="10075"/>
                    <a:pt x="18121" y="9850"/>
                    <a:pt x="18196" y="9800"/>
                  </a:cubicBezTo>
                  <a:cubicBezTo>
                    <a:pt x="18246" y="9674"/>
                    <a:pt x="18422" y="9624"/>
                    <a:pt x="18472" y="9574"/>
                  </a:cubicBezTo>
                  <a:cubicBezTo>
                    <a:pt x="18572" y="9574"/>
                    <a:pt x="18798" y="9574"/>
                    <a:pt x="18923" y="9624"/>
                  </a:cubicBezTo>
                  <a:cubicBezTo>
                    <a:pt x="19023" y="9674"/>
                    <a:pt x="19199" y="9850"/>
                    <a:pt x="19249" y="9900"/>
                  </a:cubicBezTo>
                  <a:cubicBezTo>
                    <a:pt x="19249" y="9975"/>
                    <a:pt x="19249" y="9975"/>
                    <a:pt x="19324" y="9975"/>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135" name="Google Shape;192;p16">
              <a:extLst>
                <a:ext uri="{FF2B5EF4-FFF2-40B4-BE49-F238E27FC236}">
                  <a16:creationId xmlns:a16="http://schemas.microsoft.com/office/drawing/2014/main" id="{BA585384-0BE2-C849-0E0C-314119F33AF2}"/>
                </a:ext>
              </a:extLst>
            </p:cNvPr>
            <p:cNvSpPr/>
            <p:nvPr/>
          </p:nvSpPr>
          <p:spPr>
            <a:xfrm>
              <a:off x="1725017" y="1200888"/>
              <a:ext cx="661774" cy="689740"/>
            </a:xfrm>
            <a:custGeom>
              <a:avLst/>
              <a:gdLst/>
              <a:ahLst/>
              <a:cxnLst/>
              <a:rect l="l" t="t" r="r" b="b"/>
              <a:pathLst>
                <a:path w="23711" h="24713" fill="none" extrusionOk="0">
                  <a:moveTo>
                    <a:pt x="19324" y="9975"/>
                  </a:moveTo>
                  <a:lnTo>
                    <a:pt x="19324" y="10476"/>
                  </a:lnTo>
                  <a:cubicBezTo>
                    <a:pt x="19249" y="10652"/>
                    <a:pt x="19249" y="10928"/>
                    <a:pt x="19249" y="11103"/>
                  </a:cubicBezTo>
                  <a:cubicBezTo>
                    <a:pt x="19199" y="11203"/>
                    <a:pt x="19023" y="11429"/>
                    <a:pt x="18973" y="11529"/>
                  </a:cubicBezTo>
                  <a:cubicBezTo>
                    <a:pt x="18873" y="11654"/>
                    <a:pt x="18572" y="11830"/>
                    <a:pt x="18472" y="11980"/>
                  </a:cubicBezTo>
                  <a:cubicBezTo>
                    <a:pt x="18347" y="12105"/>
                    <a:pt x="18121" y="12331"/>
                    <a:pt x="18071" y="12506"/>
                  </a:cubicBezTo>
                  <a:cubicBezTo>
                    <a:pt x="17971" y="12732"/>
                    <a:pt x="17896" y="13183"/>
                    <a:pt x="17896" y="13409"/>
                  </a:cubicBezTo>
                  <a:cubicBezTo>
                    <a:pt x="17971" y="13634"/>
                    <a:pt x="18021" y="14010"/>
                    <a:pt x="18071" y="14236"/>
                  </a:cubicBezTo>
                  <a:cubicBezTo>
                    <a:pt x="18121" y="14361"/>
                    <a:pt x="18422" y="14587"/>
                    <a:pt x="18472" y="14762"/>
                  </a:cubicBezTo>
                  <a:cubicBezTo>
                    <a:pt x="18522" y="14912"/>
                    <a:pt x="18647" y="15263"/>
                    <a:pt x="18698" y="15439"/>
                  </a:cubicBezTo>
                  <a:cubicBezTo>
                    <a:pt x="18698" y="15539"/>
                    <a:pt x="18748" y="15815"/>
                    <a:pt x="18798" y="15990"/>
                  </a:cubicBezTo>
                  <a:cubicBezTo>
                    <a:pt x="18873" y="16090"/>
                    <a:pt x="18973" y="16316"/>
                    <a:pt x="19099" y="16441"/>
                  </a:cubicBezTo>
                  <a:cubicBezTo>
                    <a:pt x="19149" y="16491"/>
                    <a:pt x="19324" y="16617"/>
                    <a:pt x="19424" y="16617"/>
                  </a:cubicBezTo>
                  <a:cubicBezTo>
                    <a:pt x="19550" y="16667"/>
                    <a:pt x="19775" y="16617"/>
                    <a:pt x="19875" y="16667"/>
                  </a:cubicBezTo>
                  <a:cubicBezTo>
                    <a:pt x="19926" y="16667"/>
                    <a:pt x="20101" y="16767"/>
                    <a:pt x="20151" y="16842"/>
                  </a:cubicBezTo>
                  <a:cubicBezTo>
                    <a:pt x="20276" y="16943"/>
                    <a:pt x="20502" y="17218"/>
                    <a:pt x="20552" y="17344"/>
                  </a:cubicBezTo>
                  <a:cubicBezTo>
                    <a:pt x="20652" y="17444"/>
                    <a:pt x="20828" y="17795"/>
                    <a:pt x="20953" y="17895"/>
                  </a:cubicBezTo>
                  <a:cubicBezTo>
                    <a:pt x="21053" y="18070"/>
                    <a:pt x="21454" y="18196"/>
                    <a:pt x="21630" y="18246"/>
                  </a:cubicBezTo>
                  <a:cubicBezTo>
                    <a:pt x="21730" y="18346"/>
                    <a:pt x="22131" y="18421"/>
                    <a:pt x="22231" y="18522"/>
                  </a:cubicBezTo>
                  <a:cubicBezTo>
                    <a:pt x="22357" y="18647"/>
                    <a:pt x="22532" y="18872"/>
                    <a:pt x="22582" y="18973"/>
                  </a:cubicBezTo>
                  <a:cubicBezTo>
                    <a:pt x="22632" y="19098"/>
                    <a:pt x="22632" y="19324"/>
                    <a:pt x="22683" y="19374"/>
                  </a:cubicBezTo>
                  <a:cubicBezTo>
                    <a:pt x="22758" y="19424"/>
                    <a:pt x="22908" y="19549"/>
                    <a:pt x="22983" y="19599"/>
                  </a:cubicBezTo>
                  <a:cubicBezTo>
                    <a:pt x="23033" y="19649"/>
                    <a:pt x="23134" y="19875"/>
                    <a:pt x="23259" y="19925"/>
                  </a:cubicBezTo>
                  <a:cubicBezTo>
                    <a:pt x="23309" y="20050"/>
                    <a:pt x="23535" y="20151"/>
                    <a:pt x="23710" y="20201"/>
                  </a:cubicBezTo>
                  <a:cubicBezTo>
                    <a:pt x="23535" y="20326"/>
                    <a:pt x="23309" y="20426"/>
                    <a:pt x="23209" y="20501"/>
                  </a:cubicBezTo>
                  <a:cubicBezTo>
                    <a:pt x="22983" y="20552"/>
                    <a:pt x="22532" y="20552"/>
                    <a:pt x="22307" y="20602"/>
                  </a:cubicBezTo>
                  <a:cubicBezTo>
                    <a:pt x="22081" y="20602"/>
                    <a:pt x="21555" y="20727"/>
                    <a:pt x="21279" y="20777"/>
                  </a:cubicBezTo>
                  <a:cubicBezTo>
                    <a:pt x="21104" y="20827"/>
                    <a:pt x="20778" y="21103"/>
                    <a:pt x="20602" y="21103"/>
                  </a:cubicBezTo>
                  <a:cubicBezTo>
                    <a:pt x="20377" y="21103"/>
                    <a:pt x="20001" y="20827"/>
                    <a:pt x="19775" y="20777"/>
                  </a:cubicBezTo>
                  <a:cubicBezTo>
                    <a:pt x="19550" y="20727"/>
                    <a:pt x="19149" y="20652"/>
                    <a:pt x="18973" y="20727"/>
                  </a:cubicBezTo>
                  <a:cubicBezTo>
                    <a:pt x="18748" y="20777"/>
                    <a:pt x="18422" y="21103"/>
                    <a:pt x="18196" y="21178"/>
                  </a:cubicBezTo>
                  <a:cubicBezTo>
                    <a:pt x="17971" y="21228"/>
                    <a:pt x="17394" y="21228"/>
                    <a:pt x="17119" y="21103"/>
                  </a:cubicBezTo>
                  <a:cubicBezTo>
                    <a:pt x="16993" y="21053"/>
                    <a:pt x="16843" y="20827"/>
                    <a:pt x="16718" y="20727"/>
                  </a:cubicBezTo>
                  <a:cubicBezTo>
                    <a:pt x="16617" y="20652"/>
                    <a:pt x="16266" y="20501"/>
                    <a:pt x="16116" y="20426"/>
                  </a:cubicBezTo>
                  <a:cubicBezTo>
                    <a:pt x="15941" y="20426"/>
                    <a:pt x="15490" y="20602"/>
                    <a:pt x="15264" y="20552"/>
                  </a:cubicBezTo>
                  <a:cubicBezTo>
                    <a:pt x="15139" y="20501"/>
                    <a:pt x="14913" y="20151"/>
                    <a:pt x="14763" y="20050"/>
                  </a:cubicBezTo>
                  <a:cubicBezTo>
                    <a:pt x="14637" y="19975"/>
                    <a:pt x="14362" y="19875"/>
                    <a:pt x="14186" y="19925"/>
                  </a:cubicBezTo>
                  <a:cubicBezTo>
                    <a:pt x="13961" y="19925"/>
                    <a:pt x="13685" y="20376"/>
                    <a:pt x="13510" y="20326"/>
                  </a:cubicBezTo>
                  <a:cubicBezTo>
                    <a:pt x="13359" y="20326"/>
                    <a:pt x="13134" y="20050"/>
                    <a:pt x="13134" y="19925"/>
                  </a:cubicBezTo>
                  <a:cubicBezTo>
                    <a:pt x="13058" y="19750"/>
                    <a:pt x="13284" y="19424"/>
                    <a:pt x="13234" y="19324"/>
                  </a:cubicBezTo>
                  <a:cubicBezTo>
                    <a:pt x="13184" y="19148"/>
                    <a:pt x="12908" y="18973"/>
                    <a:pt x="12733" y="18923"/>
                  </a:cubicBezTo>
                  <a:cubicBezTo>
                    <a:pt x="12682" y="18872"/>
                    <a:pt x="12382" y="18923"/>
                    <a:pt x="12281" y="18923"/>
                  </a:cubicBezTo>
                  <a:cubicBezTo>
                    <a:pt x="12156" y="18923"/>
                    <a:pt x="11880" y="18797"/>
                    <a:pt x="11780" y="18872"/>
                  </a:cubicBezTo>
                  <a:cubicBezTo>
                    <a:pt x="11605" y="18923"/>
                    <a:pt x="11379" y="19148"/>
                    <a:pt x="11254" y="19198"/>
                  </a:cubicBezTo>
                  <a:cubicBezTo>
                    <a:pt x="11104" y="19374"/>
                    <a:pt x="10928" y="19699"/>
                    <a:pt x="10753" y="19750"/>
                  </a:cubicBezTo>
                  <a:cubicBezTo>
                    <a:pt x="10477" y="19875"/>
                    <a:pt x="9976" y="19699"/>
                    <a:pt x="9750" y="19599"/>
                  </a:cubicBezTo>
                  <a:cubicBezTo>
                    <a:pt x="9625" y="19474"/>
                    <a:pt x="9575" y="19148"/>
                    <a:pt x="9474" y="19098"/>
                  </a:cubicBezTo>
                  <a:cubicBezTo>
                    <a:pt x="9349" y="18973"/>
                    <a:pt x="9073" y="18973"/>
                    <a:pt x="8948" y="19023"/>
                  </a:cubicBezTo>
                  <a:cubicBezTo>
                    <a:pt x="8798" y="19098"/>
                    <a:pt x="8572" y="19474"/>
                    <a:pt x="8397" y="19549"/>
                  </a:cubicBezTo>
                  <a:cubicBezTo>
                    <a:pt x="8221" y="19549"/>
                    <a:pt x="7996" y="19324"/>
                    <a:pt x="7895" y="19374"/>
                  </a:cubicBezTo>
                  <a:cubicBezTo>
                    <a:pt x="7720" y="19424"/>
                    <a:pt x="7494" y="19750"/>
                    <a:pt x="7369" y="19875"/>
                  </a:cubicBezTo>
                  <a:cubicBezTo>
                    <a:pt x="7269" y="20050"/>
                    <a:pt x="7093" y="20426"/>
                    <a:pt x="7043" y="20602"/>
                  </a:cubicBezTo>
                  <a:cubicBezTo>
                    <a:pt x="6993" y="20827"/>
                    <a:pt x="6918" y="21228"/>
                    <a:pt x="6918" y="21404"/>
                  </a:cubicBezTo>
                  <a:cubicBezTo>
                    <a:pt x="6993" y="21504"/>
                    <a:pt x="7093" y="21780"/>
                    <a:pt x="7219" y="21905"/>
                  </a:cubicBezTo>
                  <a:cubicBezTo>
                    <a:pt x="7269" y="22005"/>
                    <a:pt x="7545" y="22231"/>
                    <a:pt x="7545" y="22406"/>
                  </a:cubicBezTo>
                  <a:cubicBezTo>
                    <a:pt x="7595" y="22532"/>
                    <a:pt x="7494" y="22757"/>
                    <a:pt x="7444" y="22857"/>
                  </a:cubicBezTo>
                  <a:cubicBezTo>
                    <a:pt x="7369" y="22983"/>
                    <a:pt x="7144" y="22983"/>
                    <a:pt x="7144" y="23083"/>
                  </a:cubicBezTo>
                  <a:cubicBezTo>
                    <a:pt x="7093" y="23133"/>
                    <a:pt x="7144" y="23434"/>
                    <a:pt x="7144" y="23484"/>
                  </a:cubicBezTo>
                  <a:cubicBezTo>
                    <a:pt x="7093" y="23584"/>
                    <a:pt x="6918" y="23659"/>
                    <a:pt x="6868" y="23760"/>
                  </a:cubicBezTo>
                  <a:cubicBezTo>
                    <a:pt x="6818" y="23860"/>
                    <a:pt x="6768" y="24211"/>
                    <a:pt x="6692" y="24386"/>
                  </a:cubicBezTo>
                  <a:cubicBezTo>
                    <a:pt x="6692" y="24436"/>
                    <a:pt x="6592" y="24612"/>
                    <a:pt x="6542" y="24712"/>
                  </a:cubicBezTo>
                  <a:cubicBezTo>
                    <a:pt x="6467" y="24612"/>
                    <a:pt x="6467" y="24486"/>
                    <a:pt x="6417" y="24486"/>
                  </a:cubicBezTo>
                  <a:cubicBezTo>
                    <a:pt x="6367" y="24386"/>
                    <a:pt x="6141" y="24386"/>
                    <a:pt x="6141" y="24261"/>
                  </a:cubicBezTo>
                  <a:cubicBezTo>
                    <a:pt x="6041" y="24211"/>
                    <a:pt x="6091" y="23935"/>
                    <a:pt x="6091" y="23810"/>
                  </a:cubicBezTo>
                  <a:cubicBezTo>
                    <a:pt x="6041" y="23710"/>
                    <a:pt x="5865" y="23484"/>
                    <a:pt x="5815" y="23359"/>
                  </a:cubicBezTo>
                  <a:cubicBezTo>
                    <a:pt x="5740" y="23258"/>
                    <a:pt x="5815" y="23033"/>
                    <a:pt x="5690" y="22908"/>
                  </a:cubicBezTo>
                  <a:cubicBezTo>
                    <a:pt x="5690" y="22908"/>
                    <a:pt x="5515" y="22857"/>
                    <a:pt x="5464" y="22857"/>
                  </a:cubicBezTo>
                  <a:cubicBezTo>
                    <a:pt x="5364" y="22807"/>
                    <a:pt x="5063" y="22908"/>
                    <a:pt x="4963" y="22857"/>
                  </a:cubicBezTo>
                  <a:cubicBezTo>
                    <a:pt x="4838" y="22857"/>
                    <a:pt x="4687" y="22682"/>
                    <a:pt x="4612" y="22582"/>
                  </a:cubicBezTo>
                  <a:cubicBezTo>
                    <a:pt x="4562" y="22456"/>
                    <a:pt x="4512" y="22181"/>
                    <a:pt x="4512" y="22005"/>
                  </a:cubicBezTo>
                  <a:cubicBezTo>
                    <a:pt x="4512" y="21955"/>
                    <a:pt x="4562" y="21780"/>
                    <a:pt x="4562" y="21730"/>
                  </a:cubicBezTo>
                  <a:cubicBezTo>
                    <a:pt x="4562" y="21629"/>
                    <a:pt x="4462" y="21454"/>
                    <a:pt x="4387" y="21404"/>
                  </a:cubicBezTo>
                  <a:cubicBezTo>
                    <a:pt x="4337" y="21329"/>
                    <a:pt x="4111" y="21228"/>
                    <a:pt x="4061" y="21178"/>
                  </a:cubicBezTo>
                  <a:cubicBezTo>
                    <a:pt x="4011" y="21103"/>
                    <a:pt x="4011" y="20877"/>
                    <a:pt x="3885" y="20877"/>
                  </a:cubicBezTo>
                  <a:cubicBezTo>
                    <a:pt x="3885" y="20827"/>
                    <a:pt x="3710" y="20777"/>
                    <a:pt x="3660" y="20777"/>
                  </a:cubicBezTo>
                  <a:cubicBezTo>
                    <a:pt x="3610" y="20777"/>
                    <a:pt x="3434" y="20877"/>
                    <a:pt x="3384" y="20877"/>
                  </a:cubicBezTo>
                  <a:lnTo>
                    <a:pt x="3159" y="20652"/>
                  </a:lnTo>
                  <a:cubicBezTo>
                    <a:pt x="3159" y="20602"/>
                    <a:pt x="3108" y="20426"/>
                    <a:pt x="3033" y="20326"/>
                  </a:cubicBezTo>
                  <a:cubicBezTo>
                    <a:pt x="3033" y="20276"/>
                    <a:pt x="2983" y="20050"/>
                    <a:pt x="2933" y="19975"/>
                  </a:cubicBezTo>
                  <a:cubicBezTo>
                    <a:pt x="2933" y="19925"/>
                    <a:pt x="2833" y="19875"/>
                    <a:pt x="2758" y="19825"/>
                  </a:cubicBezTo>
                  <a:cubicBezTo>
                    <a:pt x="2707" y="19825"/>
                    <a:pt x="2482" y="19750"/>
                    <a:pt x="2432" y="19825"/>
                  </a:cubicBezTo>
                  <a:cubicBezTo>
                    <a:pt x="2306" y="19825"/>
                    <a:pt x="2256" y="19975"/>
                    <a:pt x="2206" y="20050"/>
                  </a:cubicBezTo>
                  <a:cubicBezTo>
                    <a:pt x="2156" y="20100"/>
                    <a:pt x="1981" y="20276"/>
                    <a:pt x="1855" y="20276"/>
                  </a:cubicBezTo>
                  <a:cubicBezTo>
                    <a:pt x="1705" y="20276"/>
                    <a:pt x="1404" y="20151"/>
                    <a:pt x="1304" y="20050"/>
                  </a:cubicBezTo>
                  <a:cubicBezTo>
                    <a:pt x="1179" y="19975"/>
                    <a:pt x="953" y="19825"/>
                    <a:pt x="853" y="19699"/>
                  </a:cubicBezTo>
                  <a:cubicBezTo>
                    <a:pt x="803" y="19599"/>
                    <a:pt x="728" y="19374"/>
                    <a:pt x="677" y="19324"/>
                  </a:cubicBezTo>
                  <a:cubicBezTo>
                    <a:pt x="627" y="19248"/>
                    <a:pt x="577" y="19098"/>
                    <a:pt x="502" y="19023"/>
                  </a:cubicBezTo>
                  <a:cubicBezTo>
                    <a:pt x="452" y="18973"/>
                    <a:pt x="352" y="18923"/>
                    <a:pt x="276" y="18872"/>
                  </a:cubicBezTo>
                  <a:cubicBezTo>
                    <a:pt x="226" y="18697"/>
                    <a:pt x="276" y="18421"/>
                    <a:pt x="276" y="18246"/>
                  </a:cubicBezTo>
                  <a:cubicBezTo>
                    <a:pt x="276" y="18121"/>
                    <a:pt x="402" y="17970"/>
                    <a:pt x="402" y="17845"/>
                  </a:cubicBezTo>
                  <a:cubicBezTo>
                    <a:pt x="402" y="17745"/>
                    <a:pt x="352" y="17519"/>
                    <a:pt x="276" y="17394"/>
                  </a:cubicBezTo>
                  <a:cubicBezTo>
                    <a:pt x="226" y="17344"/>
                    <a:pt x="51" y="17168"/>
                    <a:pt x="1" y="17118"/>
                  </a:cubicBezTo>
                  <a:cubicBezTo>
                    <a:pt x="1" y="16993"/>
                    <a:pt x="51" y="16842"/>
                    <a:pt x="126" y="16717"/>
                  </a:cubicBezTo>
                  <a:cubicBezTo>
                    <a:pt x="176" y="16667"/>
                    <a:pt x="402" y="16717"/>
                    <a:pt x="502" y="16667"/>
                  </a:cubicBezTo>
                  <a:cubicBezTo>
                    <a:pt x="627" y="16617"/>
                    <a:pt x="803" y="16491"/>
                    <a:pt x="853" y="16491"/>
                  </a:cubicBezTo>
                  <a:cubicBezTo>
                    <a:pt x="953" y="16491"/>
                    <a:pt x="1179" y="16491"/>
                    <a:pt x="1304" y="16542"/>
                  </a:cubicBezTo>
                  <a:cubicBezTo>
                    <a:pt x="1354" y="16617"/>
                    <a:pt x="1354" y="16717"/>
                    <a:pt x="1404" y="16767"/>
                  </a:cubicBezTo>
                  <a:cubicBezTo>
                    <a:pt x="1479" y="16892"/>
                    <a:pt x="1630" y="16993"/>
                    <a:pt x="1705" y="16993"/>
                  </a:cubicBezTo>
                  <a:cubicBezTo>
                    <a:pt x="1805" y="16993"/>
                    <a:pt x="1931" y="16767"/>
                    <a:pt x="1981" y="16717"/>
                  </a:cubicBezTo>
                  <a:lnTo>
                    <a:pt x="1981" y="16441"/>
                  </a:lnTo>
                  <a:cubicBezTo>
                    <a:pt x="1981" y="16316"/>
                    <a:pt x="1931" y="16166"/>
                    <a:pt x="1981" y="16090"/>
                  </a:cubicBezTo>
                  <a:cubicBezTo>
                    <a:pt x="2031" y="16040"/>
                    <a:pt x="2206" y="16040"/>
                    <a:pt x="2256" y="16040"/>
                  </a:cubicBezTo>
                  <a:cubicBezTo>
                    <a:pt x="2306" y="15990"/>
                    <a:pt x="2482" y="15940"/>
                    <a:pt x="2607" y="15865"/>
                  </a:cubicBezTo>
                  <a:cubicBezTo>
                    <a:pt x="2657" y="15765"/>
                    <a:pt x="2707" y="15589"/>
                    <a:pt x="2707" y="15489"/>
                  </a:cubicBezTo>
                  <a:cubicBezTo>
                    <a:pt x="2707" y="15313"/>
                    <a:pt x="2532" y="14988"/>
                    <a:pt x="2482" y="14862"/>
                  </a:cubicBezTo>
                  <a:cubicBezTo>
                    <a:pt x="2382" y="14762"/>
                    <a:pt x="2156" y="14587"/>
                    <a:pt x="2081" y="14461"/>
                  </a:cubicBezTo>
                  <a:cubicBezTo>
                    <a:pt x="1981" y="14361"/>
                    <a:pt x="1805" y="14085"/>
                    <a:pt x="1755" y="13910"/>
                  </a:cubicBezTo>
                  <a:cubicBezTo>
                    <a:pt x="1705" y="13735"/>
                    <a:pt x="1630" y="13409"/>
                    <a:pt x="1580" y="13183"/>
                  </a:cubicBezTo>
                  <a:cubicBezTo>
                    <a:pt x="1530" y="13058"/>
                    <a:pt x="1479" y="12782"/>
                    <a:pt x="1354" y="12657"/>
                  </a:cubicBezTo>
                  <a:cubicBezTo>
                    <a:pt x="1304" y="12557"/>
                    <a:pt x="1078" y="12431"/>
                    <a:pt x="1028" y="12331"/>
                  </a:cubicBezTo>
                  <a:cubicBezTo>
                    <a:pt x="953" y="12206"/>
                    <a:pt x="953" y="11980"/>
                    <a:pt x="903" y="11880"/>
                  </a:cubicBezTo>
                  <a:cubicBezTo>
                    <a:pt x="853" y="11830"/>
                    <a:pt x="728" y="11654"/>
                    <a:pt x="627" y="11604"/>
                  </a:cubicBezTo>
                  <a:cubicBezTo>
                    <a:pt x="577" y="11529"/>
                    <a:pt x="276" y="11429"/>
                    <a:pt x="226" y="11303"/>
                  </a:cubicBezTo>
                  <a:cubicBezTo>
                    <a:pt x="176" y="11253"/>
                    <a:pt x="126" y="11103"/>
                    <a:pt x="126" y="11028"/>
                  </a:cubicBezTo>
                  <a:cubicBezTo>
                    <a:pt x="126" y="10877"/>
                    <a:pt x="276" y="10476"/>
                    <a:pt x="352" y="10301"/>
                  </a:cubicBezTo>
                  <a:cubicBezTo>
                    <a:pt x="402" y="10075"/>
                    <a:pt x="402" y="9624"/>
                    <a:pt x="502" y="9449"/>
                  </a:cubicBezTo>
                  <a:cubicBezTo>
                    <a:pt x="577" y="9349"/>
                    <a:pt x="728" y="9123"/>
                    <a:pt x="803" y="8998"/>
                  </a:cubicBezTo>
                  <a:cubicBezTo>
                    <a:pt x="903" y="8897"/>
                    <a:pt x="1028" y="8547"/>
                    <a:pt x="1078" y="8446"/>
                  </a:cubicBezTo>
                  <a:cubicBezTo>
                    <a:pt x="1129" y="8271"/>
                    <a:pt x="1404" y="8045"/>
                    <a:pt x="1479" y="7870"/>
                  </a:cubicBezTo>
                  <a:cubicBezTo>
                    <a:pt x="1530" y="7770"/>
                    <a:pt x="1530" y="7369"/>
                    <a:pt x="1530" y="7193"/>
                  </a:cubicBezTo>
                  <a:cubicBezTo>
                    <a:pt x="1530" y="7043"/>
                    <a:pt x="1354" y="6767"/>
                    <a:pt x="1404" y="6592"/>
                  </a:cubicBezTo>
                  <a:cubicBezTo>
                    <a:pt x="1404" y="6542"/>
                    <a:pt x="1404" y="6366"/>
                    <a:pt x="1479" y="6316"/>
                  </a:cubicBezTo>
                  <a:cubicBezTo>
                    <a:pt x="1530" y="6241"/>
                    <a:pt x="1630" y="6141"/>
                    <a:pt x="1705" y="6015"/>
                  </a:cubicBezTo>
                  <a:cubicBezTo>
                    <a:pt x="1755" y="6090"/>
                    <a:pt x="1805" y="6141"/>
                    <a:pt x="1855" y="6141"/>
                  </a:cubicBezTo>
                  <a:cubicBezTo>
                    <a:pt x="1981" y="6191"/>
                    <a:pt x="2156" y="6191"/>
                    <a:pt x="2206" y="6191"/>
                  </a:cubicBezTo>
                  <a:cubicBezTo>
                    <a:pt x="2256" y="6191"/>
                    <a:pt x="2256" y="6090"/>
                    <a:pt x="2306" y="6090"/>
                  </a:cubicBezTo>
                  <a:cubicBezTo>
                    <a:pt x="2382" y="6090"/>
                    <a:pt x="2432" y="6090"/>
                    <a:pt x="2482" y="6141"/>
                  </a:cubicBezTo>
                  <a:cubicBezTo>
                    <a:pt x="2532" y="6191"/>
                    <a:pt x="2607" y="6366"/>
                    <a:pt x="2707" y="6416"/>
                  </a:cubicBezTo>
                  <a:cubicBezTo>
                    <a:pt x="2758" y="6466"/>
                    <a:pt x="2933" y="6416"/>
                    <a:pt x="3033" y="6466"/>
                  </a:cubicBezTo>
                  <a:cubicBezTo>
                    <a:pt x="3108" y="6466"/>
                    <a:pt x="3259" y="6466"/>
                    <a:pt x="3334" y="6542"/>
                  </a:cubicBezTo>
                  <a:cubicBezTo>
                    <a:pt x="3384" y="6592"/>
                    <a:pt x="3384" y="6867"/>
                    <a:pt x="3334" y="6968"/>
                  </a:cubicBezTo>
                  <a:cubicBezTo>
                    <a:pt x="3334" y="7043"/>
                    <a:pt x="3259" y="7193"/>
                    <a:pt x="3209" y="7268"/>
                  </a:cubicBezTo>
                  <a:cubicBezTo>
                    <a:pt x="3159" y="7318"/>
                    <a:pt x="2983" y="7318"/>
                    <a:pt x="2933" y="7369"/>
                  </a:cubicBezTo>
                  <a:cubicBezTo>
                    <a:pt x="2883" y="7419"/>
                    <a:pt x="2707" y="7494"/>
                    <a:pt x="2707" y="7544"/>
                  </a:cubicBezTo>
                  <a:cubicBezTo>
                    <a:pt x="2707" y="7594"/>
                    <a:pt x="2833" y="7644"/>
                    <a:pt x="2883" y="7644"/>
                  </a:cubicBezTo>
                  <a:cubicBezTo>
                    <a:pt x="2983" y="7719"/>
                    <a:pt x="3108" y="7644"/>
                    <a:pt x="3159" y="7719"/>
                  </a:cubicBezTo>
                  <a:cubicBezTo>
                    <a:pt x="3259" y="7770"/>
                    <a:pt x="3334" y="7995"/>
                    <a:pt x="3434" y="8045"/>
                  </a:cubicBezTo>
                  <a:cubicBezTo>
                    <a:pt x="3484" y="8095"/>
                    <a:pt x="3660" y="8095"/>
                    <a:pt x="3710" y="8171"/>
                  </a:cubicBezTo>
                  <a:cubicBezTo>
                    <a:pt x="3785" y="8221"/>
                    <a:pt x="3785" y="8446"/>
                    <a:pt x="3835" y="8547"/>
                  </a:cubicBezTo>
                  <a:cubicBezTo>
                    <a:pt x="3835" y="8622"/>
                    <a:pt x="3936" y="8722"/>
                    <a:pt x="4011" y="8847"/>
                  </a:cubicBezTo>
                  <a:cubicBezTo>
                    <a:pt x="4011" y="8897"/>
                    <a:pt x="4111" y="9073"/>
                    <a:pt x="4061" y="9173"/>
                  </a:cubicBezTo>
                  <a:cubicBezTo>
                    <a:pt x="4061" y="9223"/>
                    <a:pt x="3936" y="9298"/>
                    <a:pt x="3936" y="9349"/>
                  </a:cubicBezTo>
                  <a:lnTo>
                    <a:pt x="3936" y="9524"/>
                  </a:lnTo>
                  <a:cubicBezTo>
                    <a:pt x="4061" y="9624"/>
                    <a:pt x="4286" y="9524"/>
                    <a:pt x="4387" y="9574"/>
                  </a:cubicBezTo>
                  <a:cubicBezTo>
                    <a:pt x="4512" y="9574"/>
                    <a:pt x="4612" y="9674"/>
                    <a:pt x="4687" y="9674"/>
                  </a:cubicBezTo>
                  <a:cubicBezTo>
                    <a:pt x="4788" y="9750"/>
                    <a:pt x="4913" y="9674"/>
                    <a:pt x="4963" y="9674"/>
                  </a:cubicBezTo>
                  <a:cubicBezTo>
                    <a:pt x="5013" y="9624"/>
                    <a:pt x="5063" y="9399"/>
                    <a:pt x="5063" y="9349"/>
                  </a:cubicBezTo>
                  <a:lnTo>
                    <a:pt x="5063" y="9123"/>
                  </a:lnTo>
                  <a:cubicBezTo>
                    <a:pt x="5139" y="9073"/>
                    <a:pt x="5364" y="9073"/>
                    <a:pt x="5364" y="8998"/>
                  </a:cubicBezTo>
                  <a:cubicBezTo>
                    <a:pt x="5364" y="8897"/>
                    <a:pt x="5239" y="8722"/>
                    <a:pt x="5189" y="8672"/>
                  </a:cubicBezTo>
                  <a:cubicBezTo>
                    <a:pt x="5139" y="8622"/>
                    <a:pt x="5013" y="8622"/>
                    <a:pt x="4963" y="8622"/>
                  </a:cubicBezTo>
                  <a:cubicBezTo>
                    <a:pt x="4913" y="8547"/>
                    <a:pt x="4838" y="8321"/>
                    <a:pt x="4838" y="8221"/>
                  </a:cubicBezTo>
                  <a:cubicBezTo>
                    <a:pt x="4788" y="8171"/>
                    <a:pt x="4738" y="8045"/>
                    <a:pt x="4738" y="7945"/>
                  </a:cubicBezTo>
                  <a:cubicBezTo>
                    <a:pt x="4738" y="7870"/>
                    <a:pt x="4838" y="7770"/>
                    <a:pt x="4838" y="7719"/>
                  </a:cubicBezTo>
                  <a:cubicBezTo>
                    <a:pt x="4838" y="7644"/>
                    <a:pt x="4738" y="7494"/>
                    <a:pt x="4738" y="7419"/>
                  </a:cubicBezTo>
                  <a:cubicBezTo>
                    <a:pt x="4738" y="7318"/>
                    <a:pt x="4788" y="7193"/>
                    <a:pt x="4788" y="7093"/>
                  </a:cubicBezTo>
                  <a:cubicBezTo>
                    <a:pt x="4838" y="6968"/>
                    <a:pt x="4913" y="6767"/>
                    <a:pt x="5013" y="6692"/>
                  </a:cubicBezTo>
                  <a:cubicBezTo>
                    <a:pt x="5063" y="6642"/>
                    <a:pt x="5239" y="6692"/>
                    <a:pt x="5289" y="6642"/>
                  </a:cubicBezTo>
                  <a:cubicBezTo>
                    <a:pt x="5414" y="6592"/>
                    <a:pt x="5289" y="6316"/>
                    <a:pt x="5289" y="6191"/>
                  </a:cubicBezTo>
                  <a:cubicBezTo>
                    <a:pt x="5289" y="6141"/>
                    <a:pt x="5364" y="5965"/>
                    <a:pt x="5414" y="5915"/>
                  </a:cubicBezTo>
                  <a:cubicBezTo>
                    <a:pt x="5464" y="5865"/>
                    <a:pt x="5690" y="5790"/>
                    <a:pt x="5740" y="5740"/>
                  </a:cubicBezTo>
                  <a:cubicBezTo>
                    <a:pt x="5740" y="5689"/>
                    <a:pt x="5815" y="5639"/>
                    <a:pt x="5815" y="5564"/>
                  </a:cubicBezTo>
                  <a:cubicBezTo>
                    <a:pt x="5916" y="5514"/>
                    <a:pt x="6091" y="5514"/>
                    <a:pt x="6141" y="5414"/>
                  </a:cubicBezTo>
                  <a:cubicBezTo>
                    <a:pt x="6191" y="5339"/>
                    <a:pt x="6317" y="5113"/>
                    <a:pt x="6367" y="5013"/>
                  </a:cubicBezTo>
                  <a:cubicBezTo>
                    <a:pt x="6417" y="4887"/>
                    <a:pt x="6642" y="4612"/>
                    <a:pt x="6768" y="4436"/>
                  </a:cubicBezTo>
                  <a:cubicBezTo>
                    <a:pt x="6818" y="4336"/>
                    <a:pt x="6868" y="4060"/>
                    <a:pt x="6918" y="3935"/>
                  </a:cubicBezTo>
                  <a:cubicBezTo>
                    <a:pt x="6993" y="3835"/>
                    <a:pt x="7093" y="3709"/>
                    <a:pt x="7093" y="3659"/>
                  </a:cubicBezTo>
                  <a:cubicBezTo>
                    <a:pt x="7093" y="3534"/>
                    <a:pt x="7093" y="3434"/>
                    <a:pt x="7043" y="3308"/>
                  </a:cubicBezTo>
                  <a:cubicBezTo>
                    <a:pt x="7043" y="3258"/>
                    <a:pt x="6918" y="3158"/>
                    <a:pt x="6918" y="3083"/>
                  </a:cubicBezTo>
                  <a:cubicBezTo>
                    <a:pt x="6918" y="3033"/>
                    <a:pt x="7043" y="2932"/>
                    <a:pt x="7043" y="2857"/>
                  </a:cubicBezTo>
                  <a:cubicBezTo>
                    <a:pt x="7043" y="2757"/>
                    <a:pt x="7043" y="2582"/>
                    <a:pt x="6993" y="2481"/>
                  </a:cubicBezTo>
                  <a:cubicBezTo>
                    <a:pt x="6918" y="2431"/>
                    <a:pt x="6768" y="2431"/>
                    <a:pt x="6768" y="2356"/>
                  </a:cubicBezTo>
                  <a:cubicBezTo>
                    <a:pt x="6692" y="2306"/>
                    <a:pt x="6642" y="2206"/>
                    <a:pt x="6692" y="2130"/>
                  </a:cubicBezTo>
                  <a:cubicBezTo>
                    <a:pt x="6692" y="2080"/>
                    <a:pt x="6818" y="2030"/>
                    <a:pt x="6818" y="1980"/>
                  </a:cubicBezTo>
                  <a:cubicBezTo>
                    <a:pt x="6868" y="1855"/>
                    <a:pt x="6868" y="1629"/>
                    <a:pt x="6918" y="1529"/>
                  </a:cubicBezTo>
                  <a:cubicBezTo>
                    <a:pt x="6993" y="1454"/>
                    <a:pt x="7219" y="1454"/>
                    <a:pt x="7269" y="1404"/>
                  </a:cubicBezTo>
                  <a:lnTo>
                    <a:pt x="7545" y="1404"/>
                  </a:lnTo>
                  <a:cubicBezTo>
                    <a:pt x="7595" y="1454"/>
                    <a:pt x="7720" y="1529"/>
                    <a:pt x="7770" y="1579"/>
                  </a:cubicBezTo>
                  <a:cubicBezTo>
                    <a:pt x="7770" y="1629"/>
                    <a:pt x="7770" y="1805"/>
                    <a:pt x="7820" y="1855"/>
                  </a:cubicBezTo>
                  <a:cubicBezTo>
                    <a:pt x="7895" y="1905"/>
                    <a:pt x="8121" y="1905"/>
                    <a:pt x="8171" y="1905"/>
                  </a:cubicBezTo>
                  <a:cubicBezTo>
                    <a:pt x="8221" y="1855"/>
                    <a:pt x="8271" y="1755"/>
                    <a:pt x="8271" y="1679"/>
                  </a:cubicBezTo>
                  <a:cubicBezTo>
                    <a:pt x="8271" y="1629"/>
                    <a:pt x="8271" y="1529"/>
                    <a:pt x="8347" y="1454"/>
                  </a:cubicBezTo>
                  <a:lnTo>
                    <a:pt x="8497" y="1404"/>
                  </a:lnTo>
                  <a:cubicBezTo>
                    <a:pt x="8622" y="1454"/>
                    <a:pt x="8622" y="1629"/>
                    <a:pt x="8622" y="1679"/>
                  </a:cubicBezTo>
                  <a:lnTo>
                    <a:pt x="8622" y="2256"/>
                  </a:lnTo>
                  <a:cubicBezTo>
                    <a:pt x="8622" y="2356"/>
                    <a:pt x="8497" y="2582"/>
                    <a:pt x="8497" y="2757"/>
                  </a:cubicBezTo>
                  <a:cubicBezTo>
                    <a:pt x="8497" y="2807"/>
                    <a:pt x="8572" y="2983"/>
                    <a:pt x="8622" y="3033"/>
                  </a:cubicBezTo>
                  <a:cubicBezTo>
                    <a:pt x="8622" y="3158"/>
                    <a:pt x="8848" y="3208"/>
                    <a:pt x="8898" y="3258"/>
                  </a:cubicBezTo>
                  <a:cubicBezTo>
                    <a:pt x="8948" y="3384"/>
                    <a:pt x="8898" y="3609"/>
                    <a:pt x="8948" y="3659"/>
                  </a:cubicBezTo>
                  <a:cubicBezTo>
                    <a:pt x="9023" y="3760"/>
                    <a:pt x="9124" y="3885"/>
                    <a:pt x="9174" y="3935"/>
                  </a:cubicBezTo>
                  <a:cubicBezTo>
                    <a:pt x="9299" y="3935"/>
                    <a:pt x="9525" y="3885"/>
                    <a:pt x="9625" y="3885"/>
                  </a:cubicBezTo>
                  <a:cubicBezTo>
                    <a:pt x="9750" y="3935"/>
                    <a:pt x="9850" y="3985"/>
                    <a:pt x="9976" y="3985"/>
                  </a:cubicBezTo>
                  <a:cubicBezTo>
                    <a:pt x="10026" y="3985"/>
                    <a:pt x="10076" y="3885"/>
                    <a:pt x="10126" y="3885"/>
                  </a:cubicBezTo>
                  <a:cubicBezTo>
                    <a:pt x="10251" y="3885"/>
                    <a:pt x="10352" y="4060"/>
                    <a:pt x="10427" y="3985"/>
                  </a:cubicBezTo>
                  <a:cubicBezTo>
                    <a:pt x="10477" y="3985"/>
                    <a:pt x="10577" y="3835"/>
                    <a:pt x="10577" y="3760"/>
                  </a:cubicBezTo>
                  <a:cubicBezTo>
                    <a:pt x="10652" y="3659"/>
                    <a:pt x="10652" y="3434"/>
                    <a:pt x="10703" y="3384"/>
                  </a:cubicBezTo>
                  <a:cubicBezTo>
                    <a:pt x="10753" y="3308"/>
                    <a:pt x="10928" y="3384"/>
                    <a:pt x="10978" y="3384"/>
                  </a:cubicBezTo>
                  <a:cubicBezTo>
                    <a:pt x="11028" y="3384"/>
                    <a:pt x="11154" y="3484"/>
                    <a:pt x="11204" y="3484"/>
                  </a:cubicBezTo>
                  <a:cubicBezTo>
                    <a:pt x="11254" y="3484"/>
                    <a:pt x="11429" y="3308"/>
                    <a:pt x="11479" y="3308"/>
                  </a:cubicBezTo>
                  <a:cubicBezTo>
                    <a:pt x="11479" y="3258"/>
                    <a:pt x="11555" y="3208"/>
                    <a:pt x="11555" y="3158"/>
                  </a:cubicBezTo>
                  <a:cubicBezTo>
                    <a:pt x="11605" y="3158"/>
                    <a:pt x="11780" y="3158"/>
                    <a:pt x="11830" y="3083"/>
                  </a:cubicBezTo>
                  <a:cubicBezTo>
                    <a:pt x="11880" y="3033"/>
                    <a:pt x="12006" y="2932"/>
                    <a:pt x="12056" y="2932"/>
                  </a:cubicBezTo>
                  <a:lnTo>
                    <a:pt x="12281" y="2932"/>
                  </a:lnTo>
                  <a:cubicBezTo>
                    <a:pt x="12332" y="2983"/>
                    <a:pt x="12332" y="3208"/>
                    <a:pt x="12382" y="3208"/>
                  </a:cubicBezTo>
                  <a:cubicBezTo>
                    <a:pt x="12507" y="3258"/>
                    <a:pt x="12682" y="3158"/>
                    <a:pt x="12733" y="3208"/>
                  </a:cubicBezTo>
                  <a:cubicBezTo>
                    <a:pt x="12783" y="3208"/>
                    <a:pt x="12908" y="3308"/>
                    <a:pt x="12958" y="3384"/>
                  </a:cubicBezTo>
                  <a:cubicBezTo>
                    <a:pt x="12958" y="3484"/>
                    <a:pt x="12958" y="3659"/>
                    <a:pt x="13008" y="3760"/>
                  </a:cubicBezTo>
                  <a:cubicBezTo>
                    <a:pt x="13008" y="3835"/>
                    <a:pt x="13134" y="3985"/>
                    <a:pt x="13184" y="4060"/>
                  </a:cubicBezTo>
                  <a:cubicBezTo>
                    <a:pt x="13234" y="4110"/>
                    <a:pt x="13459" y="4060"/>
                    <a:pt x="13510" y="4161"/>
                  </a:cubicBezTo>
                  <a:cubicBezTo>
                    <a:pt x="13560" y="4161"/>
                    <a:pt x="13560" y="4286"/>
                    <a:pt x="13560" y="4336"/>
                  </a:cubicBezTo>
                  <a:cubicBezTo>
                    <a:pt x="13635" y="4386"/>
                    <a:pt x="13560" y="4436"/>
                    <a:pt x="13560" y="4511"/>
                  </a:cubicBezTo>
                  <a:cubicBezTo>
                    <a:pt x="13635" y="4562"/>
                    <a:pt x="13685" y="4737"/>
                    <a:pt x="13735" y="4737"/>
                  </a:cubicBezTo>
                  <a:cubicBezTo>
                    <a:pt x="13860" y="4787"/>
                    <a:pt x="14086" y="4837"/>
                    <a:pt x="14136" y="4837"/>
                  </a:cubicBezTo>
                  <a:cubicBezTo>
                    <a:pt x="14236" y="4787"/>
                    <a:pt x="14412" y="4737"/>
                    <a:pt x="14462" y="4612"/>
                  </a:cubicBezTo>
                  <a:cubicBezTo>
                    <a:pt x="14537" y="4562"/>
                    <a:pt x="14587" y="4386"/>
                    <a:pt x="14587" y="4286"/>
                  </a:cubicBezTo>
                  <a:cubicBezTo>
                    <a:pt x="14587" y="4161"/>
                    <a:pt x="14462" y="3935"/>
                    <a:pt x="14412" y="3885"/>
                  </a:cubicBezTo>
                  <a:cubicBezTo>
                    <a:pt x="14362" y="3835"/>
                    <a:pt x="14186" y="3760"/>
                    <a:pt x="14086" y="3709"/>
                  </a:cubicBezTo>
                  <a:cubicBezTo>
                    <a:pt x="14011" y="3659"/>
                    <a:pt x="13911" y="3534"/>
                    <a:pt x="13860" y="3434"/>
                  </a:cubicBezTo>
                  <a:lnTo>
                    <a:pt x="13911" y="3308"/>
                  </a:lnTo>
                  <a:cubicBezTo>
                    <a:pt x="13911" y="3208"/>
                    <a:pt x="13785" y="3083"/>
                    <a:pt x="13785" y="3033"/>
                  </a:cubicBezTo>
                  <a:cubicBezTo>
                    <a:pt x="13860" y="3033"/>
                    <a:pt x="13911" y="2932"/>
                    <a:pt x="13961" y="2932"/>
                  </a:cubicBezTo>
                  <a:cubicBezTo>
                    <a:pt x="14086" y="2857"/>
                    <a:pt x="14236" y="2932"/>
                    <a:pt x="14362" y="2857"/>
                  </a:cubicBezTo>
                  <a:cubicBezTo>
                    <a:pt x="14412" y="2857"/>
                    <a:pt x="14537" y="2707"/>
                    <a:pt x="14537" y="2582"/>
                  </a:cubicBezTo>
                  <a:cubicBezTo>
                    <a:pt x="14537" y="2531"/>
                    <a:pt x="14362" y="2431"/>
                    <a:pt x="14312" y="2356"/>
                  </a:cubicBezTo>
                  <a:cubicBezTo>
                    <a:pt x="14236" y="2306"/>
                    <a:pt x="14136" y="2256"/>
                    <a:pt x="14086" y="2256"/>
                  </a:cubicBezTo>
                  <a:cubicBezTo>
                    <a:pt x="14011" y="2206"/>
                    <a:pt x="13911" y="2306"/>
                    <a:pt x="13860" y="2356"/>
                  </a:cubicBezTo>
                  <a:cubicBezTo>
                    <a:pt x="13735" y="2356"/>
                    <a:pt x="13560" y="2356"/>
                    <a:pt x="13510" y="2306"/>
                  </a:cubicBezTo>
                  <a:cubicBezTo>
                    <a:pt x="13409" y="2206"/>
                    <a:pt x="13510" y="1805"/>
                    <a:pt x="13459" y="1629"/>
                  </a:cubicBezTo>
                  <a:cubicBezTo>
                    <a:pt x="13459" y="1579"/>
                    <a:pt x="13409" y="1404"/>
                    <a:pt x="13409" y="1303"/>
                  </a:cubicBezTo>
                  <a:cubicBezTo>
                    <a:pt x="13409" y="1178"/>
                    <a:pt x="13510" y="1003"/>
                    <a:pt x="13560" y="902"/>
                  </a:cubicBezTo>
                  <a:cubicBezTo>
                    <a:pt x="13560" y="777"/>
                    <a:pt x="13735" y="677"/>
                    <a:pt x="13735" y="627"/>
                  </a:cubicBezTo>
                  <a:cubicBezTo>
                    <a:pt x="13785" y="501"/>
                    <a:pt x="13785" y="326"/>
                    <a:pt x="13860" y="276"/>
                  </a:cubicBezTo>
                  <a:cubicBezTo>
                    <a:pt x="13911" y="176"/>
                    <a:pt x="14136" y="100"/>
                    <a:pt x="14236" y="50"/>
                  </a:cubicBezTo>
                  <a:cubicBezTo>
                    <a:pt x="14362" y="50"/>
                    <a:pt x="14537" y="0"/>
                    <a:pt x="14637" y="0"/>
                  </a:cubicBezTo>
                  <a:cubicBezTo>
                    <a:pt x="14687" y="0"/>
                    <a:pt x="14863" y="0"/>
                    <a:pt x="14913" y="50"/>
                  </a:cubicBezTo>
                  <a:cubicBezTo>
                    <a:pt x="14988" y="50"/>
                    <a:pt x="15088" y="226"/>
                    <a:pt x="15088" y="326"/>
                  </a:cubicBezTo>
                  <a:cubicBezTo>
                    <a:pt x="15088" y="401"/>
                    <a:pt x="15038" y="552"/>
                    <a:pt x="15038" y="627"/>
                  </a:cubicBezTo>
                  <a:cubicBezTo>
                    <a:pt x="15088" y="727"/>
                    <a:pt x="15264" y="777"/>
                    <a:pt x="15364" y="852"/>
                  </a:cubicBezTo>
                  <a:cubicBezTo>
                    <a:pt x="15439" y="902"/>
                    <a:pt x="15540" y="953"/>
                    <a:pt x="15590" y="953"/>
                  </a:cubicBezTo>
                  <a:cubicBezTo>
                    <a:pt x="15665" y="953"/>
                    <a:pt x="15765" y="902"/>
                    <a:pt x="15815" y="852"/>
                  </a:cubicBezTo>
                  <a:cubicBezTo>
                    <a:pt x="15891" y="777"/>
                    <a:pt x="15941" y="627"/>
                    <a:pt x="15991" y="552"/>
                  </a:cubicBezTo>
                  <a:cubicBezTo>
                    <a:pt x="16041" y="552"/>
                    <a:pt x="16166" y="677"/>
                    <a:pt x="16216" y="677"/>
                  </a:cubicBezTo>
                  <a:cubicBezTo>
                    <a:pt x="16266" y="727"/>
                    <a:pt x="16442" y="727"/>
                    <a:pt x="16442" y="777"/>
                  </a:cubicBezTo>
                  <a:cubicBezTo>
                    <a:pt x="16492" y="852"/>
                    <a:pt x="16492" y="953"/>
                    <a:pt x="16492" y="1003"/>
                  </a:cubicBezTo>
                  <a:cubicBezTo>
                    <a:pt x="16567" y="1078"/>
                    <a:pt x="16617" y="1078"/>
                    <a:pt x="16667" y="1128"/>
                  </a:cubicBezTo>
                  <a:lnTo>
                    <a:pt x="16667" y="1228"/>
                  </a:lnTo>
                  <a:cubicBezTo>
                    <a:pt x="16667" y="1303"/>
                    <a:pt x="16718" y="1454"/>
                    <a:pt x="16793" y="1529"/>
                  </a:cubicBezTo>
                  <a:cubicBezTo>
                    <a:pt x="16893" y="1579"/>
                    <a:pt x="17169" y="1354"/>
                    <a:pt x="17294" y="1404"/>
                  </a:cubicBezTo>
                  <a:cubicBezTo>
                    <a:pt x="17394" y="1404"/>
                    <a:pt x="17620" y="1579"/>
                    <a:pt x="17670" y="1679"/>
                  </a:cubicBezTo>
                  <a:cubicBezTo>
                    <a:pt x="17745" y="1805"/>
                    <a:pt x="17795" y="1980"/>
                    <a:pt x="17795" y="2080"/>
                  </a:cubicBezTo>
                  <a:cubicBezTo>
                    <a:pt x="17795" y="2206"/>
                    <a:pt x="17745" y="2356"/>
                    <a:pt x="17745" y="2431"/>
                  </a:cubicBezTo>
                  <a:cubicBezTo>
                    <a:pt x="17745" y="2531"/>
                    <a:pt x="17896" y="2657"/>
                    <a:pt x="17896" y="2707"/>
                  </a:cubicBezTo>
                  <a:cubicBezTo>
                    <a:pt x="17896" y="2807"/>
                    <a:pt x="17896" y="2983"/>
                    <a:pt x="17845" y="3033"/>
                  </a:cubicBezTo>
                  <a:cubicBezTo>
                    <a:pt x="17745" y="3033"/>
                    <a:pt x="17620" y="2857"/>
                    <a:pt x="17520" y="2857"/>
                  </a:cubicBezTo>
                  <a:cubicBezTo>
                    <a:pt x="17394" y="2857"/>
                    <a:pt x="17068" y="2857"/>
                    <a:pt x="16943" y="2983"/>
                  </a:cubicBezTo>
                  <a:cubicBezTo>
                    <a:pt x="16843" y="3033"/>
                    <a:pt x="16718" y="3208"/>
                    <a:pt x="16718" y="3308"/>
                  </a:cubicBezTo>
                  <a:cubicBezTo>
                    <a:pt x="16718" y="3384"/>
                    <a:pt x="16843" y="3534"/>
                    <a:pt x="16893" y="3609"/>
                  </a:cubicBezTo>
                  <a:cubicBezTo>
                    <a:pt x="16993" y="3659"/>
                    <a:pt x="17294" y="3534"/>
                    <a:pt x="17394" y="3659"/>
                  </a:cubicBezTo>
                  <a:cubicBezTo>
                    <a:pt x="17444" y="3760"/>
                    <a:pt x="17344" y="4110"/>
                    <a:pt x="17344" y="4211"/>
                  </a:cubicBezTo>
                  <a:cubicBezTo>
                    <a:pt x="17344" y="4511"/>
                    <a:pt x="17394" y="5013"/>
                    <a:pt x="17394" y="5288"/>
                  </a:cubicBezTo>
                  <a:cubicBezTo>
                    <a:pt x="17344" y="5464"/>
                    <a:pt x="17169" y="5865"/>
                    <a:pt x="17119" y="6015"/>
                  </a:cubicBezTo>
                  <a:cubicBezTo>
                    <a:pt x="16993" y="6241"/>
                    <a:pt x="16843" y="6642"/>
                    <a:pt x="16793" y="6867"/>
                  </a:cubicBezTo>
                  <a:cubicBezTo>
                    <a:pt x="16667" y="6968"/>
                    <a:pt x="16492" y="7193"/>
                    <a:pt x="16442" y="7318"/>
                  </a:cubicBezTo>
                  <a:cubicBezTo>
                    <a:pt x="16342" y="7494"/>
                    <a:pt x="16216" y="7770"/>
                    <a:pt x="16266" y="7945"/>
                  </a:cubicBezTo>
                  <a:cubicBezTo>
                    <a:pt x="16266" y="8045"/>
                    <a:pt x="16342" y="8171"/>
                    <a:pt x="16392" y="8271"/>
                  </a:cubicBezTo>
                  <a:cubicBezTo>
                    <a:pt x="16442" y="8321"/>
                    <a:pt x="16617" y="8446"/>
                    <a:pt x="16667" y="8496"/>
                  </a:cubicBezTo>
                  <a:cubicBezTo>
                    <a:pt x="16718" y="8622"/>
                    <a:pt x="16793" y="8897"/>
                    <a:pt x="16793" y="9073"/>
                  </a:cubicBezTo>
                  <a:cubicBezTo>
                    <a:pt x="16843" y="9173"/>
                    <a:pt x="16843" y="9399"/>
                    <a:pt x="16893" y="9524"/>
                  </a:cubicBezTo>
                  <a:cubicBezTo>
                    <a:pt x="16893" y="9624"/>
                    <a:pt x="16993" y="9850"/>
                    <a:pt x="17068" y="9900"/>
                  </a:cubicBezTo>
                  <a:cubicBezTo>
                    <a:pt x="17169" y="10075"/>
                    <a:pt x="17520" y="10351"/>
                    <a:pt x="17670" y="10426"/>
                  </a:cubicBezTo>
                  <a:cubicBezTo>
                    <a:pt x="17795" y="10426"/>
                    <a:pt x="18021" y="10251"/>
                    <a:pt x="18071" y="10201"/>
                  </a:cubicBezTo>
                  <a:cubicBezTo>
                    <a:pt x="18121" y="10075"/>
                    <a:pt x="18121" y="9850"/>
                    <a:pt x="18196" y="9800"/>
                  </a:cubicBezTo>
                  <a:cubicBezTo>
                    <a:pt x="18246" y="9674"/>
                    <a:pt x="18422" y="9624"/>
                    <a:pt x="18472" y="9574"/>
                  </a:cubicBezTo>
                  <a:cubicBezTo>
                    <a:pt x="18572" y="9574"/>
                    <a:pt x="18798" y="9574"/>
                    <a:pt x="18923" y="9624"/>
                  </a:cubicBezTo>
                  <a:cubicBezTo>
                    <a:pt x="19023" y="9674"/>
                    <a:pt x="19199" y="9850"/>
                    <a:pt x="19249" y="9900"/>
                  </a:cubicBezTo>
                  <a:cubicBezTo>
                    <a:pt x="19249" y="9975"/>
                    <a:pt x="19249" y="9975"/>
                    <a:pt x="19324" y="9975"/>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136" name="Google Shape;193;p16">
              <a:extLst>
                <a:ext uri="{FF2B5EF4-FFF2-40B4-BE49-F238E27FC236}">
                  <a16:creationId xmlns:a16="http://schemas.microsoft.com/office/drawing/2014/main" id="{A6171832-E5DD-2887-3EEF-81B74168BC94}"/>
                </a:ext>
              </a:extLst>
            </p:cNvPr>
            <p:cNvSpPr/>
            <p:nvPr/>
          </p:nvSpPr>
          <p:spPr>
            <a:xfrm>
              <a:off x="1725017" y="1200888"/>
              <a:ext cx="661774" cy="689740"/>
            </a:xfrm>
            <a:custGeom>
              <a:avLst/>
              <a:gdLst/>
              <a:ahLst/>
              <a:cxnLst/>
              <a:rect l="l" t="t" r="r" b="b"/>
              <a:pathLst>
                <a:path w="23711" h="24713" extrusionOk="0">
                  <a:moveTo>
                    <a:pt x="14637" y="0"/>
                  </a:moveTo>
                  <a:cubicBezTo>
                    <a:pt x="14537" y="0"/>
                    <a:pt x="14362" y="50"/>
                    <a:pt x="14236" y="50"/>
                  </a:cubicBezTo>
                  <a:cubicBezTo>
                    <a:pt x="14136" y="100"/>
                    <a:pt x="13911" y="176"/>
                    <a:pt x="13860" y="276"/>
                  </a:cubicBezTo>
                  <a:cubicBezTo>
                    <a:pt x="13785" y="326"/>
                    <a:pt x="13785" y="501"/>
                    <a:pt x="13735" y="627"/>
                  </a:cubicBezTo>
                  <a:cubicBezTo>
                    <a:pt x="13735" y="677"/>
                    <a:pt x="13560" y="777"/>
                    <a:pt x="13560" y="902"/>
                  </a:cubicBezTo>
                  <a:cubicBezTo>
                    <a:pt x="13510" y="1003"/>
                    <a:pt x="13409" y="1178"/>
                    <a:pt x="13409" y="1303"/>
                  </a:cubicBezTo>
                  <a:cubicBezTo>
                    <a:pt x="13409" y="1404"/>
                    <a:pt x="13459" y="1579"/>
                    <a:pt x="13459" y="1629"/>
                  </a:cubicBezTo>
                  <a:cubicBezTo>
                    <a:pt x="13510" y="1805"/>
                    <a:pt x="13409" y="2206"/>
                    <a:pt x="13510" y="2306"/>
                  </a:cubicBezTo>
                  <a:cubicBezTo>
                    <a:pt x="13560" y="2356"/>
                    <a:pt x="13735" y="2356"/>
                    <a:pt x="13860" y="2356"/>
                  </a:cubicBezTo>
                  <a:cubicBezTo>
                    <a:pt x="13901" y="2315"/>
                    <a:pt x="13974" y="2242"/>
                    <a:pt x="14041" y="2242"/>
                  </a:cubicBezTo>
                  <a:cubicBezTo>
                    <a:pt x="14056" y="2242"/>
                    <a:pt x="14072" y="2246"/>
                    <a:pt x="14086" y="2256"/>
                  </a:cubicBezTo>
                  <a:cubicBezTo>
                    <a:pt x="14136" y="2256"/>
                    <a:pt x="14236" y="2306"/>
                    <a:pt x="14312" y="2356"/>
                  </a:cubicBezTo>
                  <a:cubicBezTo>
                    <a:pt x="14362" y="2431"/>
                    <a:pt x="14537" y="2531"/>
                    <a:pt x="14537" y="2582"/>
                  </a:cubicBezTo>
                  <a:cubicBezTo>
                    <a:pt x="14537" y="2707"/>
                    <a:pt x="14412" y="2857"/>
                    <a:pt x="14362" y="2857"/>
                  </a:cubicBezTo>
                  <a:cubicBezTo>
                    <a:pt x="14299" y="2895"/>
                    <a:pt x="14230" y="2895"/>
                    <a:pt x="14161" y="2895"/>
                  </a:cubicBezTo>
                  <a:cubicBezTo>
                    <a:pt x="14092" y="2895"/>
                    <a:pt x="14023" y="2895"/>
                    <a:pt x="13961" y="2932"/>
                  </a:cubicBezTo>
                  <a:cubicBezTo>
                    <a:pt x="13911" y="2932"/>
                    <a:pt x="13860" y="3033"/>
                    <a:pt x="13785" y="3033"/>
                  </a:cubicBezTo>
                  <a:cubicBezTo>
                    <a:pt x="13785" y="3083"/>
                    <a:pt x="13911" y="3208"/>
                    <a:pt x="13911" y="3308"/>
                  </a:cubicBezTo>
                  <a:lnTo>
                    <a:pt x="13860" y="3434"/>
                  </a:lnTo>
                  <a:cubicBezTo>
                    <a:pt x="13911" y="3534"/>
                    <a:pt x="14011" y="3659"/>
                    <a:pt x="14086" y="3709"/>
                  </a:cubicBezTo>
                  <a:cubicBezTo>
                    <a:pt x="14186" y="3760"/>
                    <a:pt x="14362" y="3835"/>
                    <a:pt x="14412" y="3885"/>
                  </a:cubicBezTo>
                  <a:cubicBezTo>
                    <a:pt x="14462" y="3935"/>
                    <a:pt x="14587" y="4161"/>
                    <a:pt x="14587" y="4286"/>
                  </a:cubicBezTo>
                  <a:cubicBezTo>
                    <a:pt x="14587" y="4386"/>
                    <a:pt x="14537" y="4562"/>
                    <a:pt x="14462" y="4612"/>
                  </a:cubicBezTo>
                  <a:cubicBezTo>
                    <a:pt x="14412" y="4737"/>
                    <a:pt x="14236" y="4787"/>
                    <a:pt x="14136" y="4837"/>
                  </a:cubicBezTo>
                  <a:cubicBezTo>
                    <a:pt x="14086" y="4837"/>
                    <a:pt x="13860" y="4787"/>
                    <a:pt x="13735" y="4737"/>
                  </a:cubicBezTo>
                  <a:cubicBezTo>
                    <a:pt x="13685" y="4737"/>
                    <a:pt x="13635" y="4562"/>
                    <a:pt x="13560" y="4511"/>
                  </a:cubicBezTo>
                  <a:cubicBezTo>
                    <a:pt x="13560" y="4436"/>
                    <a:pt x="13635" y="4386"/>
                    <a:pt x="13560" y="4336"/>
                  </a:cubicBezTo>
                  <a:cubicBezTo>
                    <a:pt x="13560" y="4286"/>
                    <a:pt x="13560" y="4161"/>
                    <a:pt x="13510" y="4161"/>
                  </a:cubicBezTo>
                  <a:cubicBezTo>
                    <a:pt x="13459" y="4060"/>
                    <a:pt x="13234" y="4110"/>
                    <a:pt x="13184" y="4060"/>
                  </a:cubicBezTo>
                  <a:cubicBezTo>
                    <a:pt x="13134" y="3985"/>
                    <a:pt x="13008" y="3835"/>
                    <a:pt x="13008" y="3760"/>
                  </a:cubicBezTo>
                  <a:cubicBezTo>
                    <a:pt x="12958" y="3659"/>
                    <a:pt x="12958" y="3484"/>
                    <a:pt x="12958" y="3384"/>
                  </a:cubicBezTo>
                  <a:cubicBezTo>
                    <a:pt x="12908" y="3308"/>
                    <a:pt x="12783" y="3208"/>
                    <a:pt x="12733" y="3208"/>
                  </a:cubicBezTo>
                  <a:cubicBezTo>
                    <a:pt x="12722" y="3198"/>
                    <a:pt x="12706" y="3194"/>
                    <a:pt x="12686" y="3194"/>
                  </a:cubicBezTo>
                  <a:cubicBezTo>
                    <a:pt x="12631" y="3194"/>
                    <a:pt x="12546" y="3223"/>
                    <a:pt x="12466" y="3223"/>
                  </a:cubicBezTo>
                  <a:cubicBezTo>
                    <a:pt x="12437" y="3223"/>
                    <a:pt x="12408" y="3219"/>
                    <a:pt x="12382" y="3208"/>
                  </a:cubicBezTo>
                  <a:cubicBezTo>
                    <a:pt x="12332" y="3208"/>
                    <a:pt x="12332" y="2983"/>
                    <a:pt x="12281" y="2932"/>
                  </a:cubicBezTo>
                  <a:lnTo>
                    <a:pt x="12056" y="2932"/>
                  </a:lnTo>
                  <a:cubicBezTo>
                    <a:pt x="12006" y="2932"/>
                    <a:pt x="11880" y="3033"/>
                    <a:pt x="11830" y="3083"/>
                  </a:cubicBezTo>
                  <a:cubicBezTo>
                    <a:pt x="11780" y="3158"/>
                    <a:pt x="11605" y="3158"/>
                    <a:pt x="11555" y="3158"/>
                  </a:cubicBezTo>
                  <a:cubicBezTo>
                    <a:pt x="11555" y="3208"/>
                    <a:pt x="11479" y="3258"/>
                    <a:pt x="11479" y="3308"/>
                  </a:cubicBezTo>
                  <a:cubicBezTo>
                    <a:pt x="11429" y="3308"/>
                    <a:pt x="11254" y="3484"/>
                    <a:pt x="11204" y="3484"/>
                  </a:cubicBezTo>
                  <a:cubicBezTo>
                    <a:pt x="11154" y="3484"/>
                    <a:pt x="11028" y="3384"/>
                    <a:pt x="10978" y="3384"/>
                  </a:cubicBezTo>
                  <a:cubicBezTo>
                    <a:pt x="10945" y="3384"/>
                    <a:pt x="10856" y="3350"/>
                    <a:pt x="10785" y="3350"/>
                  </a:cubicBezTo>
                  <a:cubicBezTo>
                    <a:pt x="10750" y="3350"/>
                    <a:pt x="10719" y="3359"/>
                    <a:pt x="10703" y="3384"/>
                  </a:cubicBezTo>
                  <a:cubicBezTo>
                    <a:pt x="10652" y="3434"/>
                    <a:pt x="10652" y="3659"/>
                    <a:pt x="10577" y="3760"/>
                  </a:cubicBezTo>
                  <a:cubicBezTo>
                    <a:pt x="10577" y="3835"/>
                    <a:pt x="10477" y="3985"/>
                    <a:pt x="10427" y="3985"/>
                  </a:cubicBezTo>
                  <a:cubicBezTo>
                    <a:pt x="10414" y="3998"/>
                    <a:pt x="10400" y="4004"/>
                    <a:pt x="10385" y="4004"/>
                  </a:cubicBezTo>
                  <a:cubicBezTo>
                    <a:pt x="10315" y="4004"/>
                    <a:pt x="10229" y="3885"/>
                    <a:pt x="10126" y="3885"/>
                  </a:cubicBezTo>
                  <a:cubicBezTo>
                    <a:pt x="10076" y="3885"/>
                    <a:pt x="10026" y="3985"/>
                    <a:pt x="9976" y="3985"/>
                  </a:cubicBezTo>
                  <a:cubicBezTo>
                    <a:pt x="9850" y="3985"/>
                    <a:pt x="9750" y="3935"/>
                    <a:pt x="9625" y="3885"/>
                  </a:cubicBezTo>
                  <a:cubicBezTo>
                    <a:pt x="9525" y="3885"/>
                    <a:pt x="9299" y="3935"/>
                    <a:pt x="9174" y="3935"/>
                  </a:cubicBezTo>
                  <a:cubicBezTo>
                    <a:pt x="9124" y="3885"/>
                    <a:pt x="9023" y="3760"/>
                    <a:pt x="8948" y="3659"/>
                  </a:cubicBezTo>
                  <a:cubicBezTo>
                    <a:pt x="8898" y="3609"/>
                    <a:pt x="8948" y="3384"/>
                    <a:pt x="8898" y="3258"/>
                  </a:cubicBezTo>
                  <a:cubicBezTo>
                    <a:pt x="8848" y="3208"/>
                    <a:pt x="8622" y="3158"/>
                    <a:pt x="8622" y="3033"/>
                  </a:cubicBezTo>
                  <a:cubicBezTo>
                    <a:pt x="8572" y="2983"/>
                    <a:pt x="8497" y="2807"/>
                    <a:pt x="8497" y="2757"/>
                  </a:cubicBezTo>
                  <a:cubicBezTo>
                    <a:pt x="8497" y="2582"/>
                    <a:pt x="8622" y="2356"/>
                    <a:pt x="8622" y="2256"/>
                  </a:cubicBezTo>
                  <a:lnTo>
                    <a:pt x="8622" y="1679"/>
                  </a:lnTo>
                  <a:cubicBezTo>
                    <a:pt x="8622" y="1629"/>
                    <a:pt x="8622" y="1454"/>
                    <a:pt x="8497" y="1404"/>
                  </a:cubicBezTo>
                  <a:lnTo>
                    <a:pt x="8347" y="1454"/>
                  </a:lnTo>
                  <a:cubicBezTo>
                    <a:pt x="8271" y="1529"/>
                    <a:pt x="8271" y="1629"/>
                    <a:pt x="8271" y="1679"/>
                  </a:cubicBezTo>
                  <a:cubicBezTo>
                    <a:pt x="8271" y="1755"/>
                    <a:pt x="8221" y="1855"/>
                    <a:pt x="8171" y="1905"/>
                  </a:cubicBezTo>
                  <a:cubicBezTo>
                    <a:pt x="8121" y="1905"/>
                    <a:pt x="7895" y="1905"/>
                    <a:pt x="7820" y="1855"/>
                  </a:cubicBezTo>
                  <a:cubicBezTo>
                    <a:pt x="7770" y="1805"/>
                    <a:pt x="7770" y="1629"/>
                    <a:pt x="7770" y="1579"/>
                  </a:cubicBezTo>
                  <a:cubicBezTo>
                    <a:pt x="7720" y="1529"/>
                    <a:pt x="7595" y="1454"/>
                    <a:pt x="7545" y="1404"/>
                  </a:cubicBezTo>
                  <a:lnTo>
                    <a:pt x="7269" y="1404"/>
                  </a:lnTo>
                  <a:cubicBezTo>
                    <a:pt x="7219" y="1454"/>
                    <a:pt x="6993" y="1454"/>
                    <a:pt x="6918" y="1529"/>
                  </a:cubicBezTo>
                  <a:cubicBezTo>
                    <a:pt x="6868" y="1629"/>
                    <a:pt x="6868" y="1855"/>
                    <a:pt x="6818" y="1980"/>
                  </a:cubicBezTo>
                  <a:cubicBezTo>
                    <a:pt x="6818" y="2030"/>
                    <a:pt x="6692" y="2080"/>
                    <a:pt x="6692" y="2130"/>
                  </a:cubicBezTo>
                  <a:cubicBezTo>
                    <a:pt x="6642" y="2206"/>
                    <a:pt x="6692" y="2306"/>
                    <a:pt x="6768" y="2356"/>
                  </a:cubicBezTo>
                  <a:cubicBezTo>
                    <a:pt x="6768" y="2431"/>
                    <a:pt x="6918" y="2431"/>
                    <a:pt x="6993" y="2481"/>
                  </a:cubicBezTo>
                  <a:cubicBezTo>
                    <a:pt x="7043" y="2582"/>
                    <a:pt x="7043" y="2757"/>
                    <a:pt x="7043" y="2857"/>
                  </a:cubicBezTo>
                  <a:cubicBezTo>
                    <a:pt x="7043" y="2932"/>
                    <a:pt x="6918" y="3033"/>
                    <a:pt x="6918" y="3083"/>
                  </a:cubicBezTo>
                  <a:cubicBezTo>
                    <a:pt x="6918" y="3158"/>
                    <a:pt x="7043" y="3258"/>
                    <a:pt x="7043" y="3308"/>
                  </a:cubicBezTo>
                  <a:cubicBezTo>
                    <a:pt x="7093" y="3434"/>
                    <a:pt x="7093" y="3534"/>
                    <a:pt x="7093" y="3659"/>
                  </a:cubicBezTo>
                  <a:cubicBezTo>
                    <a:pt x="7093" y="3709"/>
                    <a:pt x="6993" y="3835"/>
                    <a:pt x="6918" y="3935"/>
                  </a:cubicBezTo>
                  <a:cubicBezTo>
                    <a:pt x="6868" y="4060"/>
                    <a:pt x="6818" y="4336"/>
                    <a:pt x="6768" y="4436"/>
                  </a:cubicBezTo>
                  <a:cubicBezTo>
                    <a:pt x="6642" y="4612"/>
                    <a:pt x="6417" y="4887"/>
                    <a:pt x="6367" y="5013"/>
                  </a:cubicBezTo>
                  <a:cubicBezTo>
                    <a:pt x="6317" y="5113"/>
                    <a:pt x="6191" y="5339"/>
                    <a:pt x="6141" y="5414"/>
                  </a:cubicBezTo>
                  <a:cubicBezTo>
                    <a:pt x="6091" y="5514"/>
                    <a:pt x="5916" y="5514"/>
                    <a:pt x="5815" y="5564"/>
                  </a:cubicBezTo>
                  <a:cubicBezTo>
                    <a:pt x="5815" y="5639"/>
                    <a:pt x="5740" y="5689"/>
                    <a:pt x="5740" y="5740"/>
                  </a:cubicBezTo>
                  <a:cubicBezTo>
                    <a:pt x="5690" y="5790"/>
                    <a:pt x="5464" y="5865"/>
                    <a:pt x="5414" y="5915"/>
                  </a:cubicBezTo>
                  <a:cubicBezTo>
                    <a:pt x="5364" y="5965"/>
                    <a:pt x="5289" y="6141"/>
                    <a:pt x="5289" y="6191"/>
                  </a:cubicBezTo>
                  <a:cubicBezTo>
                    <a:pt x="5289" y="6316"/>
                    <a:pt x="5414" y="6592"/>
                    <a:pt x="5289" y="6642"/>
                  </a:cubicBezTo>
                  <a:cubicBezTo>
                    <a:pt x="5264" y="6667"/>
                    <a:pt x="5207" y="6667"/>
                    <a:pt x="5151" y="6667"/>
                  </a:cubicBezTo>
                  <a:cubicBezTo>
                    <a:pt x="5095" y="6667"/>
                    <a:pt x="5038" y="6667"/>
                    <a:pt x="5013" y="6692"/>
                  </a:cubicBezTo>
                  <a:cubicBezTo>
                    <a:pt x="4913" y="6767"/>
                    <a:pt x="4838" y="6968"/>
                    <a:pt x="4788" y="7093"/>
                  </a:cubicBezTo>
                  <a:cubicBezTo>
                    <a:pt x="4788" y="7193"/>
                    <a:pt x="4738" y="7318"/>
                    <a:pt x="4738" y="7419"/>
                  </a:cubicBezTo>
                  <a:cubicBezTo>
                    <a:pt x="4738" y="7494"/>
                    <a:pt x="4838" y="7644"/>
                    <a:pt x="4838" y="7719"/>
                  </a:cubicBezTo>
                  <a:cubicBezTo>
                    <a:pt x="4838" y="7770"/>
                    <a:pt x="4738" y="7870"/>
                    <a:pt x="4738" y="7945"/>
                  </a:cubicBezTo>
                  <a:cubicBezTo>
                    <a:pt x="4738" y="8045"/>
                    <a:pt x="4788" y="8171"/>
                    <a:pt x="4838" y="8221"/>
                  </a:cubicBezTo>
                  <a:cubicBezTo>
                    <a:pt x="4838" y="8321"/>
                    <a:pt x="4913" y="8547"/>
                    <a:pt x="4963" y="8622"/>
                  </a:cubicBezTo>
                  <a:cubicBezTo>
                    <a:pt x="5013" y="8622"/>
                    <a:pt x="5139" y="8622"/>
                    <a:pt x="5189" y="8672"/>
                  </a:cubicBezTo>
                  <a:cubicBezTo>
                    <a:pt x="5239" y="8722"/>
                    <a:pt x="5364" y="8897"/>
                    <a:pt x="5364" y="8998"/>
                  </a:cubicBezTo>
                  <a:cubicBezTo>
                    <a:pt x="5364" y="9073"/>
                    <a:pt x="5139" y="9073"/>
                    <a:pt x="5063" y="9123"/>
                  </a:cubicBezTo>
                  <a:lnTo>
                    <a:pt x="5063" y="9349"/>
                  </a:lnTo>
                  <a:cubicBezTo>
                    <a:pt x="5063" y="9399"/>
                    <a:pt x="5013" y="9624"/>
                    <a:pt x="4963" y="9674"/>
                  </a:cubicBezTo>
                  <a:cubicBezTo>
                    <a:pt x="4930" y="9674"/>
                    <a:pt x="4863" y="9708"/>
                    <a:pt x="4792" y="9708"/>
                  </a:cubicBezTo>
                  <a:cubicBezTo>
                    <a:pt x="4757" y="9708"/>
                    <a:pt x="4721" y="9699"/>
                    <a:pt x="4687" y="9674"/>
                  </a:cubicBezTo>
                  <a:cubicBezTo>
                    <a:pt x="4612" y="9674"/>
                    <a:pt x="4512" y="9574"/>
                    <a:pt x="4387" y="9574"/>
                  </a:cubicBezTo>
                  <a:cubicBezTo>
                    <a:pt x="4364" y="9563"/>
                    <a:pt x="4335" y="9559"/>
                    <a:pt x="4302" y="9559"/>
                  </a:cubicBezTo>
                  <a:cubicBezTo>
                    <a:pt x="4243" y="9559"/>
                    <a:pt x="4172" y="9571"/>
                    <a:pt x="4104" y="9571"/>
                  </a:cubicBezTo>
                  <a:cubicBezTo>
                    <a:pt x="4042" y="9571"/>
                    <a:pt x="3982" y="9561"/>
                    <a:pt x="3936" y="9524"/>
                  </a:cubicBezTo>
                  <a:lnTo>
                    <a:pt x="3936" y="9349"/>
                  </a:lnTo>
                  <a:cubicBezTo>
                    <a:pt x="3936" y="9298"/>
                    <a:pt x="4061" y="9223"/>
                    <a:pt x="4061" y="9173"/>
                  </a:cubicBezTo>
                  <a:cubicBezTo>
                    <a:pt x="4111" y="9073"/>
                    <a:pt x="4011" y="8897"/>
                    <a:pt x="4011" y="8847"/>
                  </a:cubicBezTo>
                  <a:cubicBezTo>
                    <a:pt x="3936" y="8722"/>
                    <a:pt x="3835" y="8622"/>
                    <a:pt x="3835" y="8547"/>
                  </a:cubicBezTo>
                  <a:cubicBezTo>
                    <a:pt x="3785" y="8446"/>
                    <a:pt x="3785" y="8221"/>
                    <a:pt x="3710" y="8171"/>
                  </a:cubicBezTo>
                  <a:cubicBezTo>
                    <a:pt x="3660" y="8095"/>
                    <a:pt x="3484" y="8095"/>
                    <a:pt x="3434" y="8045"/>
                  </a:cubicBezTo>
                  <a:cubicBezTo>
                    <a:pt x="3334" y="7995"/>
                    <a:pt x="3259" y="7770"/>
                    <a:pt x="3159" y="7719"/>
                  </a:cubicBezTo>
                  <a:cubicBezTo>
                    <a:pt x="3134" y="7682"/>
                    <a:pt x="3090" y="7682"/>
                    <a:pt x="3040" y="7682"/>
                  </a:cubicBezTo>
                  <a:cubicBezTo>
                    <a:pt x="2989" y="7682"/>
                    <a:pt x="2933" y="7682"/>
                    <a:pt x="2883" y="7644"/>
                  </a:cubicBezTo>
                  <a:cubicBezTo>
                    <a:pt x="2833" y="7644"/>
                    <a:pt x="2707" y="7594"/>
                    <a:pt x="2707" y="7544"/>
                  </a:cubicBezTo>
                  <a:cubicBezTo>
                    <a:pt x="2707" y="7494"/>
                    <a:pt x="2883" y="7419"/>
                    <a:pt x="2933" y="7369"/>
                  </a:cubicBezTo>
                  <a:cubicBezTo>
                    <a:pt x="2983" y="7318"/>
                    <a:pt x="3159" y="7318"/>
                    <a:pt x="3209" y="7268"/>
                  </a:cubicBezTo>
                  <a:cubicBezTo>
                    <a:pt x="3259" y="7193"/>
                    <a:pt x="3334" y="7043"/>
                    <a:pt x="3334" y="6968"/>
                  </a:cubicBezTo>
                  <a:cubicBezTo>
                    <a:pt x="3384" y="6867"/>
                    <a:pt x="3384" y="6592"/>
                    <a:pt x="3334" y="6542"/>
                  </a:cubicBezTo>
                  <a:cubicBezTo>
                    <a:pt x="3259" y="6466"/>
                    <a:pt x="3108" y="6466"/>
                    <a:pt x="3033" y="6466"/>
                  </a:cubicBezTo>
                  <a:cubicBezTo>
                    <a:pt x="2983" y="6441"/>
                    <a:pt x="2914" y="6441"/>
                    <a:pt x="2852" y="6441"/>
                  </a:cubicBezTo>
                  <a:cubicBezTo>
                    <a:pt x="2789" y="6441"/>
                    <a:pt x="2733" y="6441"/>
                    <a:pt x="2707" y="6416"/>
                  </a:cubicBezTo>
                  <a:cubicBezTo>
                    <a:pt x="2607" y="6366"/>
                    <a:pt x="2532" y="6191"/>
                    <a:pt x="2482" y="6141"/>
                  </a:cubicBezTo>
                  <a:cubicBezTo>
                    <a:pt x="2432" y="6090"/>
                    <a:pt x="2382" y="6090"/>
                    <a:pt x="2306" y="6090"/>
                  </a:cubicBezTo>
                  <a:cubicBezTo>
                    <a:pt x="2256" y="6090"/>
                    <a:pt x="2256" y="6191"/>
                    <a:pt x="2206" y="6191"/>
                  </a:cubicBezTo>
                  <a:cubicBezTo>
                    <a:pt x="2156" y="6191"/>
                    <a:pt x="1981" y="6191"/>
                    <a:pt x="1855" y="6141"/>
                  </a:cubicBezTo>
                  <a:cubicBezTo>
                    <a:pt x="1805" y="6141"/>
                    <a:pt x="1755" y="6090"/>
                    <a:pt x="1705" y="6015"/>
                  </a:cubicBezTo>
                  <a:cubicBezTo>
                    <a:pt x="1630" y="6141"/>
                    <a:pt x="1530" y="6241"/>
                    <a:pt x="1479" y="6316"/>
                  </a:cubicBezTo>
                  <a:cubicBezTo>
                    <a:pt x="1404" y="6366"/>
                    <a:pt x="1404" y="6542"/>
                    <a:pt x="1404" y="6592"/>
                  </a:cubicBezTo>
                  <a:cubicBezTo>
                    <a:pt x="1354" y="6767"/>
                    <a:pt x="1530" y="7043"/>
                    <a:pt x="1530" y="7193"/>
                  </a:cubicBezTo>
                  <a:cubicBezTo>
                    <a:pt x="1530" y="7369"/>
                    <a:pt x="1530" y="7770"/>
                    <a:pt x="1479" y="7870"/>
                  </a:cubicBezTo>
                  <a:cubicBezTo>
                    <a:pt x="1404" y="8045"/>
                    <a:pt x="1129" y="8271"/>
                    <a:pt x="1078" y="8446"/>
                  </a:cubicBezTo>
                  <a:cubicBezTo>
                    <a:pt x="1028" y="8547"/>
                    <a:pt x="903" y="8897"/>
                    <a:pt x="803" y="8998"/>
                  </a:cubicBezTo>
                  <a:cubicBezTo>
                    <a:pt x="728" y="9123"/>
                    <a:pt x="577" y="9349"/>
                    <a:pt x="502" y="9449"/>
                  </a:cubicBezTo>
                  <a:cubicBezTo>
                    <a:pt x="402" y="9624"/>
                    <a:pt x="402" y="10075"/>
                    <a:pt x="352" y="10301"/>
                  </a:cubicBezTo>
                  <a:cubicBezTo>
                    <a:pt x="276" y="10476"/>
                    <a:pt x="126" y="10877"/>
                    <a:pt x="126" y="11028"/>
                  </a:cubicBezTo>
                  <a:cubicBezTo>
                    <a:pt x="126" y="11103"/>
                    <a:pt x="176" y="11253"/>
                    <a:pt x="226" y="11303"/>
                  </a:cubicBezTo>
                  <a:cubicBezTo>
                    <a:pt x="276" y="11429"/>
                    <a:pt x="577" y="11529"/>
                    <a:pt x="627" y="11604"/>
                  </a:cubicBezTo>
                  <a:cubicBezTo>
                    <a:pt x="728" y="11654"/>
                    <a:pt x="853" y="11830"/>
                    <a:pt x="903" y="11880"/>
                  </a:cubicBezTo>
                  <a:cubicBezTo>
                    <a:pt x="953" y="11980"/>
                    <a:pt x="953" y="12206"/>
                    <a:pt x="1028" y="12331"/>
                  </a:cubicBezTo>
                  <a:cubicBezTo>
                    <a:pt x="1078" y="12431"/>
                    <a:pt x="1304" y="12557"/>
                    <a:pt x="1354" y="12657"/>
                  </a:cubicBezTo>
                  <a:cubicBezTo>
                    <a:pt x="1479" y="12782"/>
                    <a:pt x="1530" y="13058"/>
                    <a:pt x="1580" y="13183"/>
                  </a:cubicBezTo>
                  <a:cubicBezTo>
                    <a:pt x="1630" y="13409"/>
                    <a:pt x="1705" y="13735"/>
                    <a:pt x="1755" y="13910"/>
                  </a:cubicBezTo>
                  <a:cubicBezTo>
                    <a:pt x="1805" y="14085"/>
                    <a:pt x="1981" y="14361"/>
                    <a:pt x="2081" y="14461"/>
                  </a:cubicBezTo>
                  <a:cubicBezTo>
                    <a:pt x="2156" y="14587"/>
                    <a:pt x="2382" y="14762"/>
                    <a:pt x="2482" y="14862"/>
                  </a:cubicBezTo>
                  <a:cubicBezTo>
                    <a:pt x="2532" y="14988"/>
                    <a:pt x="2707" y="15313"/>
                    <a:pt x="2707" y="15489"/>
                  </a:cubicBezTo>
                  <a:cubicBezTo>
                    <a:pt x="2707" y="15589"/>
                    <a:pt x="2657" y="15765"/>
                    <a:pt x="2607" y="15865"/>
                  </a:cubicBezTo>
                  <a:cubicBezTo>
                    <a:pt x="2482" y="15940"/>
                    <a:pt x="2306" y="15990"/>
                    <a:pt x="2256" y="16040"/>
                  </a:cubicBezTo>
                  <a:cubicBezTo>
                    <a:pt x="2206" y="16040"/>
                    <a:pt x="2031" y="16040"/>
                    <a:pt x="1981" y="16090"/>
                  </a:cubicBezTo>
                  <a:cubicBezTo>
                    <a:pt x="1931" y="16166"/>
                    <a:pt x="1981" y="16316"/>
                    <a:pt x="1981" y="16441"/>
                  </a:cubicBezTo>
                  <a:lnTo>
                    <a:pt x="1981" y="16717"/>
                  </a:lnTo>
                  <a:cubicBezTo>
                    <a:pt x="1931" y="16767"/>
                    <a:pt x="1805" y="16993"/>
                    <a:pt x="1705" y="16993"/>
                  </a:cubicBezTo>
                  <a:cubicBezTo>
                    <a:pt x="1630" y="16993"/>
                    <a:pt x="1479" y="16892"/>
                    <a:pt x="1404" y="16767"/>
                  </a:cubicBezTo>
                  <a:cubicBezTo>
                    <a:pt x="1354" y="16717"/>
                    <a:pt x="1354" y="16617"/>
                    <a:pt x="1304" y="16542"/>
                  </a:cubicBezTo>
                  <a:cubicBezTo>
                    <a:pt x="1179" y="16491"/>
                    <a:pt x="953" y="16491"/>
                    <a:pt x="853" y="16491"/>
                  </a:cubicBezTo>
                  <a:cubicBezTo>
                    <a:pt x="803" y="16491"/>
                    <a:pt x="627" y="16617"/>
                    <a:pt x="502" y="16667"/>
                  </a:cubicBezTo>
                  <a:cubicBezTo>
                    <a:pt x="452" y="16692"/>
                    <a:pt x="370" y="16692"/>
                    <a:pt x="295" y="16692"/>
                  </a:cubicBezTo>
                  <a:cubicBezTo>
                    <a:pt x="220" y="16692"/>
                    <a:pt x="151" y="16692"/>
                    <a:pt x="126" y="16717"/>
                  </a:cubicBezTo>
                  <a:cubicBezTo>
                    <a:pt x="51" y="16842"/>
                    <a:pt x="1" y="16993"/>
                    <a:pt x="1" y="17118"/>
                  </a:cubicBezTo>
                  <a:cubicBezTo>
                    <a:pt x="51" y="17168"/>
                    <a:pt x="226" y="17344"/>
                    <a:pt x="276" y="17394"/>
                  </a:cubicBezTo>
                  <a:cubicBezTo>
                    <a:pt x="352" y="17519"/>
                    <a:pt x="402" y="17745"/>
                    <a:pt x="402" y="17845"/>
                  </a:cubicBezTo>
                  <a:cubicBezTo>
                    <a:pt x="402" y="17970"/>
                    <a:pt x="276" y="18121"/>
                    <a:pt x="276" y="18246"/>
                  </a:cubicBezTo>
                  <a:cubicBezTo>
                    <a:pt x="276" y="18421"/>
                    <a:pt x="226" y="18697"/>
                    <a:pt x="276" y="18872"/>
                  </a:cubicBezTo>
                  <a:cubicBezTo>
                    <a:pt x="352" y="18923"/>
                    <a:pt x="452" y="18973"/>
                    <a:pt x="502" y="19023"/>
                  </a:cubicBezTo>
                  <a:cubicBezTo>
                    <a:pt x="577" y="19098"/>
                    <a:pt x="627" y="19248"/>
                    <a:pt x="677" y="19324"/>
                  </a:cubicBezTo>
                  <a:cubicBezTo>
                    <a:pt x="728" y="19374"/>
                    <a:pt x="803" y="19599"/>
                    <a:pt x="853" y="19699"/>
                  </a:cubicBezTo>
                  <a:cubicBezTo>
                    <a:pt x="953" y="19825"/>
                    <a:pt x="1179" y="19975"/>
                    <a:pt x="1304" y="20050"/>
                  </a:cubicBezTo>
                  <a:cubicBezTo>
                    <a:pt x="1404" y="20151"/>
                    <a:pt x="1705" y="20276"/>
                    <a:pt x="1855" y="20276"/>
                  </a:cubicBezTo>
                  <a:cubicBezTo>
                    <a:pt x="1981" y="20276"/>
                    <a:pt x="2156" y="20100"/>
                    <a:pt x="2206" y="20050"/>
                  </a:cubicBezTo>
                  <a:cubicBezTo>
                    <a:pt x="2256" y="19975"/>
                    <a:pt x="2306" y="19825"/>
                    <a:pt x="2432" y="19825"/>
                  </a:cubicBezTo>
                  <a:cubicBezTo>
                    <a:pt x="2448" y="19800"/>
                    <a:pt x="2485" y="19791"/>
                    <a:pt x="2527" y="19791"/>
                  </a:cubicBezTo>
                  <a:cubicBezTo>
                    <a:pt x="2613" y="19791"/>
                    <a:pt x="2724" y="19825"/>
                    <a:pt x="2758" y="19825"/>
                  </a:cubicBezTo>
                  <a:cubicBezTo>
                    <a:pt x="2833" y="19875"/>
                    <a:pt x="2933" y="19925"/>
                    <a:pt x="2933" y="19975"/>
                  </a:cubicBezTo>
                  <a:cubicBezTo>
                    <a:pt x="2983" y="20050"/>
                    <a:pt x="3033" y="20276"/>
                    <a:pt x="3033" y="20326"/>
                  </a:cubicBezTo>
                  <a:cubicBezTo>
                    <a:pt x="3108" y="20426"/>
                    <a:pt x="3159" y="20602"/>
                    <a:pt x="3159" y="20652"/>
                  </a:cubicBezTo>
                  <a:lnTo>
                    <a:pt x="3384" y="20877"/>
                  </a:lnTo>
                  <a:cubicBezTo>
                    <a:pt x="3434" y="20877"/>
                    <a:pt x="3610" y="20777"/>
                    <a:pt x="3660" y="20777"/>
                  </a:cubicBezTo>
                  <a:cubicBezTo>
                    <a:pt x="3710" y="20777"/>
                    <a:pt x="3885" y="20827"/>
                    <a:pt x="3885" y="20877"/>
                  </a:cubicBezTo>
                  <a:cubicBezTo>
                    <a:pt x="4011" y="20877"/>
                    <a:pt x="4011" y="21103"/>
                    <a:pt x="4061" y="21178"/>
                  </a:cubicBezTo>
                  <a:cubicBezTo>
                    <a:pt x="4111" y="21228"/>
                    <a:pt x="4337" y="21329"/>
                    <a:pt x="4387" y="21404"/>
                  </a:cubicBezTo>
                  <a:cubicBezTo>
                    <a:pt x="4462" y="21454"/>
                    <a:pt x="4562" y="21629"/>
                    <a:pt x="4562" y="21730"/>
                  </a:cubicBezTo>
                  <a:cubicBezTo>
                    <a:pt x="4562" y="21780"/>
                    <a:pt x="4512" y="21955"/>
                    <a:pt x="4512" y="22005"/>
                  </a:cubicBezTo>
                  <a:cubicBezTo>
                    <a:pt x="4512" y="22181"/>
                    <a:pt x="4562" y="22456"/>
                    <a:pt x="4612" y="22582"/>
                  </a:cubicBezTo>
                  <a:cubicBezTo>
                    <a:pt x="4687" y="22682"/>
                    <a:pt x="4838" y="22857"/>
                    <a:pt x="4963" y="22857"/>
                  </a:cubicBezTo>
                  <a:cubicBezTo>
                    <a:pt x="4984" y="22868"/>
                    <a:pt x="5014" y="22872"/>
                    <a:pt x="5050" y="22872"/>
                  </a:cubicBezTo>
                  <a:cubicBezTo>
                    <a:pt x="5146" y="22872"/>
                    <a:pt x="5281" y="22843"/>
                    <a:pt x="5378" y="22843"/>
                  </a:cubicBezTo>
                  <a:cubicBezTo>
                    <a:pt x="5413" y="22843"/>
                    <a:pt x="5443" y="22847"/>
                    <a:pt x="5464" y="22857"/>
                  </a:cubicBezTo>
                  <a:cubicBezTo>
                    <a:pt x="5515" y="22857"/>
                    <a:pt x="5690" y="22908"/>
                    <a:pt x="5690" y="22908"/>
                  </a:cubicBezTo>
                  <a:cubicBezTo>
                    <a:pt x="5815" y="23033"/>
                    <a:pt x="5740" y="23258"/>
                    <a:pt x="5815" y="23359"/>
                  </a:cubicBezTo>
                  <a:cubicBezTo>
                    <a:pt x="5865" y="23484"/>
                    <a:pt x="6041" y="23710"/>
                    <a:pt x="6091" y="23810"/>
                  </a:cubicBezTo>
                  <a:cubicBezTo>
                    <a:pt x="6091" y="23935"/>
                    <a:pt x="6041" y="24211"/>
                    <a:pt x="6141" y="24261"/>
                  </a:cubicBezTo>
                  <a:cubicBezTo>
                    <a:pt x="6141" y="24386"/>
                    <a:pt x="6367" y="24386"/>
                    <a:pt x="6417" y="24486"/>
                  </a:cubicBezTo>
                  <a:cubicBezTo>
                    <a:pt x="6467" y="24486"/>
                    <a:pt x="6467" y="24612"/>
                    <a:pt x="6542" y="24712"/>
                  </a:cubicBezTo>
                  <a:cubicBezTo>
                    <a:pt x="6592" y="24612"/>
                    <a:pt x="6692" y="24436"/>
                    <a:pt x="6692" y="24386"/>
                  </a:cubicBezTo>
                  <a:cubicBezTo>
                    <a:pt x="6768" y="24211"/>
                    <a:pt x="6818" y="23860"/>
                    <a:pt x="6868" y="23760"/>
                  </a:cubicBezTo>
                  <a:cubicBezTo>
                    <a:pt x="6918" y="23659"/>
                    <a:pt x="7093" y="23584"/>
                    <a:pt x="7144" y="23484"/>
                  </a:cubicBezTo>
                  <a:cubicBezTo>
                    <a:pt x="7144" y="23434"/>
                    <a:pt x="7093" y="23133"/>
                    <a:pt x="7144" y="23083"/>
                  </a:cubicBezTo>
                  <a:cubicBezTo>
                    <a:pt x="7144" y="22983"/>
                    <a:pt x="7369" y="22983"/>
                    <a:pt x="7444" y="22857"/>
                  </a:cubicBezTo>
                  <a:cubicBezTo>
                    <a:pt x="7494" y="22757"/>
                    <a:pt x="7595" y="22532"/>
                    <a:pt x="7545" y="22406"/>
                  </a:cubicBezTo>
                  <a:cubicBezTo>
                    <a:pt x="7545" y="22231"/>
                    <a:pt x="7269" y="22005"/>
                    <a:pt x="7219" y="21905"/>
                  </a:cubicBezTo>
                  <a:cubicBezTo>
                    <a:pt x="7093" y="21780"/>
                    <a:pt x="6993" y="21504"/>
                    <a:pt x="6918" y="21404"/>
                  </a:cubicBezTo>
                  <a:cubicBezTo>
                    <a:pt x="6918" y="21228"/>
                    <a:pt x="6993" y="20827"/>
                    <a:pt x="7043" y="20602"/>
                  </a:cubicBezTo>
                  <a:cubicBezTo>
                    <a:pt x="7093" y="20426"/>
                    <a:pt x="7269" y="20050"/>
                    <a:pt x="7369" y="19875"/>
                  </a:cubicBezTo>
                  <a:cubicBezTo>
                    <a:pt x="7494" y="19750"/>
                    <a:pt x="7720" y="19424"/>
                    <a:pt x="7895" y="19374"/>
                  </a:cubicBezTo>
                  <a:cubicBezTo>
                    <a:pt x="7906" y="19369"/>
                    <a:pt x="7917" y="19366"/>
                    <a:pt x="7929" y="19366"/>
                  </a:cubicBezTo>
                  <a:cubicBezTo>
                    <a:pt x="8040" y="19366"/>
                    <a:pt x="8239" y="19549"/>
                    <a:pt x="8397" y="19549"/>
                  </a:cubicBezTo>
                  <a:cubicBezTo>
                    <a:pt x="8572" y="19474"/>
                    <a:pt x="8798" y="19098"/>
                    <a:pt x="8948" y="19023"/>
                  </a:cubicBezTo>
                  <a:cubicBezTo>
                    <a:pt x="8997" y="19003"/>
                    <a:pt x="9068" y="18991"/>
                    <a:pt x="9144" y="18991"/>
                  </a:cubicBezTo>
                  <a:cubicBezTo>
                    <a:pt x="9264" y="18991"/>
                    <a:pt x="9398" y="19021"/>
                    <a:pt x="9474" y="19098"/>
                  </a:cubicBezTo>
                  <a:cubicBezTo>
                    <a:pt x="9575" y="19148"/>
                    <a:pt x="9625" y="19474"/>
                    <a:pt x="9750" y="19599"/>
                  </a:cubicBezTo>
                  <a:cubicBezTo>
                    <a:pt x="9920" y="19675"/>
                    <a:pt x="10247" y="19793"/>
                    <a:pt x="10515" y="19793"/>
                  </a:cubicBezTo>
                  <a:cubicBezTo>
                    <a:pt x="10603" y="19793"/>
                    <a:pt x="10685" y="19780"/>
                    <a:pt x="10753" y="19750"/>
                  </a:cubicBezTo>
                  <a:cubicBezTo>
                    <a:pt x="10928" y="19699"/>
                    <a:pt x="11104" y="19374"/>
                    <a:pt x="11254" y="19198"/>
                  </a:cubicBezTo>
                  <a:cubicBezTo>
                    <a:pt x="11379" y="19148"/>
                    <a:pt x="11605" y="18923"/>
                    <a:pt x="11780" y="18872"/>
                  </a:cubicBezTo>
                  <a:cubicBezTo>
                    <a:pt x="11803" y="18855"/>
                    <a:pt x="11836" y="18848"/>
                    <a:pt x="11874" y="18848"/>
                  </a:cubicBezTo>
                  <a:cubicBezTo>
                    <a:pt x="12000" y="18848"/>
                    <a:pt x="12185" y="18923"/>
                    <a:pt x="12281" y="18923"/>
                  </a:cubicBezTo>
                  <a:cubicBezTo>
                    <a:pt x="12348" y="18923"/>
                    <a:pt x="12504" y="18900"/>
                    <a:pt x="12616" y="18900"/>
                  </a:cubicBezTo>
                  <a:cubicBezTo>
                    <a:pt x="12671" y="18900"/>
                    <a:pt x="12716" y="18906"/>
                    <a:pt x="12733" y="18923"/>
                  </a:cubicBezTo>
                  <a:cubicBezTo>
                    <a:pt x="12908" y="18973"/>
                    <a:pt x="13184" y="19148"/>
                    <a:pt x="13234" y="19324"/>
                  </a:cubicBezTo>
                  <a:cubicBezTo>
                    <a:pt x="13284" y="19424"/>
                    <a:pt x="13058" y="19750"/>
                    <a:pt x="13134" y="19925"/>
                  </a:cubicBezTo>
                  <a:cubicBezTo>
                    <a:pt x="13134" y="20050"/>
                    <a:pt x="13359" y="20326"/>
                    <a:pt x="13510" y="20326"/>
                  </a:cubicBezTo>
                  <a:cubicBezTo>
                    <a:pt x="13519" y="20329"/>
                    <a:pt x="13528" y="20330"/>
                    <a:pt x="13538" y="20330"/>
                  </a:cubicBezTo>
                  <a:cubicBezTo>
                    <a:pt x="13714" y="20330"/>
                    <a:pt x="13973" y="19925"/>
                    <a:pt x="14186" y="19925"/>
                  </a:cubicBezTo>
                  <a:cubicBezTo>
                    <a:pt x="14219" y="19916"/>
                    <a:pt x="14255" y="19912"/>
                    <a:pt x="14294" y="19912"/>
                  </a:cubicBezTo>
                  <a:cubicBezTo>
                    <a:pt x="14460" y="19912"/>
                    <a:pt x="14661" y="19989"/>
                    <a:pt x="14763" y="20050"/>
                  </a:cubicBezTo>
                  <a:cubicBezTo>
                    <a:pt x="14913" y="20151"/>
                    <a:pt x="15139" y="20501"/>
                    <a:pt x="15264" y="20552"/>
                  </a:cubicBezTo>
                  <a:cubicBezTo>
                    <a:pt x="15292" y="20558"/>
                    <a:pt x="15324" y="20561"/>
                    <a:pt x="15358" y="20561"/>
                  </a:cubicBezTo>
                  <a:cubicBezTo>
                    <a:pt x="15598" y="20561"/>
                    <a:pt x="15963" y="20426"/>
                    <a:pt x="16116" y="20426"/>
                  </a:cubicBezTo>
                  <a:cubicBezTo>
                    <a:pt x="16266" y="20501"/>
                    <a:pt x="16617" y="20652"/>
                    <a:pt x="16718" y="20727"/>
                  </a:cubicBezTo>
                  <a:cubicBezTo>
                    <a:pt x="16843" y="20827"/>
                    <a:pt x="16993" y="21053"/>
                    <a:pt x="17119" y="21103"/>
                  </a:cubicBezTo>
                  <a:cubicBezTo>
                    <a:pt x="17287" y="21180"/>
                    <a:pt x="17569" y="21210"/>
                    <a:pt x="17814" y="21210"/>
                  </a:cubicBezTo>
                  <a:cubicBezTo>
                    <a:pt x="17969" y="21210"/>
                    <a:pt x="18109" y="21198"/>
                    <a:pt x="18196" y="21178"/>
                  </a:cubicBezTo>
                  <a:cubicBezTo>
                    <a:pt x="18422" y="21103"/>
                    <a:pt x="18748" y="20777"/>
                    <a:pt x="18973" y="20727"/>
                  </a:cubicBezTo>
                  <a:cubicBezTo>
                    <a:pt x="19027" y="20704"/>
                    <a:pt x="19101" y="20695"/>
                    <a:pt x="19184" y="20695"/>
                  </a:cubicBezTo>
                  <a:cubicBezTo>
                    <a:pt x="19376" y="20695"/>
                    <a:pt x="19618" y="20742"/>
                    <a:pt x="19775" y="20777"/>
                  </a:cubicBezTo>
                  <a:cubicBezTo>
                    <a:pt x="20001" y="20827"/>
                    <a:pt x="20377" y="21103"/>
                    <a:pt x="20602" y="21103"/>
                  </a:cubicBezTo>
                  <a:cubicBezTo>
                    <a:pt x="20778" y="21103"/>
                    <a:pt x="21104" y="20827"/>
                    <a:pt x="21279" y="20777"/>
                  </a:cubicBezTo>
                  <a:cubicBezTo>
                    <a:pt x="21555" y="20727"/>
                    <a:pt x="22081" y="20602"/>
                    <a:pt x="22307" y="20602"/>
                  </a:cubicBezTo>
                  <a:cubicBezTo>
                    <a:pt x="22532" y="20552"/>
                    <a:pt x="22983" y="20552"/>
                    <a:pt x="23209" y="20501"/>
                  </a:cubicBezTo>
                  <a:cubicBezTo>
                    <a:pt x="23309" y="20426"/>
                    <a:pt x="23535" y="20326"/>
                    <a:pt x="23710" y="20201"/>
                  </a:cubicBezTo>
                  <a:cubicBezTo>
                    <a:pt x="23535" y="20151"/>
                    <a:pt x="23309" y="20050"/>
                    <a:pt x="23259" y="19925"/>
                  </a:cubicBezTo>
                  <a:cubicBezTo>
                    <a:pt x="23134" y="19875"/>
                    <a:pt x="23033" y="19649"/>
                    <a:pt x="22983" y="19599"/>
                  </a:cubicBezTo>
                  <a:cubicBezTo>
                    <a:pt x="22908" y="19549"/>
                    <a:pt x="22758" y="19424"/>
                    <a:pt x="22683" y="19374"/>
                  </a:cubicBezTo>
                  <a:cubicBezTo>
                    <a:pt x="22632" y="19324"/>
                    <a:pt x="22632" y="19098"/>
                    <a:pt x="22582" y="18973"/>
                  </a:cubicBezTo>
                  <a:cubicBezTo>
                    <a:pt x="22532" y="18872"/>
                    <a:pt x="22357" y="18647"/>
                    <a:pt x="22231" y="18522"/>
                  </a:cubicBezTo>
                  <a:cubicBezTo>
                    <a:pt x="22131" y="18421"/>
                    <a:pt x="21730" y="18346"/>
                    <a:pt x="21630" y="18246"/>
                  </a:cubicBezTo>
                  <a:cubicBezTo>
                    <a:pt x="21454" y="18196"/>
                    <a:pt x="21053" y="18070"/>
                    <a:pt x="20953" y="17895"/>
                  </a:cubicBezTo>
                  <a:cubicBezTo>
                    <a:pt x="20828" y="17795"/>
                    <a:pt x="20652" y="17444"/>
                    <a:pt x="20552" y="17344"/>
                  </a:cubicBezTo>
                  <a:cubicBezTo>
                    <a:pt x="20502" y="17218"/>
                    <a:pt x="20276" y="16943"/>
                    <a:pt x="20151" y="16842"/>
                  </a:cubicBezTo>
                  <a:cubicBezTo>
                    <a:pt x="20101" y="16767"/>
                    <a:pt x="19926" y="16667"/>
                    <a:pt x="19875" y="16667"/>
                  </a:cubicBezTo>
                  <a:cubicBezTo>
                    <a:pt x="19825" y="16642"/>
                    <a:pt x="19744" y="16642"/>
                    <a:pt x="19659" y="16642"/>
                  </a:cubicBezTo>
                  <a:cubicBezTo>
                    <a:pt x="19575" y="16642"/>
                    <a:pt x="19487" y="16642"/>
                    <a:pt x="19424" y="16617"/>
                  </a:cubicBezTo>
                  <a:cubicBezTo>
                    <a:pt x="19324" y="16617"/>
                    <a:pt x="19149" y="16491"/>
                    <a:pt x="19099" y="16441"/>
                  </a:cubicBezTo>
                  <a:cubicBezTo>
                    <a:pt x="18973" y="16316"/>
                    <a:pt x="18873" y="16090"/>
                    <a:pt x="18798" y="15990"/>
                  </a:cubicBezTo>
                  <a:cubicBezTo>
                    <a:pt x="18748" y="15815"/>
                    <a:pt x="18698" y="15539"/>
                    <a:pt x="18698" y="15439"/>
                  </a:cubicBezTo>
                  <a:cubicBezTo>
                    <a:pt x="18647" y="15263"/>
                    <a:pt x="18522" y="14912"/>
                    <a:pt x="18472" y="14762"/>
                  </a:cubicBezTo>
                  <a:cubicBezTo>
                    <a:pt x="18422" y="14587"/>
                    <a:pt x="18121" y="14361"/>
                    <a:pt x="18071" y="14236"/>
                  </a:cubicBezTo>
                  <a:cubicBezTo>
                    <a:pt x="18021" y="14010"/>
                    <a:pt x="17971" y="13634"/>
                    <a:pt x="17896" y="13409"/>
                  </a:cubicBezTo>
                  <a:cubicBezTo>
                    <a:pt x="17896" y="13183"/>
                    <a:pt x="17971" y="12732"/>
                    <a:pt x="18071" y="12506"/>
                  </a:cubicBezTo>
                  <a:cubicBezTo>
                    <a:pt x="18121" y="12331"/>
                    <a:pt x="18347" y="12105"/>
                    <a:pt x="18472" y="11980"/>
                  </a:cubicBezTo>
                  <a:cubicBezTo>
                    <a:pt x="18572" y="11830"/>
                    <a:pt x="18873" y="11654"/>
                    <a:pt x="18973" y="11529"/>
                  </a:cubicBezTo>
                  <a:cubicBezTo>
                    <a:pt x="19023" y="11429"/>
                    <a:pt x="19199" y="11203"/>
                    <a:pt x="19249" y="11103"/>
                  </a:cubicBezTo>
                  <a:cubicBezTo>
                    <a:pt x="19249" y="10928"/>
                    <a:pt x="19249" y="10652"/>
                    <a:pt x="19324" y="10476"/>
                  </a:cubicBezTo>
                  <a:lnTo>
                    <a:pt x="19324" y="9975"/>
                  </a:lnTo>
                  <a:cubicBezTo>
                    <a:pt x="19249" y="9975"/>
                    <a:pt x="19249" y="9975"/>
                    <a:pt x="19249" y="9900"/>
                  </a:cubicBezTo>
                  <a:cubicBezTo>
                    <a:pt x="19199" y="9850"/>
                    <a:pt x="19023" y="9674"/>
                    <a:pt x="18923" y="9624"/>
                  </a:cubicBezTo>
                  <a:cubicBezTo>
                    <a:pt x="18798" y="9574"/>
                    <a:pt x="18572" y="9574"/>
                    <a:pt x="18472" y="9574"/>
                  </a:cubicBezTo>
                  <a:cubicBezTo>
                    <a:pt x="18422" y="9624"/>
                    <a:pt x="18246" y="9674"/>
                    <a:pt x="18196" y="9800"/>
                  </a:cubicBezTo>
                  <a:cubicBezTo>
                    <a:pt x="18121" y="9850"/>
                    <a:pt x="18121" y="10075"/>
                    <a:pt x="18071" y="10201"/>
                  </a:cubicBezTo>
                  <a:cubicBezTo>
                    <a:pt x="18021" y="10251"/>
                    <a:pt x="17795" y="10426"/>
                    <a:pt x="17670" y="10426"/>
                  </a:cubicBezTo>
                  <a:cubicBezTo>
                    <a:pt x="17520" y="10351"/>
                    <a:pt x="17169" y="10075"/>
                    <a:pt x="17068" y="9900"/>
                  </a:cubicBezTo>
                  <a:cubicBezTo>
                    <a:pt x="16993" y="9850"/>
                    <a:pt x="16893" y="9624"/>
                    <a:pt x="16893" y="9524"/>
                  </a:cubicBezTo>
                  <a:cubicBezTo>
                    <a:pt x="16843" y="9399"/>
                    <a:pt x="16843" y="9173"/>
                    <a:pt x="16793" y="9073"/>
                  </a:cubicBezTo>
                  <a:cubicBezTo>
                    <a:pt x="16793" y="8897"/>
                    <a:pt x="16718" y="8622"/>
                    <a:pt x="16667" y="8496"/>
                  </a:cubicBezTo>
                  <a:cubicBezTo>
                    <a:pt x="16617" y="8446"/>
                    <a:pt x="16442" y="8321"/>
                    <a:pt x="16392" y="8271"/>
                  </a:cubicBezTo>
                  <a:cubicBezTo>
                    <a:pt x="16342" y="8171"/>
                    <a:pt x="16266" y="8045"/>
                    <a:pt x="16266" y="7945"/>
                  </a:cubicBezTo>
                  <a:cubicBezTo>
                    <a:pt x="16216" y="7770"/>
                    <a:pt x="16342" y="7494"/>
                    <a:pt x="16442" y="7318"/>
                  </a:cubicBezTo>
                  <a:cubicBezTo>
                    <a:pt x="16492" y="7193"/>
                    <a:pt x="16667" y="6968"/>
                    <a:pt x="16793" y="6867"/>
                  </a:cubicBezTo>
                  <a:cubicBezTo>
                    <a:pt x="16843" y="6642"/>
                    <a:pt x="16993" y="6241"/>
                    <a:pt x="17119" y="6015"/>
                  </a:cubicBezTo>
                  <a:cubicBezTo>
                    <a:pt x="17169" y="5865"/>
                    <a:pt x="17344" y="5464"/>
                    <a:pt x="17394" y="5288"/>
                  </a:cubicBezTo>
                  <a:cubicBezTo>
                    <a:pt x="17394" y="5013"/>
                    <a:pt x="17344" y="4511"/>
                    <a:pt x="17344" y="4211"/>
                  </a:cubicBezTo>
                  <a:cubicBezTo>
                    <a:pt x="17344" y="4110"/>
                    <a:pt x="17444" y="3760"/>
                    <a:pt x="17394" y="3659"/>
                  </a:cubicBezTo>
                  <a:cubicBezTo>
                    <a:pt x="17358" y="3614"/>
                    <a:pt x="17296" y="3602"/>
                    <a:pt x="17227" y="3602"/>
                  </a:cubicBezTo>
                  <a:cubicBezTo>
                    <a:pt x="17139" y="3602"/>
                    <a:pt x="17039" y="3622"/>
                    <a:pt x="16966" y="3622"/>
                  </a:cubicBezTo>
                  <a:cubicBezTo>
                    <a:pt x="16937" y="3622"/>
                    <a:pt x="16911" y="3618"/>
                    <a:pt x="16893" y="3609"/>
                  </a:cubicBezTo>
                  <a:cubicBezTo>
                    <a:pt x="16843" y="3534"/>
                    <a:pt x="16718" y="3384"/>
                    <a:pt x="16718" y="3308"/>
                  </a:cubicBezTo>
                  <a:cubicBezTo>
                    <a:pt x="16718" y="3208"/>
                    <a:pt x="16843" y="3033"/>
                    <a:pt x="16943" y="2983"/>
                  </a:cubicBezTo>
                  <a:cubicBezTo>
                    <a:pt x="17068" y="2857"/>
                    <a:pt x="17394" y="2857"/>
                    <a:pt x="17520" y="2857"/>
                  </a:cubicBezTo>
                  <a:cubicBezTo>
                    <a:pt x="17620" y="2857"/>
                    <a:pt x="17745" y="3033"/>
                    <a:pt x="17845" y="3033"/>
                  </a:cubicBezTo>
                  <a:cubicBezTo>
                    <a:pt x="17896" y="2983"/>
                    <a:pt x="17896" y="2807"/>
                    <a:pt x="17896" y="2707"/>
                  </a:cubicBezTo>
                  <a:cubicBezTo>
                    <a:pt x="17896" y="2657"/>
                    <a:pt x="17745" y="2531"/>
                    <a:pt x="17745" y="2431"/>
                  </a:cubicBezTo>
                  <a:cubicBezTo>
                    <a:pt x="17745" y="2356"/>
                    <a:pt x="17795" y="2206"/>
                    <a:pt x="17795" y="2080"/>
                  </a:cubicBezTo>
                  <a:cubicBezTo>
                    <a:pt x="17795" y="1980"/>
                    <a:pt x="17745" y="1805"/>
                    <a:pt x="17670" y="1679"/>
                  </a:cubicBezTo>
                  <a:cubicBezTo>
                    <a:pt x="17620" y="1579"/>
                    <a:pt x="17394" y="1404"/>
                    <a:pt x="17294" y="1404"/>
                  </a:cubicBezTo>
                  <a:cubicBezTo>
                    <a:pt x="17281" y="1399"/>
                    <a:pt x="17267" y="1396"/>
                    <a:pt x="17252" y="1396"/>
                  </a:cubicBezTo>
                  <a:cubicBezTo>
                    <a:pt x="17130" y="1396"/>
                    <a:pt x="16934" y="1536"/>
                    <a:pt x="16828" y="1536"/>
                  </a:cubicBezTo>
                  <a:cubicBezTo>
                    <a:pt x="16815" y="1536"/>
                    <a:pt x="16803" y="1534"/>
                    <a:pt x="16793" y="1529"/>
                  </a:cubicBezTo>
                  <a:cubicBezTo>
                    <a:pt x="16718" y="1454"/>
                    <a:pt x="16667" y="1303"/>
                    <a:pt x="16667" y="1228"/>
                  </a:cubicBezTo>
                  <a:lnTo>
                    <a:pt x="16667" y="1128"/>
                  </a:lnTo>
                  <a:cubicBezTo>
                    <a:pt x="16617" y="1078"/>
                    <a:pt x="16567" y="1078"/>
                    <a:pt x="16492" y="1003"/>
                  </a:cubicBezTo>
                  <a:cubicBezTo>
                    <a:pt x="16492" y="953"/>
                    <a:pt x="16492" y="852"/>
                    <a:pt x="16442" y="777"/>
                  </a:cubicBezTo>
                  <a:cubicBezTo>
                    <a:pt x="16442" y="727"/>
                    <a:pt x="16266" y="727"/>
                    <a:pt x="16216" y="677"/>
                  </a:cubicBezTo>
                  <a:cubicBezTo>
                    <a:pt x="16166" y="677"/>
                    <a:pt x="16041" y="552"/>
                    <a:pt x="15991" y="552"/>
                  </a:cubicBezTo>
                  <a:cubicBezTo>
                    <a:pt x="15941" y="627"/>
                    <a:pt x="15891" y="777"/>
                    <a:pt x="15815" y="852"/>
                  </a:cubicBezTo>
                  <a:cubicBezTo>
                    <a:pt x="15765" y="902"/>
                    <a:pt x="15665" y="953"/>
                    <a:pt x="15590" y="953"/>
                  </a:cubicBezTo>
                  <a:cubicBezTo>
                    <a:pt x="15540" y="953"/>
                    <a:pt x="15439" y="902"/>
                    <a:pt x="15364" y="852"/>
                  </a:cubicBezTo>
                  <a:cubicBezTo>
                    <a:pt x="15264" y="777"/>
                    <a:pt x="15088" y="727"/>
                    <a:pt x="15038" y="627"/>
                  </a:cubicBezTo>
                  <a:cubicBezTo>
                    <a:pt x="15038" y="552"/>
                    <a:pt x="15088" y="401"/>
                    <a:pt x="15088" y="326"/>
                  </a:cubicBezTo>
                  <a:cubicBezTo>
                    <a:pt x="15088" y="226"/>
                    <a:pt x="14988" y="50"/>
                    <a:pt x="14913" y="50"/>
                  </a:cubicBezTo>
                  <a:cubicBezTo>
                    <a:pt x="14863" y="0"/>
                    <a:pt x="14687" y="0"/>
                    <a:pt x="14637" y="0"/>
                  </a:cubicBezTo>
                  <a:close/>
                </a:path>
              </a:pathLst>
            </a:custGeom>
            <a:solidFill>
              <a:srgbClr val="FF8C0A"/>
            </a:solidFill>
            <a:ln>
              <a:solidFill>
                <a:srgbClr val="FF8C0A"/>
              </a:solidFill>
            </a:ln>
          </p:spPr>
          <p:txBody>
            <a:bodyPr spcFirstLastPara="1" wrap="square" lIns="121900" tIns="121900" rIns="121900" bIns="121900" anchor="ctr" anchorCtr="0">
              <a:noAutofit/>
            </a:bodyPr>
            <a:lstStyle/>
            <a:p>
              <a:endParaRPr sz="2400"/>
            </a:p>
          </p:txBody>
        </p:sp>
        <p:sp>
          <p:nvSpPr>
            <p:cNvPr id="137" name="Google Shape;194;p16">
              <a:extLst>
                <a:ext uri="{FF2B5EF4-FFF2-40B4-BE49-F238E27FC236}">
                  <a16:creationId xmlns:a16="http://schemas.microsoft.com/office/drawing/2014/main" id="{BECF6A19-E1B8-66B9-F05D-02A1EECC87F8}"/>
                </a:ext>
              </a:extLst>
            </p:cNvPr>
            <p:cNvSpPr/>
            <p:nvPr/>
          </p:nvSpPr>
          <p:spPr>
            <a:xfrm>
              <a:off x="1725017" y="1200888"/>
              <a:ext cx="661774" cy="689740"/>
            </a:xfrm>
            <a:custGeom>
              <a:avLst/>
              <a:gdLst/>
              <a:ahLst/>
              <a:cxnLst/>
              <a:rect l="l" t="t" r="r" b="b"/>
              <a:pathLst>
                <a:path w="23711" h="24713" fill="none" extrusionOk="0">
                  <a:moveTo>
                    <a:pt x="19324" y="9975"/>
                  </a:moveTo>
                  <a:lnTo>
                    <a:pt x="19324" y="10476"/>
                  </a:lnTo>
                  <a:cubicBezTo>
                    <a:pt x="19249" y="10652"/>
                    <a:pt x="19249" y="10928"/>
                    <a:pt x="19249" y="11103"/>
                  </a:cubicBezTo>
                  <a:cubicBezTo>
                    <a:pt x="19199" y="11203"/>
                    <a:pt x="19023" y="11429"/>
                    <a:pt x="18973" y="11529"/>
                  </a:cubicBezTo>
                  <a:cubicBezTo>
                    <a:pt x="18873" y="11654"/>
                    <a:pt x="18572" y="11830"/>
                    <a:pt x="18472" y="11980"/>
                  </a:cubicBezTo>
                  <a:cubicBezTo>
                    <a:pt x="18347" y="12105"/>
                    <a:pt x="18121" y="12331"/>
                    <a:pt x="18071" y="12506"/>
                  </a:cubicBezTo>
                  <a:cubicBezTo>
                    <a:pt x="17971" y="12732"/>
                    <a:pt x="17896" y="13183"/>
                    <a:pt x="17896" y="13409"/>
                  </a:cubicBezTo>
                  <a:cubicBezTo>
                    <a:pt x="17971" y="13634"/>
                    <a:pt x="18021" y="14010"/>
                    <a:pt x="18071" y="14236"/>
                  </a:cubicBezTo>
                  <a:cubicBezTo>
                    <a:pt x="18121" y="14361"/>
                    <a:pt x="18422" y="14587"/>
                    <a:pt x="18472" y="14762"/>
                  </a:cubicBezTo>
                  <a:cubicBezTo>
                    <a:pt x="18522" y="14912"/>
                    <a:pt x="18647" y="15263"/>
                    <a:pt x="18698" y="15439"/>
                  </a:cubicBezTo>
                  <a:cubicBezTo>
                    <a:pt x="18698" y="15539"/>
                    <a:pt x="18748" y="15815"/>
                    <a:pt x="18798" y="15990"/>
                  </a:cubicBezTo>
                  <a:cubicBezTo>
                    <a:pt x="18873" y="16090"/>
                    <a:pt x="18973" y="16316"/>
                    <a:pt x="19099" y="16441"/>
                  </a:cubicBezTo>
                  <a:cubicBezTo>
                    <a:pt x="19149" y="16491"/>
                    <a:pt x="19324" y="16617"/>
                    <a:pt x="19424" y="16617"/>
                  </a:cubicBezTo>
                  <a:cubicBezTo>
                    <a:pt x="19550" y="16667"/>
                    <a:pt x="19775" y="16617"/>
                    <a:pt x="19875" y="16667"/>
                  </a:cubicBezTo>
                  <a:cubicBezTo>
                    <a:pt x="19926" y="16667"/>
                    <a:pt x="20101" y="16767"/>
                    <a:pt x="20151" y="16842"/>
                  </a:cubicBezTo>
                  <a:cubicBezTo>
                    <a:pt x="20276" y="16943"/>
                    <a:pt x="20502" y="17218"/>
                    <a:pt x="20552" y="17344"/>
                  </a:cubicBezTo>
                  <a:cubicBezTo>
                    <a:pt x="20652" y="17444"/>
                    <a:pt x="20828" y="17795"/>
                    <a:pt x="20953" y="17895"/>
                  </a:cubicBezTo>
                  <a:cubicBezTo>
                    <a:pt x="21053" y="18070"/>
                    <a:pt x="21454" y="18196"/>
                    <a:pt x="21630" y="18246"/>
                  </a:cubicBezTo>
                  <a:cubicBezTo>
                    <a:pt x="21730" y="18346"/>
                    <a:pt x="22131" y="18421"/>
                    <a:pt x="22231" y="18522"/>
                  </a:cubicBezTo>
                  <a:cubicBezTo>
                    <a:pt x="22357" y="18647"/>
                    <a:pt x="22532" y="18872"/>
                    <a:pt x="22582" y="18973"/>
                  </a:cubicBezTo>
                  <a:cubicBezTo>
                    <a:pt x="22632" y="19098"/>
                    <a:pt x="22632" y="19324"/>
                    <a:pt x="22683" y="19374"/>
                  </a:cubicBezTo>
                  <a:cubicBezTo>
                    <a:pt x="22758" y="19424"/>
                    <a:pt x="22908" y="19549"/>
                    <a:pt x="22983" y="19599"/>
                  </a:cubicBezTo>
                  <a:cubicBezTo>
                    <a:pt x="23033" y="19649"/>
                    <a:pt x="23134" y="19875"/>
                    <a:pt x="23259" y="19925"/>
                  </a:cubicBezTo>
                  <a:cubicBezTo>
                    <a:pt x="23309" y="20050"/>
                    <a:pt x="23535" y="20151"/>
                    <a:pt x="23710" y="20201"/>
                  </a:cubicBezTo>
                  <a:cubicBezTo>
                    <a:pt x="23535" y="20326"/>
                    <a:pt x="23309" y="20426"/>
                    <a:pt x="23209" y="20501"/>
                  </a:cubicBezTo>
                  <a:cubicBezTo>
                    <a:pt x="22983" y="20552"/>
                    <a:pt x="22532" y="20552"/>
                    <a:pt x="22307" y="20602"/>
                  </a:cubicBezTo>
                  <a:cubicBezTo>
                    <a:pt x="22081" y="20602"/>
                    <a:pt x="21555" y="20727"/>
                    <a:pt x="21279" y="20777"/>
                  </a:cubicBezTo>
                  <a:cubicBezTo>
                    <a:pt x="21104" y="20827"/>
                    <a:pt x="20778" y="21103"/>
                    <a:pt x="20602" y="21103"/>
                  </a:cubicBezTo>
                  <a:cubicBezTo>
                    <a:pt x="20377" y="21103"/>
                    <a:pt x="20001" y="20827"/>
                    <a:pt x="19775" y="20777"/>
                  </a:cubicBezTo>
                  <a:cubicBezTo>
                    <a:pt x="19550" y="20727"/>
                    <a:pt x="19149" y="20652"/>
                    <a:pt x="18973" y="20727"/>
                  </a:cubicBezTo>
                  <a:cubicBezTo>
                    <a:pt x="18748" y="20777"/>
                    <a:pt x="18422" y="21103"/>
                    <a:pt x="18196" y="21178"/>
                  </a:cubicBezTo>
                  <a:cubicBezTo>
                    <a:pt x="17971" y="21228"/>
                    <a:pt x="17394" y="21228"/>
                    <a:pt x="17119" y="21103"/>
                  </a:cubicBezTo>
                  <a:cubicBezTo>
                    <a:pt x="16993" y="21053"/>
                    <a:pt x="16843" y="20827"/>
                    <a:pt x="16718" y="20727"/>
                  </a:cubicBezTo>
                  <a:cubicBezTo>
                    <a:pt x="16617" y="20652"/>
                    <a:pt x="16266" y="20501"/>
                    <a:pt x="16116" y="20426"/>
                  </a:cubicBezTo>
                  <a:cubicBezTo>
                    <a:pt x="15941" y="20426"/>
                    <a:pt x="15490" y="20602"/>
                    <a:pt x="15264" y="20552"/>
                  </a:cubicBezTo>
                  <a:cubicBezTo>
                    <a:pt x="15139" y="20501"/>
                    <a:pt x="14913" y="20151"/>
                    <a:pt x="14763" y="20050"/>
                  </a:cubicBezTo>
                  <a:cubicBezTo>
                    <a:pt x="14637" y="19975"/>
                    <a:pt x="14362" y="19875"/>
                    <a:pt x="14186" y="19925"/>
                  </a:cubicBezTo>
                  <a:cubicBezTo>
                    <a:pt x="13961" y="19925"/>
                    <a:pt x="13685" y="20376"/>
                    <a:pt x="13510" y="20326"/>
                  </a:cubicBezTo>
                  <a:cubicBezTo>
                    <a:pt x="13359" y="20326"/>
                    <a:pt x="13134" y="20050"/>
                    <a:pt x="13134" y="19925"/>
                  </a:cubicBezTo>
                  <a:cubicBezTo>
                    <a:pt x="13058" y="19750"/>
                    <a:pt x="13284" y="19424"/>
                    <a:pt x="13234" y="19324"/>
                  </a:cubicBezTo>
                  <a:cubicBezTo>
                    <a:pt x="13184" y="19148"/>
                    <a:pt x="12908" y="18973"/>
                    <a:pt x="12733" y="18923"/>
                  </a:cubicBezTo>
                  <a:cubicBezTo>
                    <a:pt x="12682" y="18872"/>
                    <a:pt x="12382" y="18923"/>
                    <a:pt x="12281" y="18923"/>
                  </a:cubicBezTo>
                  <a:cubicBezTo>
                    <a:pt x="12156" y="18923"/>
                    <a:pt x="11880" y="18797"/>
                    <a:pt x="11780" y="18872"/>
                  </a:cubicBezTo>
                  <a:cubicBezTo>
                    <a:pt x="11605" y="18923"/>
                    <a:pt x="11379" y="19148"/>
                    <a:pt x="11254" y="19198"/>
                  </a:cubicBezTo>
                  <a:cubicBezTo>
                    <a:pt x="11104" y="19374"/>
                    <a:pt x="10928" y="19699"/>
                    <a:pt x="10753" y="19750"/>
                  </a:cubicBezTo>
                  <a:cubicBezTo>
                    <a:pt x="10477" y="19875"/>
                    <a:pt x="9976" y="19699"/>
                    <a:pt x="9750" y="19599"/>
                  </a:cubicBezTo>
                  <a:cubicBezTo>
                    <a:pt x="9625" y="19474"/>
                    <a:pt x="9575" y="19148"/>
                    <a:pt x="9474" y="19098"/>
                  </a:cubicBezTo>
                  <a:cubicBezTo>
                    <a:pt x="9349" y="18973"/>
                    <a:pt x="9073" y="18973"/>
                    <a:pt x="8948" y="19023"/>
                  </a:cubicBezTo>
                  <a:cubicBezTo>
                    <a:pt x="8798" y="19098"/>
                    <a:pt x="8572" y="19474"/>
                    <a:pt x="8397" y="19549"/>
                  </a:cubicBezTo>
                  <a:cubicBezTo>
                    <a:pt x="8221" y="19549"/>
                    <a:pt x="7996" y="19324"/>
                    <a:pt x="7895" y="19374"/>
                  </a:cubicBezTo>
                  <a:cubicBezTo>
                    <a:pt x="7720" y="19424"/>
                    <a:pt x="7494" y="19750"/>
                    <a:pt x="7369" y="19875"/>
                  </a:cubicBezTo>
                  <a:cubicBezTo>
                    <a:pt x="7269" y="20050"/>
                    <a:pt x="7093" y="20426"/>
                    <a:pt x="7043" y="20602"/>
                  </a:cubicBezTo>
                  <a:cubicBezTo>
                    <a:pt x="6993" y="20827"/>
                    <a:pt x="6918" y="21228"/>
                    <a:pt x="6918" y="21404"/>
                  </a:cubicBezTo>
                  <a:cubicBezTo>
                    <a:pt x="6993" y="21504"/>
                    <a:pt x="7093" y="21780"/>
                    <a:pt x="7219" y="21905"/>
                  </a:cubicBezTo>
                  <a:cubicBezTo>
                    <a:pt x="7269" y="22005"/>
                    <a:pt x="7545" y="22231"/>
                    <a:pt x="7545" y="22406"/>
                  </a:cubicBezTo>
                  <a:cubicBezTo>
                    <a:pt x="7595" y="22532"/>
                    <a:pt x="7494" y="22757"/>
                    <a:pt x="7444" y="22857"/>
                  </a:cubicBezTo>
                  <a:cubicBezTo>
                    <a:pt x="7369" y="22983"/>
                    <a:pt x="7144" y="22983"/>
                    <a:pt x="7144" y="23083"/>
                  </a:cubicBezTo>
                  <a:cubicBezTo>
                    <a:pt x="7093" y="23133"/>
                    <a:pt x="7144" y="23434"/>
                    <a:pt x="7144" y="23484"/>
                  </a:cubicBezTo>
                  <a:cubicBezTo>
                    <a:pt x="7093" y="23584"/>
                    <a:pt x="6918" y="23659"/>
                    <a:pt x="6868" y="23760"/>
                  </a:cubicBezTo>
                  <a:cubicBezTo>
                    <a:pt x="6818" y="23860"/>
                    <a:pt x="6768" y="24211"/>
                    <a:pt x="6692" y="24386"/>
                  </a:cubicBezTo>
                  <a:cubicBezTo>
                    <a:pt x="6692" y="24436"/>
                    <a:pt x="6592" y="24612"/>
                    <a:pt x="6542" y="24712"/>
                  </a:cubicBezTo>
                  <a:cubicBezTo>
                    <a:pt x="6467" y="24612"/>
                    <a:pt x="6467" y="24486"/>
                    <a:pt x="6417" y="24486"/>
                  </a:cubicBezTo>
                  <a:cubicBezTo>
                    <a:pt x="6367" y="24386"/>
                    <a:pt x="6141" y="24386"/>
                    <a:pt x="6141" y="24261"/>
                  </a:cubicBezTo>
                  <a:cubicBezTo>
                    <a:pt x="6041" y="24211"/>
                    <a:pt x="6091" y="23935"/>
                    <a:pt x="6091" y="23810"/>
                  </a:cubicBezTo>
                  <a:cubicBezTo>
                    <a:pt x="6041" y="23710"/>
                    <a:pt x="5865" y="23484"/>
                    <a:pt x="5815" y="23359"/>
                  </a:cubicBezTo>
                  <a:cubicBezTo>
                    <a:pt x="5740" y="23258"/>
                    <a:pt x="5815" y="23033"/>
                    <a:pt x="5690" y="22908"/>
                  </a:cubicBezTo>
                  <a:cubicBezTo>
                    <a:pt x="5690" y="22908"/>
                    <a:pt x="5515" y="22857"/>
                    <a:pt x="5464" y="22857"/>
                  </a:cubicBezTo>
                  <a:cubicBezTo>
                    <a:pt x="5364" y="22807"/>
                    <a:pt x="5063" y="22908"/>
                    <a:pt x="4963" y="22857"/>
                  </a:cubicBezTo>
                  <a:cubicBezTo>
                    <a:pt x="4838" y="22857"/>
                    <a:pt x="4687" y="22682"/>
                    <a:pt x="4612" y="22582"/>
                  </a:cubicBezTo>
                  <a:cubicBezTo>
                    <a:pt x="4562" y="22456"/>
                    <a:pt x="4512" y="22181"/>
                    <a:pt x="4512" y="22005"/>
                  </a:cubicBezTo>
                  <a:cubicBezTo>
                    <a:pt x="4512" y="21955"/>
                    <a:pt x="4562" y="21780"/>
                    <a:pt x="4562" y="21730"/>
                  </a:cubicBezTo>
                  <a:cubicBezTo>
                    <a:pt x="4562" y="21629"/>
                    <a:pt x="4462" y="21454"/>
                    <a:pt x="4387" y="21404"/>
                  </a:cubicBezTo>
                  <a:cubicBezTo>
                    <a:pt x="4337" y="21329"/>
                    <a:pt x="4111" y="21228"/>
                    <a:pt x="4061" y="21178"/>
                  </a:cubicBezTo>
                  <a:cubicBezTo>
                    <a:pt x="4011" y="21103"/>
                    <a:pt x="4011" y="20877"/>
                    <a:pt x="3885" y="20877"/>
                  </a:cubicBezTo>
                  <a:cubicBezTo>
                    <a:pt x="3885" y="20827"/>
                    <a:pt x="3710" y="20777"/>
                    <a:pt x="3660" y="20777"/>
                  </a:cubicBezTo>
                  <a:cubicBezTo>
                    <a:pt x="3610" y="20777"/>
                    <a:pt x="3434" y="20877"/>
                    <a:pt x="3384" y="20877"/>
                  </a:cubicBezTo>
                  <a:lnTo>
                    <a:pt x="3159" y="20652"/>
                  </a:lnTo>
                  <a:cubicBezTo>
                    <a:pt x="3159" y="20602"/>
                    <a:pt x="3108" y="20426"/>
                    <a:pt x="3033" y="20326"/>
                  </a:cubicBezTo>
                  <a:cubicBezTo>
                    <a:pt x="3033" y="20276"/>
                    <a:pt x="2983" y="20050"/>
                    <a:pt x="2933" y="19975"/>
                  </a:cubicBezTo>
                  <a:cubicBezTo>
                    <a:pt x="2933" y="19925"/>
                    <a:pt x="2833" y="19875"/>
                    <a:pt x="2758" y="19825"/>
                  </a:cubicBezTo>
                  <a:cubicBezTo>
                    <a:pt x="2707" y="19825"/>
                    <a:pt x="2482" y="19750"/>
                    <a:pt x="2432" y="19825"/>
                  </a:cubicBezTo>
                  <a:cubicBezTo>
                    <a:pt x="2306" y="19825"/>
                    <a:pt x="2256" y="19975"/>
                    <a:pt x="2206" y="20050"/>
                  </a:cubicBezTo>
                  <a:cubicBezTo>
                    <a:pt x="2156" y="20100"/>
                    <a:pt x="1981" y="20276"/>
                    <a:pt x="1855" y="20276"/>
                  </a:cubicBezTo>
                  <a:cubicBezTo>
                    <a:pt x="1705" y="20276"/>
                    <a:pt x="1404" y="20151"/>
                    <a:pt x="1304" y="20050"/>
                  </a:cubicBezTo>
                  <a:cubicBezTo>
                    <a:pt x="1179" y="19975"/>
                    <a:pt x="953" y="19825"/>
                    <a:pt x="853" y="19699"/>
                  </a:cubicBezTo>
                  <a:cubicBezTo>
                    <a:pt x="803" y="19599"/>
                    <a:pt x="728" y="19374"/>
                    <a:pt x="677" y="19324"/>
                  </a:cubicBezTo>
                  <a:cubicBezTo>
                    <a:pt x="627" y="19248"/>
                    <a:pt x="577" y="19098"/>
                    <a:pt x="502" y="19023"/>
                  </a:cubicBezTo>
                  <a:cubicBezTo>
                    <a:pt x="452" y="18973"/>
                    <a:pt x="352" y="18923"/>
                    <a:pt x="276" y="18872"/>
                  </a:cubicBezTo>
                  <a:cubicBezTo>
                    <a:pt x="226" y="18697"/>
                    <a:pt x="276" y="18421"/>
                    <a:pt x="276" y="18246"/>
                  </a:cubicBezTo>
                  <a:cubicBezTo>
                    <a:pt x="276" y="18121"/>
                    <a:pt x="402" y="17970"/>
                    <a:pt x="402" y="17845"/>
                  </a:cubicBezTo>
                  <a:cubicBezTo>
                    <a:pt x="402" y="17745"/>
                    <a:pt x="352" y="17519"/>
                    <a:pt x="276" y="17394"/>
                  </a:cubicBezTo>
                  <a:cubicBezTo>
                    <a:pt x="226" y="17344"/>
                    <a:pt x="51" y="17168"/>
                    <a:pt x="1" y="17118"/>
                  </a:cubicBezTo>
                  <a:cubicBezTo>
                    <a:pt x="1" y="16993"/>
                    <a:pt x="51" y="16842"/>
                    <a:pt x="126" y="16717"/>
                  </a:cubicBezTo>
                  <a:cubicBezTo>
                    <a:pt x="176" y="16667"/>
                    <a:pt x="402" y="16717"/>
                    <a:pt x="502" y="16667"/>
                  </a:cubicBezTo>
                  <a:cubicBezTo>
                    <a:pt x="627" y="16617"/>
                    <a:pt x="803" y="16491"/>
                    <a:pt x="853" y="16491"/>
                  </a:cubicBezTo>
                  <a:cubicBezTo>
                    <a:pt x="953" y="16491"/>
                    <a:pt x="1179" y="16491"/>
                    <a:pt x="1304" y="16542"/>
                  </a:cubicBezTo>
                  <a:cubicBezTo>
                    <a:pt x="1354" y="16617"/>
                    <a:pt x="1354" y="16717"/>
                    <a:pt x="1404" y="16767"/>
                  </a:cubicBezTo>
                  <a:cubicBezTo>
                    <a:pt x="1479" y="16892"/>
                    <a:pt x="1630" y="16993"/>
                    <a:pt x="1705" y="16993"/>
                  </a:cubicBezTo>
                  <a:cubicBezTo>
                    <a:pt x="1805" y="16993"/>
                    <a:pt x="1931" y="16767"/>
                    <a:pt x="1981" y="16717"/>
                  </a:cubicBezTo>
                  <a:lnTo>
                    <a:pt x="1981" y="16441"/>
                  </a:lnTo>
                  <a:cubicBezTo>
                    <a:pt x="1981" y="16316"/>
                    <a:pt x="1931" y="16166"/>
                    <a:pt x="1981" y="16090"/>
                  </a:cubicBezTo>
                  <a:cubicBezTo>
                    <a:pt x="2031" y="16040"/>
                    <a:pt x="2206" y="16040"/>
                    <a:pt x="2256" y="16040"/>
                  </a:cubicBezTo>
                  <a:cubicBezTo>
                    <a:pt x="2306" y="15990"/>
                    <a:pt x="2482" y="15940"/>
                    <a:pt x="2607" y="15865"/>
                  </a:cubicBezTo>
                  <a:cubicBezTo>
                    <a:pt x="2657" y="15765"/>
                    <a:pt x="2707" y="15589"/>
                    <a:pt x="2707" y="15489"/>
                  </a:cubicBezTo>
                  <a:cubicBezTo>
                    <a:pt x="2707" y="15313"/>
                    <a:pt x="2532" y="14988"/>
                    <a:pt x="2482" y="14862"/>
                  </a:cubicBezTo>
                  <a:cubicBezTo>
                    <a:pt x="2382" y="14762"/>
                    <a:pt x="2156" y="14587"/>
                    <a:pt x="2081" y="14461"/>
                  </a:cubicBezTo>
                  <a:cubicBezTo>
                    <a:pt x="1981" y="14361"/>
                    <a:pt x="1805" y="14085"/>
                    <a:pt x="1755" y="13910"/>
                  </a:cubicBezTo>
                  <a:cubicBezTo>
                    <a:pt x="1705" y="13735"/>
                    <a:pt x="1630" y="13409"/>
                    <a:pt x="1580" y="13183"/>
                  </a:cubicBezTo>
                  <a:cubicBezTo>
                    <a:pt x="1530" y="13058"/>
                    <a:pt x="1479" y="12782"/>
                    <a:pt x="1354" y="12657"/>
                  </a:cubicBezTo>
                  <a:cubicBezTo>
                    <a:pt x="1304" y="12557"/>
                    <a:pt x="1078" y="12431"/>
                    <a:pt x="1028" y="12331"/>
                  </a:cubicBezTo>
                  <a:cubicBezTo>
                    <a:pt x="953" y="12206"/>
                    <a:pt x="953" y="11980"/>
                    <a:pt x="903" y="11880"/>
                  </a:cubicBezTo>
                  <a:cubicBezTo>
                    <a:pt x="853" y="11830"/>
                    <a:pt x="728" y="11654"/>
                    <a:pt x="627" y="11604"/>
                  </a:cubicBezTo>
                  <a:cubicBezTo>
                    <a:pt x="577" y="11529"/>
                    <a:pt x="276" y="11429"/>
                    <a:pt x="226" y="11303"/>
                  </a:cubicBezTo>
                  <a:cubicBezTo>
                    <a:pt x="176" y="11253"/>
                    <a:pt x="126" y="11103"/>
                    <a:pt x="126" y="11028"/>
                  </a:cubicBezTo>
                  <a:cubicBezTo>
                    <a:pt x="126" y="10877"/>
                    <a:pt x="276" y="10476"/>
                    <a:pt x="352" y="10301"/>
                  </a:cubicBezTo>
                  <a:cubicBezTo>
                    <a:pt x="402" y="10075"/>
                    <a:pt x="402" y="9624"/>
                    <a:pt x="502" y="9449"/>
                  </a:cubicBezTo>
                  <a:cubicBezTo>
                    <a:pt x="577" y="9349"/>
                    <a:pt x="728" y="9123"/>
                    <a:pt x="803" y="8998"/>
                  </a:cubicBezTo>
                  <a:cubicBezTo>
                    <a:pt x="903" y="8897"/>
                    <a:pt x="1028" y="8547"/>
                    <a:pt x="1078" y="8446"/>
                  </a:cubicBezTo>
                  <a:cubicBezTo>
                    <a:pt x="1129" y="8271"/>
                    <a:pt x="1404" y="8045"/>
                    <a:pt x="1479" y="7870"/>
                  </a:cubicBezTo>
                  <a:cubicBezTo>
                    <a:pt x="1530" y="7770"/>
                    <a:pt x="1530" y="7369"/>
                    <a:pt x="1530" y="7193"/>
                  </a:cubicBezTo>
                  <a:cubicBezTo>
                    <a:pt x="1530" y="7043"/>
                    <a:pt x="1354" y="6767"/>
                    <a:pt x="1404" y="6592"/>
                  </a:cubicBezTo>
                  <a:cubicBezTo>
                    <a:pt x="1404" y="6542"/>
                    <a:pt x="1404" y="6366"/>
                    <a:pt x="1479" y="6316"/>
                  </a:cubicBezTo>
                  <a:cubicBezTo>
                    <a:pt x="1530" y="6241"/>
                    <a:pt x="1630" y="6141"/>
                    <a:pt x="1705" y="6015"/>
                  </a:cubicBezTo>
                  <a:cubicBezTo>
                    <a:pt x="1755" y="6090"/>
                    <a:pt x="1805" y="6141"/>
                    <a:pt x="1855" y="6141"/>
                  </a:cubicBezTo>
                  <a:cubicBezTo>
                    <a:pt x="1981" y="6191"/>
                    <a:pt x="2156" y="6191"/>
                    <a:pt x="2206" y="6191"/>
                  </a:cubicBezTo>
                  <a:cubicBezTo>
                    <a:pt x="2256" y="6191"/>
                    <a:pt x="2256" y="6090"/>
                    <a:pt x="2306" y="6090"/>
                  </a:cubicBezTo>
                  <a:cubicBezTo>
                    <a:pt x="2382" y="6090"/>
                    <a:pt x="2432" y="6090"/>
                    <a:pt x="2482" y="6141"/>
                  </a:cubicBezTo>
                  <a:cubicBezTo>
                    <a:pt x="2532" y="6191"/>
                    <a:pt x="2607" y="6366"/>
                    <a:pt x="2707" y="6416"/>
                  </a:cubicBezTo>
                  <a:cubicBezTo>
                    <a:pt x="2758" y="6466"/>
                    <a:pt x="2933" y="6416"/>
                    <a:pt x="3033" y="6466"/>
                  </a:cubicBezTo>
                  <a:cubicBezTo>
                    <a:pt x="3108" y="6466"/>
                    <a:pt x="3259" y="6466"/>
                    <a:pt x="3334" y="6542"/>
                  </a:cubicBezTo>
                  <a:cubicBezTo>
                    <a:pt x="3384" y="6592"/>
                    <a:pt x="3384" y="6867"/>
                    <a:pt x="3334" y="6968"/>
                  </a:cubicBezTo>
                  <a:cubicBezTo>
                    <a:pt x="3334" y="7043"/>
                    <a:pt x="3259" y="7193"/>
                    <a:pt x="3209" y="7268"/>
                  </a:cubicBezTo>
                  <a:cubicBezTo>
                    <a:pt x="3159" y="7318"/>
                    <a:pt x="2983" y="7318"/>
                    <a:pt x="2933" y="7369"/>
                  </a:cubicBezTo>
                  <a:cubicBezTo>
                    <a:pt x="2883" y="7419"/>
                    <a:pt x="2707" y="7494"/>
                    <a:pt x="2707" y="7544"/>
                  </a:cubicBezTo>
                  <a:cubicBezTo>
                    <a:pt x="2707" y="7594"/>
                    <a:pt x="2833" y="7644"/>
                    <a:pt x="2883" y="7644"/>
                  </a:cubicBezTo>
                  <a:cubicBezTo>
                    <a:pt x="2983" y="7719"/>
                    <a:pt x="3108" y="7644"/>
                    <a:pt x="3159" y="7719"/>
                  </a:cubicBezTo>
                  <a:cubicBezTo>
                    <a:pt x="3259" y="7770"/>
                    <a:pt x="3334" y="7995"/>
                    <a:pt x="3434" y="8045"/>
                  </a:cubicBezTo>
                  <a:cubicBezTo>
                    <a:pt x="3484" y="8095"/>
                    <a:pt x="3660" y="8095"/>
                    <a:pt x="3710" y="8171"/>
                  </a:cubicBezTo>
                  <a:cubicBezTo>
                    <a:pt x="3785" y="8221"/>
                    <a:pt x="3785" y="8446"/>
                    <a:pt x="3835" y="8547"/>
                  </a:cubicBezTo>
                  <a:cubicBezTo>
                    <a:pt x="3835" y="8622"/>
                    <a:pt x="3936" y="8722"/>
                    <a:pt x="4011" y="8847"/>
                  </a:cubicBezTo>
                  <a:cubicBezTo>
                    <a:pt x="4011" y="8897"/>
                    <a:pt x="4111" y="9073"/>
                    <a:pt x="4061" y="9173"/>
                  </a:cubicBezTo>
                  <a:cubicBezTo>
                    <a:pt x="4061" y="9223"/>
                    <a:pt x="3936" y="9298"/>
                    <a:pt x="3936" y="9349"/>
                  </a:cubicBezTo>
                  <a:lnTo>
                    <a:pt x="3936" y="9524"/>
                  </a:lnTo>
                  <a:cubicBezTo>
                    <a:pt x="4061" y="9624"/>
                    <a:pt x="4286" y="9524"/>
                    <a:pt x="4387" y="9574"/>
                  </a:cubicBezTo>
                  <a:cubicBezTo>
                    <a:pt x="4512" y="9574"/>
                    <a:pt x="4612" y="9674"/>
                    <a:pt x="4687" y="9674"/>
                  </a:cubicBezTo>
                  <a:cubicBezTo>
                    <a:pt x="4788" y="9750"/>
                    <a:pt x="4913" y="9674"/>
                    <a:pt x="4963" y="9674"/>
                  </a:cubicBezTo>
                  <a:cubicBezTo>
                    <a:pt x="5013" y="9624"/>
                    <a:pt x="5063" y="9399"/>
                    <a:pt x="5063" y="9349"/>
                  </a:cubicBezTo>
                  <a:lnTo>
                    <a:pt x="5063" y="9123"/>
                  </a:lnTo>
                  <a:cubicBezTo>
                    <a:pt x="5139" y="9073"/>
                    <a:pt x="5364" y="9073"/>
                    <a:pt x="5364" y="8998"/>
                  </a:cubicBezTo>
                  <a:cubicBezTo>
                    <a:pt x="5364" y="8897"/>
                    <a:pt x="5239" y="8722"/>
                    <a:pt x="5189" y="8672"/>
                  </a:cubicBezTo>
                  <a:cubicBezTo>
                    <a:pt x="5139" y="8622"/>
                    <a:pt x="5013" y="8622"/>
                    <a:pt x="4963" y="8622"/>
                  </a:cubicBezTo>
                  <a:cubicBezTo>
                    <a:pt x="4913" y="8547"/>
                    <a:pt x="4838" y="8321"/>
                    <a:pt x="4838" y="8221"/>
                  </a:cubicBezTo>
                  <a:cubicBezTo>
                    <a:pt x="4788" y="8171"/>
                    <a:pt x="4738" y="8045"/>
                    <a:pt x="4738" y="7945"/>
                  </a:cubicBezTo>
                  <a:cubicBezTo>
                    <a:pt x="4738" y="7870"/>
                    <a:pt x="4838" y="7770"/>
                    <a:pt x="4838" y="7719"/>
                  </a:cubicBezTo>
                  <a:cubicBezTo>
                    <a:pt x="4838" y="7644"/>
                    <a:pt x="4738" y="7494"/>
                    <a:pt x="4738" y="7419"/>
                  </a:cubicBezTo>
                  <a:cubicBezTo>
                    <a:pt x="4738" y="7318"/>
                    <a:pt x="4788" y="7193"/>
                    <a:pt x="4788" y="7093"/>
                  </a:cubicBezTo>
                  <a:cubicBezTo>
                    <a:pt x="4838" y="6968"/>
                    <a:pt x="4913" y="6767"/>
                    <a:pt x="5013" y="6692"/>
                  </a:cubicBezTo>
                  <a:cubicBezTo>
                    <a:pt x="5063" y="6642"/>
                    <a:pt x="5239" y="6692"/>
                    <a:pt x="5289" y="6642"/>
                  </a:cubicBezTo>
                  <a:cubicBezTo>
                    <a:pt x="5414" y="6592"/>
                    <a:pt x="5289" y="6316"/>
                    <a:pt x="5289" y="6191"/>
                  </a:cubicBezTo>
                  <a:cubicBezTo>
                    <a:pt x="5289" y="6141"/>
                    <a:pt x="5364" y="5965"/>
                    <a:pt x="5414" y="5915"/>
                  </a:cubicBezTo>
                  <a:cubicBezTo>
                    <a:pt x="5464" y="5865"/>
                    <a:pt x="5690" y="5790"/>
                    <a:pt x="5740" y="5740"/>
                  </a:cubicBezTo>
                  <a:cubicBezTo>
                    <a:pt x="5740" y="5689"/>
                    <a:pt x="5815" y="5639"/>
                    <a:pt x="5815" y="5564"/>
                  </a:cubicBezTo>
                  <a:cubicBezTo>
                    <a:pt x="5916" y="5514"/>
                    <a:pt x="6091" y="5514"/>
                    <a:pt x="6141" y="5414"/>
                  </a:cubicBezTo>
                  <a:cubicBezTo>
                    <a:pt x="6191" y="5339"/>
                    <a:pt x="6317" y="5113"/>
                    <a:pt x="6367" y="5013"/>
                  </a:cubicBezTo>
                  <a:cubicBezTo>
                    <a:pt x="6417" y="4887"/>
                    <a:pt x="6642" y="4612"/>
                    <a:pt x="6768" y="4436"/>
                  </a:cubicBezTo>
                  <a:cubicBezTo>
                    <a:pt x="6818" y="4336"/>
                    <a:pt x="6868" y="4060"/>
                    <a:pt x="6918" y="3935"/>
                  </a:cubicBezTo>
                  <a:cubicBezTo>
                    <a:pt x="6993" y="3835"/>
                    <a:pt x="7093" y="3709"/>
                    <a:pt x="7093" y="3659"/>
                  </a:cubicBezTo>
                  <a:cubicBezTo>
                    <a:pt x="7093" y="3534"/>
                    <a:pt x="7093" y="3434"/>
                    <a:pt x="7043" y="3308"/>
                  </a:cubicBezTo>
                  <a:cubicBezTo>
                    <a:pt x="7043" y="3258"/>
                    <a:pt x="6918" y="3158"/>
                    <a:pt x="6918" y="3083"/>
                  </a:cubicBezTo>
                  <a:cubicBezTo>
                    <a:pt x="6918" y="3033"/>
                    <a:pt x="7043" y="2932"/>
                    <a:pt x="7043" y="2857"/>
                  </a:cubicBezTo>
                  <a:cubicBezTo>
                    <a:pt x="7043" y="2757"/>
                    <a:pt x="7043" y="2582"/>
                    <a:pt x="6993" y="2481"/>
                  </a:cubicBezTo>
                  <a:cubicBezTo>
                    <a:pt x="6918" y="2431"/>
                    <a:pt x="6768" y="2431"/>
                    <a:pt x="6768" y="2356"/>
                  </a:cubicBezTo>
                  <a:cubicBezTo>
                    <a:pt x="6692" y="2306"/>
                    <a:pt x="6642" y="2206"/>
                    <a:pt x="6692" y="2130"/>
                  </a:cubicBezTo>
                  <a:cubicBezTo>
                    <a:pt x="6692" y="2080"/>
                    <a:pt x="6818" y="2030"/>
                    <a:pt x="6818" y="1980"/>
                  </a:cubicBezTo>
                  <a:cubicBezTo>
                    <a:pt x="6868" y="1855"/>
                    <a:pt x="6868" y="1629"/>
                    <a:pt x="6918" y="1529"/>
                  </a:cubicBezTo>
                  <a:cubicBezTo>
                    <a:pt x="6993" y="1454"/>
                    <a:pt x="7219" y="1454"/>
                    <a:pt x="7269" y="1404"/>
                  </a:cubicBezTo>
                  <a:lnTo>
                    <a:pt x="7545" y="1404"/>
                  </a:lnTo>
                  <a:cubicBezTo>
                    <a:pt x="7595" y="1454"/>
                    <a:pt x="7720" y="1529"/>
                    <a:pt x="7770" y="1579"/>
                  </a:cubicBezTo>
                  <a:cubicBezTo>
                    <a:pt x="7770" y="1629"/>
                    <a:pt x="7770" y="1805"/>
                    <a:pt x="7820" y="1855"/>
                  </a:cubicBezTo>
                  <a:cubicBezTo>
                    <a:pt x="7895" y="1905"/>
                    <a:pt x="8121" y="1905"/>
                    <a:pt x="8171" y="1905"/>
                  </a:cubicBezTo>
                  <a:cubicBezTo>
                    <a:pt x="8221" y="1855"/>
                    <a:pt x="8271" y="1755"/>
                    <a:pt x="8271" y="1679"/>
                  </a:cubicBezTo>
                  <a:cubicBezTo>
                    <a:pt x="8271" y="1629"/>
                    <a:pt x="8271" y="1529"/>
                    <a:pt x="8347" y="1454"/>
                  </a:cubicBezTo>
                  <a:lnTo>
                    <a:pt x="8497" y="1404"/>
                  </a:lnTo>
                  <a:cubicBezTo>
                    <a:pt x="8622" y="1454"/>
                    <a:pt x="8622" y="1629"/>
                    <a:pt x="8622" y="1679"/>
                  </a:cubicBezTo>
                  <a:lnTo>
                    <a:pt x="8622" y="2256"/>
                  </a:lnTo>
                  <a:cubicBezTo>
                    <a:pt x="8622" y="2356"/>
                    <a:pt x="8497" y="2582"/>
                    <a:pt x="8497" y="2757"/>
                  </a:cubicBezTo>
                  <a:cubicBezTo>
                    <a:pt x="8497" y="2807"/>
                    <a:pt x="8572" y="2983"/>
                    <a:pt x="8622" y="3033"/>
                  </a:cubicBezTo>
                  <a:cubicBezTo>
                    <a:pt x="8622" y="3158"/>
                    <a:pt x="8848" y="3208"/>
                    <a:pt x="8898" y="3258"/>
                  </a:cubicBezTo>
                  <a:cubicBezTo>
                    <a:pt x="8948" y="3384"/>
                    <a:pt x="8898" y="3609"/>
                    <a:pt x="8948" y="3659"/>
                  </a:cubicBezTo>
                  <a:cubicBezTo>
                    <a:pt x="9023" y="3760"/>
                    <a:pt x="9124" y="3885"/>
                    <a:pt x="9174" y="3935"/>
                  </a:cubicBezTo>
                  <a:cubicBezTo>
                    <a:pt x="9299" y="3935"/>
                    <a:pt x="9525" y="3885"/>
                    <a:pt x="9625" y="3885"/>
                  </a:cubicBezTo>
                  <a:cubicBezTo>
                    <a:pt x="9750" y="3935"/>
                    <a:pt x="9850" y="3985"/>
                    <a:pt x="9976" y="3985"/>
                  </a:cubicBezTo>
                  <a:cubicBezTo>
                    <a:pt x="10026" y="3985"/>
                    <a:pt x="10076" y="3885"/>
                    <a:pt x="10126" y="3885"/>
                  </a:cubicBezTo>
                  <a:cubicBezTo>
                    <a:pt x="10251" y="3885"/>
                    <a:pt x="10352" y="4060"/>
                    <a:pt x="10427" y="3985"/>
                  </a:cubicBezTo>
                  <a:cubicBezTo>
                    <a:pt x="10477" y="3985"/>
                    <a:pt x="10577" y="3835"/>
                    <a:pt x="10577" y="3760"/>
                  </a:cubicBezTo>
                  <a:cubicBezTo>
                    <a:pt x="10652" y="3659"/>
                    <a:pt x="10652" y="3434"/>
                    <a:pt x="10703" y="3384"/>
                  </a:cubicBezTo>
                  <a:cubicBezTo>
                    <a:pt x="10753" y="3308"/>
                    <a:pt x="10928" y="3384"/>
                    <a:pt x="10978" y="3384"/>
                  </a:cubicBezTo>
                  <a:cubicBezTo>
                    <a:pt x="11028" y="3384"/>
                    <a:pt x="11154" y="3484"/>
                    <a:pt x="11204" y="3484"/>
                  </a:cubicBezTo>
                  <a:cubicBezTo>
                    <a:pt x="11254" y="3484"/>
                    <a:pt x="11429" y="3308"/>
                    <a:pt x="11479" y="3308"/>
                  </a:cubicBezTo>
                  <a:cubicBezTo>
                    <a:pt x="11479" y="3258"/>
                    <a:pt x="11555" y="3208"/>
                    <a:pt x="11555" y="3158"/>
                  </a:cubicBezTo>
                  <a:cubicBezTo>
                    <a:pt x="11605" y="3158"/>
                    <a:pt x="11780" y="3158"/>
                    <a:pt x="11830" y="3083"/>
                  </a:cubicBezTo>
                  <a:cubicBezTo>
                    <a:pt x="11880" y="3033"/>
                    <a:pt x="12006" y="2932"/>
                    <a:pt x="12056" y="2932"/>
                  </a:cubicBezTo>
                  <a:lnTo>
                    <a:pt x="12281" y="2932"/>
                  </a:lnTo>
                  <a:cubicBezTo>
                    <a:pt x="12332" y="2983"/>
                    <a:pt x="12332" y="3208"/>
                    <a:pt x="12382" y="3208"/>
                  </a:cubicBezTo>
                  <a:cubicBezTo>
                    <a:pt x="12507" y="3258"/>
                    <a:pt x="12682" y="3158"/>
                    <a:pt x="12733" y="3208"/>
                  </a:cubicBezTo>
                  <a:cubicBezTo>
                    <a:pt x="12783" y="3208"/>
                    <a:pt x="12908" y="3308"/>
                    <a:pt x="12958" y="3384"/>
                  </a:cubicBezTo>
                  <a:cubicBezTo>
                    <a:pt x="12958" y="3484"/>
                    <a:pt x="12958" y="3659"/>
                    <a:pt x="13008" y="3760"/>
                  </a:cubicBezTo>
                  <a:cubicBezTo>
                    <a:pt x="13008" y="3835"/>
                    <a:pt x="13134" y="3985"/>
                    <a:pt x="13184" y="4060"/>
                  </a:cubicBezTo>
                  <a:cubicBezTo>
                    <a:pt x="13234" y="4110"/>
                    <a:pt x="13459" y="4060"/>
                    <a:pt x="13510" y="4161"/>
                  </a:cubicBezTo>
                  <a:cubicBezTo>
                    <a:pt x="13560" y="4161"/>
                    <a:pt x="13560" y="4286"/>
                    <a:pt x="13560" y="4336"/>
                  </a:cubicBezTo>
                  <a:cubicBezTo>
                    <a:pt x="13635" y="4386"/>
                    <a:pt x="13560" y="4436"/>
                    <a:pt x="13560" y="4511"/>
                  </a:cubicBezTo>
                  <a:cubicBezTo>
                    <a:pt x="13635" y="4562"/>
                    <a:pt x="13685" y="4737"/>
                    <a:pt x="13735" y="4737"/>
                  </a:cubicBezTo>
                  <a:cubicBezTo>
                    <a:pt x="13860" y="4787"/>
                    <a:pt x="14086" y="4837"/>
                    <a:pt x="14136" y="4837"/>
                  </a:cubicBezTo>
                  <a:cubicBezTo>
                    <a:pt x="14236" y="4787"/>
                    <a:pt x="14412" y="4737"/>
                    <a:pt x="14462" y="4612"/>
                  </a:cubicBezTo>
                  <a:cubicBezTo>
                    <a:pt x="14537" y="4562"/>
                    <a:pt x="14587" y="4386"/>
                    <a:pt x="14587" y="4286"/>
                  </a:cubicBezTo>
                  <a:cubicBezTo>
                    <a:pt x="14587" y="4161"/>
                    <a:pt x="14462" y="3935"/>
                    <a:pt x="14412" y="3885"/>
                  </a:cubicBezTo>
                  <a:cubicBezTo>
                    <a:pt x="14362" y="3835"/>
                    <a:pt x="14186" y="3760"/>
                    <a:pt x="14086" y="3709"/>
                  </a:cubicBezTo>
                  <a:cubicBezTo>
                    <a:pt x="14011" y="3659"/>
                    <a:pt x="13911" y="3534"/>
                    <a:pt x="13860" y="3434"/>
                  </a:cubicBezTo>
                  <a:lnTo>
                    <a:pt x="13911" y="3308"/>
                  </a:lnTo>
                  <a:cubicBezTo>
                    <a:pt x="13911" y="3208"/>
                    <a:pt x="13785" y="3083"/>
                    <a:pt x="13785" y="3033"/>
                  </a:cubicBezTo>
                  <a:cubicBezTo>
                    <a:pt x="13860" y="3033"/>
                    <a:pt x="13911" y="2932"/>
                    <a:pt x="13961" y="2932"/>
                  </a:cubicBezTo>
                  <a:cubicBezTo>
                    <a:pt x="14086" y="2857"/>
                    <a:pt x="14236" y="2932"/>
                    <a:pt x="14362" y="2857"/>
                  </a:cubicBezTo>
                  <a:cubicBezTo>
                    <a:pt x="14412" y="2857"/>
                    <a:pt x="14537" y="2707"/>
                    <a:pt x="14537" y="2582"/>
                  </a:cubicBezTo>
                  <a:cubicBezTo>
                    <a:pt x="14537" y="2531"/>
                    <a:pt x="14362" y="2431"/>
                    <a:pt x="14312" y="2356"/>
                  </a:cubicBezTo>
                  <a:cubicBezTo>
                    <a:pt x="14236" y="2306"/>
                    <a:pt x="14136" y="2256"/>
                    <a:pt x="14086" y="2256"/>
                  </a:cubicBezTo>
                  <a:cubicBezTo>
                    <a:pt x="14011" y="2206"/>
                    <a:pt x="13911" y="2306"/>
                    <a:pt x="13860" y="2356"/>
                  </a:cubicBezTo>
                  <a:cubicBezTo>
                    <a:pt x="13735" y="2356"/>
                    <a:pt x="13560" y="2356"/>
                    <a:pt x="13510" y="2306"/>
                  </a:cubicBezTo>
                  <a:cubicBezTo>
                    <a:pt x="13409" y="2206"/>
                    <a:pt x="13510" y="1805"/>
                    <a:pt x="13459" y="1629"/>
                  </a:cubicBezTo>
                  <a:cubicBezTo>
                    <a:pt x="13459" y="1579"/>
                    <a:pt x="13409" y="1404"/>
                    <a:pt x="13409" y="1303"/>
                  </a:cubicBezTo>
                  <a:cubicBezTo>
                    <a:pt x="13409" y="1178"/>
                    <a:pt x="13510" y="1003"/>
                    <a:pt x="13560" y="902"/>
                  </a:cubicBezTo>
                  <a:cubicBezTo>
                    <a:pt x="13560" y="777"/>
                    <a:pt x="13735" y="677"/>
                    <a:pt x="13735" y="627"/>
                  </a:cubicBezTo>
                  <a:cubicBezTo>
                    <a:pt x="13785" y="501"/>
                    <a:pt x="13785" y="326"/>
                    <a:pt x="13860" y="276"/>
                  </a:cubicBezTo>
                  <a:cubicBezTo>
                    <a:pt x="13911" y="176"/>
                    <a:pt x="14136" y="100"/>
                    <a:pt x="14236" y="50"/>
                  </a:cubicBezTo>
                  <a:cubicBezTo>
                    <a:pt x="14362" y="50"/>
                    <a:pt x="14537" y="0"/>
                    <a:pt x="14637" y="0"/>
                  </a:cubicBezTo>
                  <a:cubicBezTo>
                    <a:pt x="14687" y="0"/>
                    <a:pt x="14863" y="0"/>
                    <a:pt x="14913" y="50"/>
                  </a:cubicBezTo>
                  <a:cubicBezTo>
                    <a:pt x="14988" y="50"/>
                    <a:pt x="15088" y="226"/>
                    <a:pt x="15088" y="326"/>
                  </a:cubicBezTo>
                  <a:cubicBezTo>
                    <a:pt x="15088" y="401"/>
                    <a:pt x="15038" y="552"/>
                    <a:pt x="15038" y="627"/>
                  </a:cubicBezTo>
                  <a:cubicBezTo>
                    <a:pt x="15088" y="727"/>
                    <a:pt x="15264" y="777"/>
                    <a:pt x="15364" y="852"/>
                  </a:cubicBezTo>
                  <a:cubicBezTo>
                    <a:pt x="15439" y="902"/>
                    <a:pt x="15540" y="953"/>
                    <a:pt x="15590" y="953"/>
                  </a:cubicBezTo>
                  <a:cubicBezTo>
                    <a:pt x="15665" y="953"/>
                    <a:pt x="15765" y="902"/>
                    <a:pt x="15815" y="852"/>
                  </a:cubicBezTo>
                  <a:cubicBezTo>
                    <a:pt x="15891" y="777"/>
                    <a:pt x="15941" y="627"/>
                    <a:pt x="15991" y="552"/>
                  </a:cubicBezTo>
                  <a:cubicBezTo>
                    <a:pt x="16041" y="552"/>
                    <a:pt x="16166" y="677"/>
                    <a:pt x="16216" y="677"/>
                  </a:cubicBezTo>
                  <a:cubicBezTo>
                    <a:pt x="16266" y="727"/>
                    <a:pt x="16442" y="727"/>
                    <a:pt x="16442" y="777"/>
                  </a:cubicBezTo>
                  <a:cubicBezTo>
                    <a:pt x="16492" y="852"/>
                    <a:pt x="16492" y="953"/>
                    <a:pt x="16492" y="1003"/>
                  </a:cubicBezTo>
                  <a:cubicBezTo>
                    <a:pt x="16567" y="1078"/>
                    <a:pt x="16617" y="1078"/>
                    <a:pt x="16667" y="1128"/>
                  </a:cubicBezTo>
                  <a:lnTo>
                    <a:pt x="16667" y="1228"/>
                  </a:lnTo>
                  <a:cubicBezTo>
                    <a:pt x="16667" y="1303"/>
                    <a:pt x="16718" y="1454"/>
                    <a:pt x="16793" y="1529"/>
                  </a:cubicBezTo>
                  <a:cubicBezTo>
                    <a:pt x="16893" y="1579"/>
                    <a:pt x="17169" y="1354"/>
                    <a:pt x="17294" y="1404"/>
                  </a:cubicBezTo>
                  <a:cubicBezTo>
                    <a:pt x="17394" y="1404"/>
                    <a:pt x="17620" y="1579"/>
                    <a:pt x="17670" y="1679"/>
                  </a:cubicBezTo>
                  <a:cubicBezTo>
                    <a:pt x="17745" y="1805"/>
                    <a:pt x="17795" y="1980"/>
                    <a:pt x="17795" y="2080"/>
                  </a:cubicBezTo>
                  <a:cubicBezTo>
                    <a:pt x="17795" y="2206"/>
                    <a:pt x="17745" y="2356"/>
                    <a:pt x="17745" y="2431"/>
                  </a:cubicBezTo>
                  <a:cubicBezTo>
                    <a:pt x="17745" y="2531"/>
                    <a:pt x="17896" y="2657"/>
                    <a:pt x="17896" y="2707"/>
                  </a:cubicBezTo>
                  <a:cubicBezTo>
                    <a:pt x="17896" y="2807"/>
                    <a:pt x="17896" y="2983"/>
                    <a:pt x="17845" y="3033"/>
                  </a:cubicBezTo>
                  <a:cubicBezTo>
                    <a:pt x="17745" y="3033"/>
                    <a:pt x="17620" y="2857"/>
                    <a:pt x="17520" y="2857"/>
                  </a:cubicBezTo>
                  <a:cubicBezTo>
                    <a:pt x="17394" y="2857"/>
                    <a:pt x="17068" y="2857"/>
                    <a:pt x="16943" y="2983"/>
                  </a:cubicBezTo>
                  <a:cubicBezTo>
                    <a:pt x="16843" y="3033"/>
                    <a:pt x="16718" y="3208"/>
                    <a:pt x="16718" y="3308"/>
                  </a:cubicBezTo>
                  <a:cubicBezTo>
                    <a:pt x="16718" y="3384"/>
                    <a:pt x="16843" y="3534"/>
                    <a:pt x="16893" y="3609"/>
                  </a:cubicBezTo>
                  <a:cubicBezTo>
                    <a:pt x="16993" y="3659"/>
                    <a:pt x="17294" y="3534"/>
                    <a:pt x="17394" y="3659"/>
                  </a:cubicBezTo>
                  <a:cubicBezTo>
                    <a:pt x="17444" y="3760"/>
                    <a:pt x="17344" y="4110"/>
                    <a:pt x="17344" y="4211"/>
                  </a:cubicBezTo>
                  <a:cubicBezTo>
                    <a:pt x="17344" y="4511"/>
                    <a:pt x="17394" y="5013"/>
                    <a:pt x="17394" y="5288"/>
                  </a:cubicBezTo>
                  <a:cubicBezTo>
                    <a:pt x="17344" y="5464"/>
                    <a:pt x="17169" y="5865"/>
                    <a:pt x="17119" y="6015"/>
                  </a:cubicBezTo>
                  <a:cubicBezTo>
                    <a:pt x="16993" y="6241"/>
                    <a:pt x="16843" y="6642"/>
                    <a:pt x="16793" y="6867"/>
                  </a:cubicBezTo>
                  <a:cubicBezTo>
                    <a:pt x="16667" y="6968"/>
                    <a:pt x="16492" y="7193"/>
                    <a:pt x="16442" y="7318"/>
                  </a:cubicBezTo>
                  <a:cubicBezTo>
                    <a:pt x="16342" y="7494"/>
                    <a:pt x="16216" y="7770"/>
                    <a:pt x="16266" y="7945"/>
                  </a:cubicBezTo>
                  <a:cubicBezTo>
                    <a:pt x="16266" y="8045"/>
                    <a:pt x="16342" y="8171"/>
                    <a:pt x="16392" y="8271"/>
                  </a:cubicBezTo>
                  <a:cubicBezTo>
                    <a:pt x="16442" y="8321"/>
                    <a:pt x="16617" y="8446"/>
                    <a:pt x="16667" y="8496"/>
                  </a:cubicBezTo>
                  <a:cubicBezTo>
                    <a:pt x="16718" y="8622"/>
                    <a:pt x="16793" y="8897"/>
                    <a:pt x="16793" y="9073"/>
                  </a:cubicBezTo>
                  <a:cubicBezTo>
                    <a:pt x="16843" y="9173"/>
                    <a:pt x="16843" y="9399"/>
                    <a:pt x="16893" y="9524"/>
                  </a:cubicBezTo>
                  <a:cubicBezTo>
                    <a:pt x="16893" y="9624"/>
                    <a:pt x="16993" y="9850"/>
                    <a:pt x="17068" y="9900"/>
                  </a:cubicBezTo>
                  <a:cubicBezTo>
                    <a:pt x="17169" y="10075"/>
                    <a:pt x="17520" y="10351"/>
                    <a:pt x="17670" y="10426"/>
                  </a:cubicBezTo>
                  <a:cubicBezTo>
                    <a:pt x="17795" y="10426"/>
                    <a:pt x="18021" y="10251"/>
                    <a:pt x="18071" y="10201"/>
                  </a:cubicBezTo>
                  <a:cubicBezTo>
                    <a:pt x="18121" y="10075"/>
                    <a:pt x="18121" y="9850"/>
                    <a:pt x="18196" y="9800"/>
                  </a:cubicBezTo>
                  <a:cubicBezTo>
                    <a:pt x="18246" y="9674"/>
                    <a:pt x="18422" y="9624"/>
                    <a:pt x="18472" y="9574"/>
                  </a:cubicBezTo>
                  <a:cubicBezTo>
                    <a:pt x="18572" y="9574"/>
                    <a:pt x="18798" y="9574"/>
                    <a:pt x="18923" y="9624"/>
                  </a:cubicBezTo>
                  <a:cubicBezTo>
                    <a:pt x="19023" y="9674"/>
                    <a:pt x="19199" y="9850"/>
                    <a:pt x="19249" y="9900"/>
                  </a:cubicBezTo>
                  <a:cubicBezTo>
                    <a:pt x="19249" y="9975"/>
                    <a:pt x="19249" y="9975"/>
                    <a:pt x="19324" y="9975"/>
                  </a:cubicBezTo>
                  <a:close/>
                </a:path>
              </a:pathLst>
            </a:custGeom>
            <a:noFill/>
            <a:ln w="7525" cap="flat" cmpd="sng">
              <a:solidFill>
                <a:srgbClr val="110502"/>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138" name="Google Shape;195;p16">
              <a:extLst>
                <a:ext uri="{FF2B5EF4-FFF2-40B4-BE49-F238E27FC236}">
                  <a16:creationId xmlns:a16="http://schemas.microsoft.com/office/drawing/2014/main" id="{6A37D7A4-9E95-8274-76F8-BF9DF3A2C4BA}"/>
                </a:ext>
              </a:extLst>
            </p:cNvPr>
            <p:cNvSpPr/>
            <p:nvPr/>
          </p:nvSpPr>
          <p:spPr>
            <a:xfrm>
              <a:off x="1284346" y="1254726"/>
              <a:ext cx="622588" cy="835235"/>
            </a:xfrm>
            <a:custGeom>
              <a:avLst/>
              <a:gdLst/>
              <a:ahLst/>
              <a:cxnLst/>
              <a:rect l="l" t="t" r="r" b="b"/>
              <a:pathLst>
                <a:path w="22307" h="29926" extrusionOk="0">
                  <a:moveTo>
                    <a:pt x="22181" y="22608"/>
                  </a:moveTo>
                  <a:cubicBezTo>
                    <a:pt x="22231" y="22608"/>
                    <a:pt x="22231" y="22708"/>
                    <a:pt x="22306" y="22833"/>
                  </a:cubicBezTo>
                  <a:cubicBezTo>
                    <a:pt x="22231" y="22933"/>
                    <a:pt x="22181" y="23059"/>
                    <a:pt x="22131" y="23109"/>
                  </a:cubicBezTo>
                  <a:cubicBezTo>
                    <a:pt x="22080" y="23234"/>
                    <a:pt x="21905" y="23385"/>
                    <a:pt x="21855" y="23560"/>
                  </a:cubicBezTo>
                  <a:lnTo>
                    <a:pt x="21629" y="23560"/>
                  </a:lnTo>
                  <a:cubicBezTo>
                    <a:pt x="21504" y="23560"/>
                    <a:pt x="21228" y="23510"/>
                    <a:pt x="21178" y="23460"/>
                  </a:cubicBezTo>
                  <a:cubicBezTo>
                    <a:pt x="21053" y="23334"/>
                    <a:pt x="20953" y="23109"/>
                    <a:pt x="20877" y="23009"/>
                  </a:cubicBezTo>
                  <a:cubicBezTo>
                    <a:pt x="20827" y="22933"/>
                    <a:pt x="20652" y="22883"/>
                    <a:pt x="20602" y="22833"/>
                  </a:cubicBezTo>
                  <a:cubicBezTo>
                    <a:pt x="20426" y="22783"/>
                    <a:pt x="20151" y="22783"/>
                    <a:pt x="20050" y="22783"/>
                  </a:cubicBezTo>
                  <a:cubicBezTo>
                    <a:pt x="19925" y="22833"/>
                    <a:pt x="19649" y="22833"/>
                    <a:pt x="19599" y="22933"/>
                  </a:cubicBezTo>
                  <a:cubicBezTo>
                    <a:pt x="19474" y="23009"/>
                    <a:pt x="19474" y="23284"/>
                    <a:pt x="19424" y="23385"/>
                  </a:cubicBezTo>
                  <a:cubicBezTo>
                    <a:pt x="19374" y="23610"/>
                    <a:pt x="19198" y="24011"/>
                    <a:pt x="19023" y="24136"/>
                  </a:cubicBezTo>
                  <a:cubicBezTo>
                    <a:pt x="18923" y="24237"/>
                    <a:pt x="18572" y="24237"/>
                    <a:pt x="18421" y="24237"/>
                  </a:cubicBezTo>
                  <a:cubicBezTo>
                    <a:pt x="18346" y="24287"/>
                    <a:pt x="18196" y="24362"/>
                    <a:pt x="18070" y="24287"/>
                  </a:cubicBezTo>
                  <a:cubicBezTo>
                    <a:pt x="18020" y="24237"/>
                    <a:pt x="18070" y="23961"/>
                    <a:pt x="17970" y="23836"/>
                  </a:cubicBezTo>
                  <a:cubicBezTo>
                    <a:pt x="17895" y="23786"/>
                    <a:pt x="17745" y="23786"/>
                    <a:pt x="17669" y="23735"/>
                  </a:cubicBezTo>
                  <a:cubicBezTo>
                    <a:pt x="17519" y="23735"/>
                    <a:pt x="17218" y="23786"/>
                    <a:pt x="17068" y="23836"/>
                  </a:cubicBezTo>
                  <a:cubicBezTo>
                    <a:pt x="16993" y="23836"/>
                    <a:pt x="16842" y="23961"/>
                    <a:pt x="16767" y="24011"/>
                  </a:cubicBezTo>
                  <a:cubicBezTo>
                    <a:pt x="16667" y="24061"/>
                    <a:pt x="16617" y="24287"/>
                    <a:pt x="16491" y="24362"/>
                  </a:cubicBezTo>
                  <a:cubicBezTo>
                    <a:pt x="16316" y="24462"/>
                    <a:pt x="15940" y="24462"/>
                    <a:pt x="15715" y="24512"/>
                  </a:cubicBezTo>
                  <a:cubicBezTo>
                    <a:pt x="15589" y="24512"/>
                    <a:pt x="15364" y="24412"/>
                    <a:pt x="15263" y="24462"/>
                  </a:cubicBezTo>
                  <a:cubicBezTo>
                    <a:pt x="15138" y="24512"/>
                    <a:pt x="15038" y="24688"/>
                    <a:pt x="14988" y="24813"/>
                  </a:cubicBezTo>
                  <a:cubicBezTo>
                    <a:pt x="14913" y="24863"/>
                    <a:pt x="14862" y="25089"/>
                    <a:pt x="14812" y="25139"/>
                  </a:cubicBezTo>
                  <a:cubicBezTo>
                    <a:pt x="14762" y="25189"/>
                    <a:pt x="14687" y="25365"/>
                    <a:pt x="14587" y="25415"/>
                  </a:cubicBezTo>
                  <a:cubicBezTo>
                    <a:pt x="14461" y="25415"/>
                    <a:pt x="14236" y="25365"/>
                    <a:pt x="14136" y="25264"/>
                  </a:cubicBezTo>
                  <a:cubicBezTo>
                    <a:pt x="14010" y="25189"/>
                    <a:pt x="13960" y="24863"/>
                    <a:pt x="13860" y="24738"/>
                  </a:cubicBezTo>
                  <a:cubicBezTo>
                    <a:pt x="13860" y="24688"/>
                    <a:pt x="13684" y="24638"/>
                    <a:pt x="13634" y="24638"/>
                  </a:cubicBezTo>
                  <a:cubicBezTo>
                    <a:pt x="13509" y="24638"/>
                    <a:pt x="13409" y="24813"/>
                    <a:pt x="13334" y="24863"/>
                  </a:cubicBezTo>
                  <a:cubicBezTo>
                    <a:pt x="13233" y="25039"/>
                    <a:pt x="13183" y="25490"/>
                    <a:pt x="13108" y="25640"/>
                  </a:cubicBezTo>
                  <a:cubicBezTo>
                    <a:pt x="13058" y="25866"/>
                    <a:pt x="12882" y="26267"/>
                    <a:pt x="12782" y="26442"/>
                  </a:cubicBezTo>
                  <a:cubicBezTo>
                    <a:pt x="12657" y="26542"/>
                    <a:pt x="12331" y="26768"/>
                    <a:pt x="12206" y="26893"/>
                  </a:cubicBezTo>
                  <a:cubicBezTo>
                    <a:pt x="12156" y="26943"/>
                    <a:pt x="12105" y="27069"/>
                    <a:pt x="12105" y="27169"/>
                  </a:cubicBezTo>
                  <a:cubicBezTo>
                    <a:pt x="12105" y="27219"/>
                    <a:pt x="12156" y="27344"/>
                    <a:pt x="12206" y="27395"/>
                  </a:cubicBezTo>
                  <a:cubicBezTo>
                    <a:pt x="12206" y="27445"/>
                    <a:pt x="12281" y="27620"/>
                    <a:pt x="12281" y="27670"/>
                  </a:cubicBezTo>
                  <a:cubicBezTo>
                    <a:pt x="12281" y="27796"/>
                    <a:pt x="12105" y="27971"/>
                    <a:pt x="12105" y="28071"/>
                  </a:cubicBezTo>
                  <a:lnTo>
                    <a:pt x="12105" y="28347"/>
                  </a:lnTo>
                  <a:cubicBezTo>
                    <a:pt x="12156" y="28472"/>
                    <a:pt x="12156" y="28698"/>
                    <a:pt x="12105" y="28798"/>
                  </a:cubicBezTo>
                  <a:cubicBezTo>
                    <a:pt x="12055" y="28923"/>
                    <a:pt x="11830" y="28923"/>
                    <a:pt x="11755" y="28974"/>
                  </a:cubicBezTo>
                  <a:cubicBezTo>
                    <a:pt x="11654" y="29099"/>
                    <a:pt x="11429" y="29199"/>
                    <a:pt x="11303" y="29324"/>
                  </a:cubicBezTo>
                  <a:cubicBezTo>
                    <a:pt x="11253" y="29375"/>
                    <a:pt x="11253" y="29550"/>
                    <a:pt x="11203" y="29600"/>
                  </a:cubicBezTo>
                  <a:cubicBezTo>
                    <a:pt x="11103" y="29650"/>
                    <a:pt x="10877" y="29650"/>
                    <a:pt x="10752" y="29650"/>
                  </a:cubicBezTo>
                  <a:cubicBezTo>
                    <a:pt x="10652" y="29650"/>
                    <a:pt x="10426" y="29550"/>
                    <a:pt x="10251" y="29550"/>
                  </a:cubicBezTo>
                  <a:lnTo>
                    <a:pt x="9975" y="29550"/>
                  </a:lnTo>
                  <a:cubicBezTo>
                    <a:pt x="9850" y="29475"/>
                    <a:pt x="9750" y="29249"/>
                    <a:pt x="9624" y="29249"/>
                  </a:cubicBezTo>
                  <a:cubicBezTo>
                    <a:pt x="9524" y="29249"/>
                    <a:pt x="9349" y="29425"/>
                    <a:pt x="9298" y="29475"/>
                  </a:cubicBezTo>
                  <a:cubicBezTo>
                    <a:pt x="9223" y="29600"/>
                    <a:pt x="9223" y="29776"/>
                    <a:pt x="9173" y="29826"/>
                  </a:cubicBezTo>
                  <a:cubicBezTo>
                    <a:pt x="9073" y="29876"/>
                    <a:pt x="8897" y="29926"/>
                    <a:pt x="8847" y="29876"/>
                  </a:cubicBezTo>
                  <a:cubicBezTo>
                    <a:pt x="8772" y="29876"/>
                    <a:pt x="8722" y="29826"/>
                    <a:pt x="8672" y="29776"/>
                  </a:cubicBezTo>
                  <a:cubicBezTo>
                    <a:pt x="8772" y="29700"/>
                    <a:pt x="8948" y="29600"/>
                    <a:pt x="8948" y="29550"/>
                  </a:cubicBezTo>
                  <a:cubicBezTo>
                    <a:pt x="8998" y="29425"/>
                    <a:pt x="8998" y="29199"/>
                    <a:pt x="8998" y="29099"/>
                  </a:cubicBezTo>
                  <a:cubicBezTo>
                    <a:pt x="8948" y="28974"/>
                    <a:pt x="8772" y="28873"/>
                    <a:pt x="8722" y="28798"/>
                  </a:cubicBezTo>
                  <a:cubicBezTo>
                    <a:pt x="8672" y="28748"/>
                    <a:pt x="8547" y="28573"/>
                    <a:pt x="8547" y="28522"/>
                  </a:cubicBezTo>
                  <a:cubicBezTo>
                    <a:pt x="8622" y="28422"/>
                    <a:pt x="8722" y="28297"/>
                    <a:pt x="8722" y="28197"/>
                  </a:cubicBezTo>
                  <a:cubicBezTo>
                    <a:pt x="8722" y="28121"/>
                    <a:pt x="8672" y="28071"/>
                    <a:pt x="8622" y="28071"/>
                  </a:cubicBezTo>
                  <a:cubicBezTo>
                    <a:pt x="8547" y="28021"/>
                    <a:pt x="8446" y="27971"/>
                    <a:pt x="8396" y="28021"/>
                  </a:cubicBezTo>
                  <a:cubicBezTo>
                    <a:pt x="8321" y="28021"/>
                    <a:pt x="8321" y="28247"/>
                    <a:pt x="8271" y="28297"/>
                  </a:cubicBezTo>
                  <a:cubicBezTo>
                    <a:pt x="8095" y="28347"/>
                    <a:pt x="7820" y="28247"/>
                    <a:pt x="7719" y="28247"/>
                  </a:cubicBezTo>
                  <a:cubicBezTo>
                    <a:pt x="7544" y="28247"/>
                    <a:pt x="7318" y="28347"/>
                    <a:pt x="7143" y="28472"/>
                  </a:cubicBezTo>
                  <a:cubicBezTo>
                    <a:pt x="7093" y="28522"/>
                    <a:pt x="6968" y="28698"/>
                    <a:pt x="6867" y="28698"/>
                  </a:cubicBezTo>
                  <a:cubicBezTo>
                    <a:pt x="6817" y="28698"/>
                    <a:pt x="6642" y="28573"/>
                    <a:pt x="6542" y="28573"/>
                  </a:cubicBezTo>
                  <a:cubicBezTo>
                    <a:pt x="6466" y="28522"/>
                    <a:pt x="6241" y="28573"/>
                    <a:pt x="6191" y="28573"/>
                  </a:cubicBezTo>
                  <a:cubicBezTo>
                    <a:pt x="6090" y="28573"/>
                    <a:pt x="5915" y="28698"/>
                    <a:pt x="5865" y="28698"/>
                  </a:cubicBezTo>
                  <a:cubicBezTo>
                    <a:pt x="5740" y="28648"/>
                    <a:pt x="5639" y="28472"/>
                    <a:pt x="5514" y="28472"/>
                  </a:cubicBezTo>
                  <a:cubicBezTo>
                    <a:pt x="5414" y="28422"/>
                    <a:pt x="5238" y="28422"/>
                    <a:pt x="5113" y="28347"/>
                  </a:cubicBezTo>
                  <a:cubicBezTo>
                    <a:pt x="5063" y="28297"/>
                    <a:pt x="4963" y="28121"/>
                    <a:pt x="4887" y="28071"/>
                  </a:cubicBezTo>
                  <a:cubicBezTo>
                    <a:pt x="4787" y="28021"/>
                    <a:pt x="4612" y="28021"/>
                    <a:pt x="4511" y="27971"/>
                  </a:cubicBezTo>
                  <a:cubicBezTo>
                    <a:pt x="4436" y="27896"/>
                    <a:pt x="4336" y="27846"/>
                    <a:pt x="4286" y="27796"/>
                  </a:cubicBezTo>
                  <a:cubicBezTo>
                    <a:pt x="4286" y="27745"/>
                    <a:pt x="4211" y="27620"/>
                    <a:pt x="4161" y="27570"/>
                  </a:cubicBezTo>
                  <a:cubicBezTo>
                    <a:pt x="4161" y="27570"/>
                    <a:pt x="4060" y="27445"/>
                    <a:pt x="3985" y="27445"/>
                  </a:cubicBezTo>
                  <a:cubicBezTo>
                    <a:pt x="3985" y="27520"/>
                    <a:pt x="3935" y="27570"/>
                    <a:pt x="3935" y="27570"/>
                  </a:cubicBezTo>
                  <a:cubicBezTo>
                    <a:pt x="3835" y="27570"/>
                    <a:pt x="3659" y="27395"/>
                    <a:pt x="3609" y="27344"/>
                  </a:cubicBezTo>
                  <a:cubicBezTo>
                    <a:pt x="3484" y="27294"/>
                    <a:pt x="3384" y="27219"/>
                    <a:pt x="3258" y="27219"/>
                  </a:cubicBezTo>
                  <a:cubicBezTo>
                    <a:pt x="3208" y="27169"/>
                    <a:pt x="2983" y="27294"/>
                    <a:pt x="2857" y="27294"/>
                  </a:cubicBezTo>
                  <a:cubicBezTo>
                    <a:pt x="2807" y="27294"/>
                    <a:pt x="2757" y="27119"/>
                    <a:pt x="2707" y="27069"/>
                  </a:cubicBezTo>
                  <a:cubicBezTo>
                    <a:pt x="2632" y="26994"/>
                    <a:pt x="2707" y="26768"/>
                    <a:pt x="2707" y="26668"/>
                  </a:cubicBezTo>
                  <a:lnTo>
                    <a:pt x="2707" y="26492"/>
                  </a:lnTo>
                  <a:cubicBezTo>
                    <a:pt x="2707" y="26392"/>
                    <a:pt x="2531" y="26217"/>
                    <a:pt x="2481" y="26167"/>
                  </a:cubicBezTo>
                  <a:cubicBezTo>
                    <a:pt x="2356" y="26091"/>
                    <a:pt x="2130" y="26091"/>
                    <a:pt x="2080" y="26041"/>
                  </a:cubicBezTo>
                  <a:cubicBezTo>
                    <a:pt x="1955" y="25941"/>
                    <a:pt x="1905" y="25590"/>
                    <a:pt x="1905" y="25490"/>
                  </a:cubicBezTo>
                  <a:cubicBezTo>
                    <a:pt x="1855" y="25365"/>
                    <a:pt x="1855" y="25139"/>
                    <a:pt x="1905" y="25039"/>
                  </a:cubicBezTo>
                  <a:cubicBezTo>
                    <a:pt x="1905" y="24913"/>
                    <a:pt x="1905" y="24813"/>
                    <a:pt x="1955" y="24738"/>
                  </a:cubicBezTo>
                  <a:cubicBezTo>
                    <a:pt x="2030" y="24688"/>
                    <a:pt x="2130" y="24638"/>
                    <a:pt x="2181" y="24588"/>
                  </a:cubicBezTo>
                  <a:lnTo>
                    <a:pt x="2181" y="24412"/>
                  </a:lnTo>
                  <a:cubicBezTo>
                    <a:pt x="2181" y="24362"/>
                    <a:pt x="1955" y="24237"/>
                    <a:pt x="1905" y="24187"/>
                  </a:cubicBezTo>
                  <a:cubicBezTo>
                    <a:pt x="1855" y="24136"/>
                    <a:pt x="1755" y="23961"/>
                    <a:pt x="1755" y="23911"/>
                  </a:cubicBezTo>
                  <a:cubicBezTo>
                    <a:pt x="1679" y="23786"/>
                    <a:pt x="1755" y="23510"/>
                    <a:pt x="1755" y="23385"/>
                  </a:cubicBezTo>
                  <a:cubicBezTo>
                    <a:pt x="1805" y="23284"/>
                    <a:pt x="1855" y="23159"/>
                    <a:pt x="1905" y="23109"/>
                  </a:cubicBezTo>
                  <a:cubicBezTo>
                    <a:pt x="1955" y="23059"/>
                    <a:pt x="2080" y="23009"/>
                    <a:pt x="2130" y="22933"/>
                  </a:cubicBezTo>
                  <a:cubicBezTo>
                    <a:pt x="2256" y="22833"/>
                    <a:pt x="2356" y="22608"/>
                    <a:pt x="2481" y="22482"/>
                  </a:cubicBezTo>
                  <a:cubicBezTo>
                    <a:pt x="2531" y="22432"/>
                    <a:pt x="2632" y="22257"/>
                    <a:pt x="2632" y="22156"/>
                  </a:cubicBezTo>
                  <a:cubicBezTo>
                    <a:pt x="2707" y="22031"/>
                    <a:pt x="2531" y="21881"/>
                    <a:pt x="2582" y="21755"/>
                  </a:cubicBezTo>
                  <a:cubicBezTo>
                    <a:pt x="2582" y="21655"/>
                    <a:pt x="2707" y="21530"/>
                    <a:pt x="2757" y="21480"/>
                  </a:cubicBezTo>
                  <a:cubicBezTo>
                    <a:pt x="2807" y="21480"/>
                    <a:pt x="2983" y="21354"/>
                    <a:pt x="3083" y="21430"/>
                  </a:cubicBezTo>
                  <a:cubicBezTo>
                    <a:pt x="3158" y="21430"/>
                    <a:pt x="3208" y="21530"/>
                    <a:pt x="3258" y="21580"/>
                  </a:cubicBezTo>
                  <a:cubicBezTo>
                    <a:pt x="3384" y="21655"/>
                    <a:pt x="3534" y="21705"/>
                    <a:pt x="3609" y="21655"/>
                  </a:cubicBezTo>
                  <a:cubicBezTo>
                    <a:pt x="3659" y="21530"/>
                    <a:pt x="3484" y="21254"/>
                    <a:pt x="3484" y="21154"/>
                  </a:cubicBezTo>
                  <a:cubicBezTo>
                    <a:pt x="3434" y="21029"/>
                    <a:pt x="3208" y="20803"/>
                    <a:pt x="3208" y="20628"/>
                  </a:cubicBezTo>
                  <a:cubicBezTo>
                    <a:pt x="3158" y="20578"/>
                    <a:pt x="3158" y="20352"/>
                    <a:pt x="3208" y="20252"/>
                  </a:cubicBezTo>
                  <a:cubicBezTo>
                    <a:pt x="3208" y="20126"/>
                    <a:pt x="3258" y="19901"/>
                    <a:pt x="3208" y="19851"/>
                  </a:cubicBezTo>
                  <a:cubicBezTo>
                    <a:pt x="3208" y="19725"/>
                    <a:pt x="2983" y="19625"/>
                    <a:pt x="2857" y="19500"/>
                  </a:cubicBezTo>
                  <a:cubicBezTo>
                    <a:pt x="2807" y="19450"/>
                    <a:pt x="2757" y="19349"/>
                    <a:pt x="2707" y="19274"/>
                  </a:cubicBezTo>
                  <a:lnTo>
                    <a:pt x="2481" y="19274"/>
                  </a:lnTo>
                  <a:cubicBezTo>
                    <a:pt x="2406" y="19349"/>
                    <a:pt x="2356" y="19450"/>
                    <a:pt x="2306" y="19500"/>
                  </a:cubicBezTo>
                  <a:cubicBezTo>
                    <a:pt x="2256" y="19575"/>
                    <a:pt x="2130" y="19575"/>
                    <a:pt x="2080" y="19575"/>
                  </a:cubicBezTo>
                  <a:cubicBezTo>
                    <a:pt x="1955" y="19500"/>
                    <a:pt x="1955" y="19349"/>
                    <a:pt x="1905" y="19349"/>
                  </a:cubicBezTo>
                  <a:cubicBezTo>
                    <a:pt x="1805" y="19274"/>
                    <a:pt x="1629" y="19274"/>
                    <a:pt x="1529" y="19224"/>
                  </a:cubicBezTo>
                  <a:cubicBezTo>
                    <a:pt x="1404" y="19224"/>
                    <a:pt x="1303" y="19049"/>
                    <a:pt x="1228" y="18999"/>
                  </a:cubicBezTo>
                  <a:cubicBezTo>
                    <a:pt x="1178" y="18948"/>
                    <a:pt x="1078" y="18823"/>
                    <a:pt x="1003" y="18773"/>
                  </a:cubicBezTo>
                  <a:lnTo>
                    <a:pt x="1003" y="18447"/>
                  </a:lnTo>
                  <a:cubicBezTo>
                    <a:pt x="1003" y="18372"/>
                    <a:pt x="1078" y="18272"/>
                    <a:pt x="1078" y="18222"/>
                  </a:cubicBezTo>
                  <a:cubicBezTo>
                    <a:pt x="1128" y="18146"/>
                    <a:pt x="1003" y="17996"/>
                    <a:pt x="1003" y="17921"/>
                  </a:cubicBezTo>
                  <a:cubicBezTo>
                    <a:pt x="1003" y="17871"/>
                    <a:pt x="953" y="17695"/>
                    <a:pt x="953" y="17645"/>
                  </a:cubicBezTo>
                  <a:cubicBezTo>
                    <a:pt x="953" y="17595"/>
                    <a:pt x="1003" y="17470"/>
                    <a:pt x="953" y="17420"/>
                  </a:cubicBezTo>
                  <a:lnTo>
                    <a:pt x="852" y="17319"/>
                  </a:lnTo>
                  <a:cubicBezTo>
                    <a:pt x="727" y="17319"/>
                    <a:pt x="627" y="17369"/>
                    <a:pt x="552" y="17369"/>
                  </a:cubicBezTo>
                  <a:cubicBezTo>
                    <a:pt x="501" y="17319"/>
                    <a:pt x="326" y="17319"/>
                    <a:pt x="326" y="17244"/>
                  </a:cubicBezTo>
                  <a:cubicBezTo>
                    <a:pt x="276" y="17144"/>
                    <a:pt x="276" y="16968"/>
                    <a:pt x="276" y="16918"/>
                  </a:cubicBezTo>
                  <a:cubicBezTo>
                    <a:pt x="226" y="16793"/>
                    <a:pt x="100" y="16693"/>
                    <a:pt x="50" y="16643"/>
                  </a:cubicBezTo>
                  <a:cubicBezTo>
                    <a:pt x="50" y="16567"/>
                    <a:pt x="0" y="16417"/>
                    <a:pt x="0" y="16342"/>
                  </a:cubicBezTo>
                  <a:cubicBezTo>
                    <a:pt x="0" y="16242"/>
                    <a:pt x="176" y="16016"/>
                    <a:pt x="226" y="15966"/>
                  </a:cubicBezTo>
                  <a:cubicBezTo>
                    <a:pt x="276" y="15891"/>
                    <a:pt x="451" y="15841"/>
                    <a:pt x="501" y="15841"/>
                  </a:cubicBezTo>
                  <a:cubicBezTo>
                    <a:pt x="627" y="15791"/>
                    <a:pt x="777" y="15966"/>
                    <a:pt x="852" y="15966"/>
                  </a:cubicBezTo>
                  <a:cubicBezTo>
                    <a:pt x="902" y="15891"/>
                    <a:pt x="953" y="15891"/>
                    <a:pt x="1003" y="15841"/>
                  </a:cubicBezTo>
                  <a:cubicBezTo>
                    <a:pt x="1078" y="15841"/>
                    <a:pt x="1128" y="15740"/>
                    <a:pt x="1178" y="15665"/>
                  </a:cubicBezTo>
                  <a:cubicBezTo>
                    <a:pt x="1228" y="15665"/>
                    <a:pt x="1404" y="15740"/>
                    <a:pt x="1454" y="15740"/>
                  </a:cubicBezTo>
                  <a:cubicBezTo>
                    <a:pt x="1529" y="15791"/>
                    <a:pt x="1579" y="15966"/>
                    <a:pt x="1629" y="16016"/>
                  </a:cubicBezTo>
                  <a:cubicBezTo>
                    <a:pt x="1679" y="16016"/>
                    <a:pt x="1855" y="15966"/>
                    <a:pt x="1905" y="15966"/>
                  </a:cubicBezTo>
                  <a:cubicBezTo>
                    <a:pt x="1955" y="15891"/>
                    <a:pt x="2080" y="15841"/>
                    <a:pt x="2130" y="15791"/>
                  </a:cubicBezTo>
                  <a:cubicBezTo>
                    <a:pt x="2181" y="15791"/>
                    <a:pt x="2181" y="15665"/>
                    <a:pt x="2181" y="15615"/>
                  </a:cubicBezTo>
                  <a:cubicBezTo>
                    <a:pt x="2306" y="15565"/>
                    <a:pt x="2481" y="15665"/>
                    <a:pt x="2531" y="15615"/>
                  </a:cubicBezTo>
                  <a:cubicBezTo>
                    <a:pt x="2632" y="15615"/>
                    <a:pt x="2757" y="15565"/>
                    <a:pt x="2807" y="15515"/>
                  </a:cubicBezTo>
                  <a:cubicBezTo>
                    <a:pt x="2807" y="15390"/>
                    <a:pt x="2632" y="15214"/>
                    <a:pt x="2707" y="15164"/>
                  </a:cubicBezTo>
                  <a:cubicBezTo>
                    <a:pt x="2757" y="15064"/>
                    <a:pt x="2932" y="14989"/>
                    <a:pt x="2983" y="14938"/>
                  </a:cubicBezTo>
                  <a:cubicBezTo>
                    <a:pt x="3083" y="14938"/>
                    <a:pt x="3384" y="14888"/>
                    <a:pt x="3484" y="14888"/>
                  </a:cubicBezTo>
                  <a:cubicBezTo>
                    <a:pt x="3609" y="14888"/>
                    <a:pt x="3709" y="14938"/>
                    <a:pt x="3760" y="14938"/>
                  </a:cubicBezTo>
                  <a:lnTo>
                    <a:pt x="3985" y="14938"/>
                  </a:lnTo>
                  <a:cubicBezTo>
                    <a:pt x="4060" y="14888"/>
                    <a:pt x="4060" y="14838"/>
                    <a:pt x="4110" y="14763"/>
                  </a:cubicBezTo>
                  <a:cubicBezTo>
                    <a:pt x="4110" y="14713"/>
                    <a:pt x="4336" y="14713"/>
                    <a:pt x="4336" y="14663"/>
                  </a:cubicBezTo>
                  <a:cubicBezTo>
                    <a:pt x="4386" y="14537"/>
                    <a:pt x="4386" y="14312"/>
                    <a:pt x="4336" y="14262"/>
                  </a:cubicBezTo>
                  <a:cubicBezTo>
                    <a:pt x="4336" y="14161"/>
                    <a:pt x="4161" y="13986"/>
                    <a:pt x="4110" y="13936"/>
                  </a:cubicBezTo>
                  <a:cubicBezTo>
                    <a:pt x="4110" y="13811"/>
                    <a:pt x="3985" y="13635"/>
                    <a:pt x="4060" y="13585"/>
                  </a:cubicBezTo>
                  <a:cubicBezTo>
                    <a:pt x="4060" y="13485"/>
                    <a:pt x="4211" y="13359"/>
                    <a:pt x="4336" y="13309"/>
                  </a:cubicBezTo>
                  <a:cubicBezTo>
                    <a:pt x="4386" y="13259"/>
                    <a:pt x="4511" y="13309"/>
                    <a:pt x="4562" y="13309"/>
                  </a:cubicBezTo>
                  <a:cubicBezTo>
                    <a:pt x="4612" y="13259"/>
                    <a:pt x="4787" y="13259"/>
                    <a:pt x="4837" y="13184"/>
                  </a:cubicBezTo>
                  <a:cubicBezTo>
                    <a:pt x="4887" y="13134"/>
                    <a:pt x="4837" y="12908"/>
                    <a:pt x="4787" y="12858"/>
                  </a:cubicBezTo>
                  <a:cubicBezTo>
                    <a:pt x="4787" y="12808"/>
                    <a:pt x="4662" y="12683"/>
                    <a:pt x="4662" y="12633"/>
                  </a:cubicBezTo>
                  <a:cubicBezTo>
                    <a:pt x="4662" y="12582"/>
                    <a:pt x="4612" y="12507"/>
                    <a:pt x="4612" y="12457"/>
                  </a:cubicBezTo>
                  <a:lnTo>
                    <a:pt x="4837" y="12457"/>
                  </a:lnTo>
                  <a:cubicBezTo>
                    <a:pt x="4887" y="12507"/>
                    <a:pt x="5013" y="12633"/>
                    <a:pt x="5113" y="12633"/>
                  </a:cubicBezTo>
                  <a:cubicBezTo>
                    <a:pt x="5188" y="12633"/>
                    <a:pt x="5339" y="12507"/>
                    <a:pt x="5414" y="12457"/>
                  </a:cubicBezTo>
                  <a:cubicBezTo>
                    <a:pt x="5414" y="12407"/>
                    <a:pt x="5464" y="12282"/>
                    <a:pt x="5514" y="12282"/>
                  </a:cubicBezTo>
                  <a:cubicBezTo>
                    <a:pt x="5639" y="12181"/>
                    <a:pt x="5865" y="12006"/>
                    <a:pt x="5965" y="11956"/>
                  </a:cubicBezTo>
                  <a:cubicBezTo>
                    <a:pt x="6090" y="11956"/>
                    <a:pt x="6241" y="12006"/>
                    <a:pt x="6366" y="11956"/>
                  </a:cubicBezTo>
                  <a:cubicBezTo>
                    <a:pt x="6466" y="11906"/>
                    <a:pt x="6642" y="11780"/>
                    <a:pt x="6742" y="11680"/>
                  </a:cubicBezTo>
                  <a:cubicBezTo>
                    <a:pt x="6817" y="11605"/>
                    <a:pt x="6917" y="11455"/>
                    <a:pt x="6968" y="11379"/>
                  </a:cubicBezTo>
                  <a:cubicBezTo>
                    <a:pt x="7043" y="11329"/>
                    <a:pt x="7143" y="11154"/>
                    <a:pt x="7193" y="11154"/>
                  </a:cubicBezTo>
                  <a:cubicBezTo>
                    <a:pt x="7268" y="11104"/>
                    <a:pt x="7494" y="11104"/>
                    <a:pt x="7594" y="11104"/>
                  </a:cubicBezTo>
                  <a:cubicBezTo>
                    <a:pt x="7644" y="11104"/>
                    <a:pt x="7820" y="11229"/>
                    <a:pt x="7945" y="11229"/>
                  </a:cubicBezTo>
                  <a:cubicBezTo>
                    <a:pt x="8095" y="11279"/>
                    <a:pt x="8396" y="11229"/>
                    <a:pt x="8496" y="11229"/>
                  </a:cubicBezTo>
                  <a:cubicBezTo>
                    <a:pt x="8622" y="11229"/>
                    <a:pt x="8772" y="11329"/>
                    <a:pt x="8897" y="11329"/>
                  </a:cubicBezTo>
                  <a:cubicBezTo>
                    <a:pt x="8948" y="11329"/>
                    <a:pt x="9173" y="11379"/>
                    <a:pt x="9298" y="11379"/>
                  </a:cubicBezTo>
                  <a:cubicBezTo>
                    <a:pt x="9399" y="11329"/>
                    <a:pt x="9574" y="11229"/>
                    <a:pt x="9624" y="11154"/>
                  </a:cubicBezTo>
                  <a:cubicBezTo>
                    <a:pt x="9674" y="11104"/>
                    <a:pt x="9800" y="10828"/>
                    <a:pt x="9900" y="10778"/>
                  </a:cubicBezTo>
                  <a:cubicBezTo>
                    <a:pt x="10025" y="10703"/>
                    <a:pt x="10201" y="10828"/>
                    <a:pt x="10301" y="10778"/>
                  </a:cubicBezTo>
                  <a:cubicBezTo>
                    <a:pt x="10426" y="10778"/>
                    <a:pt x="10652" y="10653"/>
                    <a:pt x="10702" y="10603"/>
                  </a:cubicBezTo>
                  <a:cubicBezTo>
                    <a:pt x="10752" y="10552"/>
                    <a:pt x="10702" y="10327"/>
                    <a:pt x="10702" y="10252"/>
                  </a:cubicBezTo>
                  <a:cubicBezTo>
                    <a:pt x="10652" y="10202"/>
                    <a:pt x="10527" y="10101"/>
                    <a:pt x="10476" y="10026"/>
                  </a:cubicBezTo>
                  <a:cubicBezTo>
                    <a:pt x="10476" y="9976"/>
                    <a:pt x="10426" y="9926"/>
                    <a:pt x="10426" y="9876"/>
                  </a:cubicBezTo>
                  <a:cubicBezTo>
                    <a:pt x="10476" y="9801"/>
                    <a:pt x="10652" y="9750"/>
                    <a:pt x="10652" y="9700"/>
                  </a:cubicBezTo>
                  <a:cubicBezTo>
                    <a:pt x="10702" y="9575"/>
                    <a:pt x="10652" y="9475"/>
                    <a:pt x="10652" y="9425"/>
                  </a:cubicBezTo>
                  <a:cubicBezTo>
                    <a:pt x="10577" y="9299"/>
                    <a:pt x="10301" y="9124"/>
                    <a:pt x="10251" y="9024"/>
                  </a:cubicBezTo>
                  <a:cubicBezTo>
                    <a:pt x="10126" y="8973"/>
                    <a:pt x="9975" y="8798"/>
                    <a:pt x="9900" y="8673"/>
                  </a:cubicBezTo>
                  <a:cubicBezTo>
                    <a:pt x="9900" y="8572"/>
                    <a:pt x="9975" y="8347"/>
                    <a:pt x="10025" y="8222"/>
                  </a:cubicBezTo>
                  <a:cubicBezTo>
                    <a:pt x="10075" y="8121"/>
                    <a:pt x="10301" y="7946"/>
                    <a:pt x="10301" y="7846"/>
                  </a:cubicBezTo>
                  <a:cubicBezTo>
                    <a:pt x="10301" y="7720"/>
                    <a:pt x="10126" y="7620"/>
                    <a:pt x="10075" y="7545"/>
                  </a:cubicBezTo>
                  <a:cubicBezTo>
                    <a:pt x="10025" y="7445"/>
                    <a:pt x="9900" y="7269"/>
                    <a:pt x="9850" y="7169"/>
                  </a:cubicBezTo>
                  <a:lnTo>
                    <a:pt x="9850" y="6818"/>
                  </a:lnTo>
                  <a:lnTo>
                    <a:pt x="9850" y="6542"/>
                  </a:lnTo>
                  <a:lnTo>
                    <a:pt x="10075" y="6542"/>
                  </a:lnTo>
                  <a:cubicBezTo>
                    <a:pt x="10126" y="6542"/>
                    <a:pt x="10251" y="6542"/>
                    <a:pt x="10301" y="6592"/>
                  </a:cubicBezTo>
                  <a:cubicBezTo>
                    <a:pt x="10351" y="6592"/>
                    <a:pt x="10527" y="6643"/>
                    <a:pt x="10577" y="6643"/>
                  </a:cubicBezTo>
                  <a:cubicBezTo>
                    <a:pt x="10652" y="6643"/>
                    <a:pt x="10752" y="6542"/>
                    <a:pt x="10802" y="6542"/>
                  </a:cubicBezTo>
                  <a:cubicBezTo>
                    <a:pt x="10877" y="6417"/>
                    <a:pt x="10802" y="6191"/>
                    <a:pt x="10802" y="6091"/>
                  </a:cubicBezTo>
                  <a:cubicBezTo>
                    <a:pt x="10877" y="5966"/>
                    <a:pt x="11028" y="5765"/>
                    <a:pt x="11153" y="5690"/>
                  </a:cubicBezTo>
                  <a:cubicBezTo>
                    <a:pt x="11253" y="5590"/>
                    <a:pt x="11604" y="5640"/>
                    <a:pt x="11755" y="5540"/>
                  </a:cubicBezTo>
                  <a:cubicBezTo>
                    <a:pt x="11830" y="5540"/>
                    <a:pt x="12055" y="5364"/>
                    <a:pt x="12105" y="5239"/>
                  </a:cubicBezTo>
                  <a:cubicBezTo>
                    <a:pt x="12156" y="5139"/>
                    <a:pt x="12105" y="4738"/>
                    <a:pt x="12156" y="4562"/>
                  </a:cubicBezTo>
                  <a:cubicBezTo>
                    <a:pt x="12206" y="4462"/>
                    <a:pt x="12381" y="4237"/>
                    <a:pt x="12506" y="4186"/>
                  </a:cubicBezTo>
                  <a:cubicBezTo>
                    <a:pt x="12607" y="4186"/>
                    <a:pt x="12782" y="4237"/>
                    <a:pt x="12882" y="4186"/>
                  </a:cubicBezTo>
                  <a:cubicBezTo>
                    <a:pt x="12882" y="4111"/>
                    <a:pt x="12882" y="3961"/>
                    <a:pt x="12958" y="3886"/>
                  </a:cubicBezTo>
                  <a:cubicBezTo>
                    <a:pt x="13008" y="3886"/>
                    <a:pt x="13183" y="3886"/>
                    <a:pt x="13233" y="3836"/>
                  </a:cubicBezTo>
                  <a:cubicBezTo>
                    <a:pt x="13283" y="3785"/>
                    <a:pt x="13409" y="3560"/>
                    <a:pt x="13409" y="3510"/>
                  </a:cubicBezTo>
                  <a:cubicBezTo>
                    <a:pt x="13409" y="3384"/>
                    <a:pt x="13283" y="3284"/>
                    <a:pt x="13233" y="3159"/>
                  </a:cubicBezTo>
                  <a:cubicBezTo>
                    <a:pt x="13233" y="3059"/>
                    <a:pt x="13233" y="2833"/>
                    <a:pt x="13183" y="2758"/>
                  </a:cubicBezTo>
                  <a:cubicBezTo>
                    <a:pt x="13108" y="2708"/>
                    <a:pt x="13058" y="2708"/>
                    <a:pt x="13008" y="2658"/>
                  </a:cubicBezTo>
                  <a:cubicBezTo>
                    <a:pt x="12958" y="2607"/>
                    <a:pt x="12832" y="2482"/>
                    <a:pt x="12832" y="2432"/>
                  </a:cubicBezTo>
                  <a:lnTo>
                    <a:pt x="12832" y="2257"/>
                  </a:lnTo>
                  <a:cubicBezTo>
                    <a:pt x="12882" y="2156"/>
                    <a:pt x="13108" y="2156"/>
                    <a:pt x="13183" y="2031"/>
                  </a:cubicBezTo>
                  <a:lnTo>
                    <a:pt x="13183" y="1931"/>
                  </a:lnTo>
                  <a:cubicBezTo>
                    <a:pt x="13283" y="1856"/>
                    <a:pt x="13509" y="1981"/>
                    <a:pt x="13559" y="1931"/>
                  </a:cubicBezTo>
                  <a:cubicBezTo>
                    <a:pt x="13684" y="1931"/>
                    <a:pt x="13785" y="1805"/>
                    <a:pt x="13860" y="1755"/>
                  </a:cubicBezTo>
                  <a:cubicBezTo>
                    <a:pt x="13860" y="1705"/>
                    <a:pt x="13860" y="1530"/>
                    <a:pt x="13910" y="1480"/>
                  </a:cubicBezTo>
                  <a:cubicBezTo>
                    <a:pt x="13960" y="1404"/>
                    <a:pt x="14136" y="1530"/>
                    <a:pt x="14186" y="1480"/>
                  </a:cubicBezTo>
                  <a:cubicBezTo>
                    <a:pt x="14236" y="1404"/>
                    <a:pt x="14186" y="1179"/>
                    <a:pt x="14311" y="1129"/>
                  </a:cubicBezTo>
                  <a:cubicBezTo>
                    <a:pt x="14361" y="1079"/>
                    <a:pt x="14587" y="1179"/>
                    <a:pt x="14637" y="1129"/>
                  </a:cubicBezTo>
                  <a:cubicBezTo>
                    <a:pt x="14687" y="1079"/>
                    <a:pt x="14637" y="903"/>
                    <a:pt x="14637" y="853"/>
                  </a:cubicBezTo>
                  <a:cubicBezTo>
                    <a:pt x="14637" y="728"/>
                    <a:pt x="14537" y="577"/>
                    <a:pt x="14537" y="502"/>
                  </a:cubicBezTo>
                  <a:cubicBezTo>
                    <a:pt x="14587" y="402"/>
                    <a:pt x="14812" y="352"/>
                    <a:pt x="14862" y="352"/>
                  </a:cubicBezTo>
                  <a:cubicBezTo>
                    <a:pt x="15038" y="227"/>
                    <a:pt x="15263" y="51"/>
                    <a:pt x="15364" y="51"/>
                  </a:cubicBezTo>
                  <a:cubicBezTo>
                    <a:pt x="15489" y="1"/>
                    <a:pt x="15715" y="51"/>
                    <a:pt x="15815" y="126"/>
                  </a:cubicBezTo>
                  <a:cubicBezTo>
                    <a:pt x="15865" y="227"/>
                    <a:pt x="15865" y="452"/>
                    <a:pt x="15865" y="577"/>
                  </a:cubicBezTo>
                  <a:cubicBezTo>
                    <a:pt x="15865" y="628"/>
                    <a:pt x="15940" y="853"/>
                    <a:pt x="15940" y="903"/>
                  </a:cubicBezTo>
                  <a:cubicBezTo>
                    <a:pt x="15940" y="1029"/>
                    <a:pt x="15865" y="1129"/>
                    <a:pt x="15865" y="1179"/>
                  </a:cubicBezTo>
                  <a:cubicBezTo>
                    <a:pt x="15815" y="1304"/>
                    <a:pt x="15940" y="1480"/>
                    <a:pt x="15865" y="1580"/>
                  </a:cubicBezTo>
                  <a:cubicBezTo>
                    <a:pt x="15865" y="1630"/>
                    <a:pt x="15715" y="1755"/>
                    <a:pt x="15715" y="1805"/>
                  </a:cubicBezTo>
                  <a:cubicBezTo>
                    <a:pt x="15664" y="1931"/>
                    <a:pt x="15664" y="2156"/>
                    <a:pt x="15664" y="2257"/>
                  </a:cubicBezTo>
                  <a:cubicBezTo>
                    <a:pt x="15715" y="2382"/>
                    <a:pt x="15765" y="2532"/>
                    <a:pt x="15815" y="2607"/>
                  </a:cubicBezTo>
                  <a:cubicBezTo>
                    <a:pt x="15940" y="2708"/>
                    <a:pt x="16216" y="2758"/>
                    <a:pt x="16266" y="2883"/>
                  </a:cubicBezTo>
                  <a:cubicBezTo>
                    <a:pt x="16316" y="2933"/>
                    <a:pt x="16391" y="3159"/>
                    <a:pt x="16441" y="3209"/>
                  </a:cubicBezTo>
                  <a:cubicBezTo>
                    <a:pt x="16491" y="3284"/>
                    <a:pt x="16667" y="3384"/>
                    <a:pt x="16717" y="3435"/>
                  </a:cubicBezTo>
                  <a:cubicBezTo>
                    <a:pt x="16767" y="3435"/>
                    <a:pt x="16892" y="3560"/>
                    <a:pt x="16943" y="3610"/>
                  </a:cubicBezTo>
                  <a:cubicBezTo>
                    <a:pt x="16993" y="3660"/>
                    <a:pt x="17168" y="3785"/>
                    <a:pt x="17218" y="3836"/>
                  </a:cubicBezTo>
                  <a:cubicBezTo>
                    <a:pt x="17293" y="3886"/>
                    <a:pt x="17344" y="4061"/>
                    <a:pt x="17444" y="4111"/>
                  </a:cubicBezTo>
                  <a:cubicBezTo>
                    <a:pt x="17394" y="4237"/>
                    <a:pt x="17293" y="4337"/>
                    <a:pt x="17218" y="4412"/>
                  </a:cubicBezTo>
                  <a:cubicBezTo>
                    <a:pt x="17168" y="4462"/>
                    <a:pt x="17168" y="4638"/>
                    <a:pt x="17168" y="4688"/>
                  </a:cubicBezTo>
                  <a:cubicBezTo>
                    <a:pt x="17118" y="4863"/>
                    <a:pt x="17293" y="5139"/>
                    <a:pt x="17293" y="5314"/>
                  </a:cubicBezTo>
                  <a:cubicBezTo>
                    <a:pt x="17293" y="5465"/>
                    <a:pt x="17293" y="5866"/>
                    <a:pt x="17218" y="5966"/>
                  </a:cubicBezTo>
                  <a:cubicBezTo>
                    <a:pt x="17168" y="6141"/>
                    <a:pt x="16892" y="6367"/>
                    <a:pt x="16842" y="6542"/>
                  </a:cubicBezTo>
                  <a:cubicBezTo>
                    <a:pt x="16767" y="6643"/>
                    <a:pt x="16667" y="6993"/>
                    <a:pt x="16542" y="7094"/>
                  </a:cubicBezTo>
                  <a:cubicBezTo>
                    <a:pt x="16491" y="7219"/>
                    <a:pt x="16316" y="7445"/>
                    <a:pt x="16266" y="7545"/>
                  </a:cubicBezTo>
                  <a:cubicBezTo>
                    <a:pt x="16166" y="7720"/>
                    <a:pt x="16166" y="8171"/>
                    <a:pt x="16090" y="8397"/>
                  </a:cubicBezTo>
                  <a:cubicBezTo>
                    <a:pt x="16040" y="8572"/>
                    <a:pt x="15865" y="8973"/>
                    <a:pt x="15865" y="9124"/>
                  </a:cubicBezTo>
                  <a:cubicBezTo>
                    <a:pt x="15865" y="9199"/>
                    <a:pt x="15940" y="9349"/>
                    <a:pt x="15990" y="9425"/>
                  </a:cubicBezTo>
                  <a:cubicBezTo>
                    <a:pt x="16040" y="9525"/>
                    <a:pt x="16316" y="9650"/>
                    <a:pt x="16391" y="9700"/>
                  </a:cubicBezTo>
                  <a:cubicBezTo>
                    <a:pt x="16491" y="9750"/>
                    <a:pt x="16617" y="9926"/>
                    <a:pt x="16667" y="9976"/>
                  </a:cubicBezTo>
                  <a:cubicBezTo>
                    <a:pt x="16717" y="10101"/>
                    <a:pt x="16717" y="10327"/>
                    <a:pt x="16767" y="10427"/>
                  </a:cubicBezTo>
                  <a:cubicBezTo>
                    <a:pt x="16842" y="10552"/>
                    <a:pt x="17068" y="10653"/>
                    <a:pt x="17118" y="10778"/>
                  </a:cubicBezTo>
                  <a:cubicBezTo>
                    <a:pt x="17218" y="10878"/>
                    <a:pt x="17293" y="11154"/>
                    <a:pt x="17344" y="11279"/>
                  </a:cubicBezTo>
                  <a:cubicBezTo>
                    <a:pt x="17394" y="11505"/>
                    <a:pt x="17444" y="11831"/>
                    <a:pt x="17519" y="12006"/>
                  </a:cubicBezTo>
                  <a:cubicBezTo>
                    <a:pt x="17569" y="12181"/>
                    <a:pt x="17745" y="12457"/>
                    <a:pt x="17845" y="12582"/>
                  </a:cubicBezTo>
                  <a:cubicBezTo>
                    <a:pt x="17895" y="12683"/>
                    <a:pt x="18121" y="12858"/>
                    <a:pt x="18246" y="12958"/>
                  </a:cubicBezTo>
                  <a:cubicBezTo>
                    <a:pt x="18296" y="13084"/>
                    <a:pt x="18471" y="13410"/>
                    <a:pt x="18471" y="13585"/>
                  </a:cubicBezTo>
                  <a:cubicBezTo>
                    <a:pt x="18471" y="13710"/>
                    <a:pt x="18421" y="13861"/>
                    <a:pt x="18346" y="13986"/>
                  </a:cubicBezTo>
                  <a:cubicBezTo>
                    <a:pt x="18246" y="14036"/>
                    <a:pt x="18070" y="14086"/>
                    <a:pt x="18020" y="14161"/>
                  </a:cubicBezTo>
                  <a:cubicBezTo>
                    <a:pt x="17970" y="14161"/>
                    <a:pt x="17795" y="14161"/>
                    <a:pt x="17745" y="14212"/>
                  </a:cubicBezTo>
                  <a:cubicBezTo>
                    <a:pt x="17669" y="14262"/>
                    <a:pt x="17745" y="14437"/>
                    <a:pt x="17745" y="14537"/>
                  </a:cubicBezTo>
                  <a:lnTo>
                    <a:pt x="17745" y="14838"/>
                  </a:lnTo>
                  <a:cubicBezTo>
                    <a:pt x="17669" y="14888"/>
                    <a:pt x="17569" y="15114"/>
                    <a:pt x="17444" y="15114"/>
                  </a:cubicBezTo>
                  <a:cubicBezTo>
                    <a:pt x="17394" y="15114"/>
                    <a:pt x="17218" y="14989"/>
                    <a:pt x="17168" y="14888"/>
                  </a:cubicBezTo>
                  <a:cubicBezTo>
                    <a:pt x="17118" y="14838"/>
                    <a:pt x="17118" y="14713"/>
                    <a:pt x="17068" y="14663"/>
                  </a:cubicBezTo>
                  <a:cubicBezTo>
                    <a:pt x="16943" y="14613"/>
                    <a:pt x="16717" y="14613"/>
                    <a:pt x="16617" y="14613"/>
                  </a:cubicBezTo>
                  <a:cubicBezTo>
                    <a:pt x="16542" y="14613"/>
                    <a:pt x="16391" y="14713"/>
                    <a:pt x="16266" y="14763"/>
                  </a:cubicBezTo>
                  <a:cubicBezTo>
                    <a:pt x="16166" y="14838"/>
                    <a:pt x="15940" y="14763"/>
                    <a:pt x="15865" y="14838"/>
                  </a:cubicBezTo>
                  <a:cubicBezTo>
                    <a:pt x="15815" y="14938"/>
                    <a:pt x="15765" y="15114"/>
                    <a:pt x="15765" y="15214"/>
                  </a:cubicBezTo>
                  <a:lnTo>
                    <a:pt x="16040" y="15515"/>
                  </a:lnTo>
                  <a:cubicBezTo>
                    <a:pt x="16090" y="15615"/>
                    <a:pt x="16166" y="15841"/>
                    <a:pt x="16166" y="15966"/>
                  </a:cubicBezTo>
                  <a:cubicBezTo>
                    <a:pt x="16166" y="16066"/>
                    <a:pt x="16040" y="16242"/>
                    <a:pt x="16040" y="16342"/>
                  </a:cubicBezTo>
                  <a:cubicBezTo>
                    <a:pt x="16040" y="16517"/>
                    <a:pt x="15990" y="16793"/>
                    <a:pt x="16040" y="16968"/>
                  </a:cubicBezTo>
                  <a:cubicBezTo>
                    <a:pt x="16090" y="17019"/>
                    <a:pt x="16216" y="17094"/>
                    <a:pt x="16266" y="17144"/>
                  </a:cubicBezTo>
                  <a:cubicBezTo>
                    <a:pt x="16316" y="17194"/>
                    <a:pt x="16391" y="17369"/>
                    <a:pt x="16441" y="17420"/>
                  </a:cubicBezTo>
                  <a:cubicBezTo>
                    <a:pt x="16491" y="17470"/>
                    <a:pt x="16542" y="17695"/>
                    <a:pt x="16617" y="17821"/>
                  </a:cubicBezTo>
                  <a:cubicBezTo>
                    <a:pt x="16717" y="17921"/>
                    <a:pt x="16943" y="18096"/>
                    <a:pt x="17068" y="18146"/>
                  </a:cubicBezTo>
                  <a:cubicBezTo>
                    <a:pt x="17168" y="18272"/>
                    <a:pt x="17444" y="18372"/>
                    <a:pt x="17619" y="18372"/>
                  </a:cubicBezTo>
                  <a:cubicBezTo>
                    <a:pt x="17745" y="18372"/>
                    <a:pt x="17895" y="18222"/>
                    <a:pt x="17970" y="18146"/>
                  </a:cubicBezTo>
                  <a:cubicBezTo>
                    <a:pt x="18020" y="18096"/>
                    <a:pt x="18070" y="17921"/>
                    <a:pt x="18196" y="17921"/>
                  </a:cubicBezTo>
                  <a:cubicBezTo>
                    <a:pt x="18246" y="17871"/>
                    <a:pt x="18471" y="17921"/>
                    <a:pt x="18522" y="17921"/>
                  </a:cubicBezTo>
                  <a:cubicBezTo>
                    <a:pt x="18572" y="17996"/>
                    <a:pt x="18697" y="18046"/>
                    <a:pt x="18697" y="18096"/>
                  </a:cubicBezTo>
                  <a:cubicBezTo>
                    <a:pt x="18747" y="18146"/>
                    <a:pt x="18797" y="18372"/>
                    <a:pt x="18797" y="18447"/>
                  </a:cubicBezTo>
                  <a:cubicBezTo>
                    <a:pt x="18872" y="18547"/>
                    <a:pt x="18923" y="18723"/>
                    <a:pt x="18923" y="18773"/>
                  </a:cubicBezTo>
                  <a:cubicBezTo>
                    <a:pt x="18973" y="18823"/>
                    <a:pt x="19098" y="18948"/>
                    <a:pt x="19148" y="18999"/>
                  </a:cubicBezTo>
                  <a:cubicBezTo>
                    <a:pt x="19198" y="18999"/>
                    <a:pt x="19374" y="18898"/>
                    <a:pt x="19424" y="18898"/>
                  </a:cubicBezTo>
                  <a:cubicBezTo>
                    <a:pt x="19474" y="18898"/>
                    <a:pt x="19649" y="18948"/>
                    <a:pt x="19649" y="18999"/>
                  </a:cubicBezTo>
                  <a:cubicBezTo>
                    <a:pt x="19775" y="18999"/>
                    <a:pt x="19775" y="19224"/>
                    <a:pt x="19825" y="19274"/>
                  </a:cubicBezTo>
                  <a:cubicBezTo>
                    <a:pt x="19875" y="19349"/>
                    <a:pt x="20100" y="19450"/>
                    <a:pt x="20151" y="19500"/>
                  </a:cubicBezTo>
                  <a:cubicBezTo>
                    <a:pt x="20226" y="19575"/>
                    <a:pt x="20326" y="19725"/>
                    <a:pt x="20326" y="19851"/>
                  </a:cubicBezTo>
                  <a:cubicBezTo>
                    <a:pt x="20326" y="19901"/>
                    <a:pt x="20276" y="20076"/>
                    <a:pt x="20276" y="20126"/>
                  </a:cubicBezTo>
                  <a:cubicBezTo>
                    <a:pt x="20276" y="20302"/>
                    <a:pt x="20326" y="20578"/>
                    <a:pt x="20376" y="20703"/>
                  </a:cubicBezTo>
                  <a:cubicBezTo>
                    <a:pt x="20426" y="20803"/>
                    <a:pt x="20602" y="20979"/>
                    <a:pt x="20727" y="20979"/>
                  </a:cubicBezTo>
                  <a:cubicBezTo>
                    <a:pt x="20827" y="21029"/>
                    <a:pt x="21103" y="20928"/>
                    <a:pt x="21228" y="20979"/>
                  </a:cubicBezTo>
                  <a:cubicBezTo>
                    <a:pt x="21278" y="20979"/>
                    <a:pt x="21454" y="21029"/>
                    <a:pt x="21454" y="21029"/>
                  </a:cubicBezTo>
                  <a:cubicBezTo>
                    <a:pt x="21554" y="21154"/>
                    <a:pt x="21504" y="21354"/>
                    <a:pt x="21554" y="21480"/>
                  </a:cubicBezTo>
                  <a:cubicBezTo>
                    <a:pt x="21629" y="21580"/>
                    <a:pt x="21780" y="21806"/>
                    <a:pt x="21855" y="21931"/>
                  </a:cubicBezTo>
                  <a:cubicBezTo>
                    <a:pt x="21855" y="22031"/>
                    <a:pt x="21780" y="22332"/>
                    <a:pt x="21905" y="22382"/>
                  </a:cubicBezTo>
                  <a:cubicBezTo>
                    <a:pt x="21905" y="22482"/>
                    <a:pt x="22131" y="22482"/>
                    <a:pt x="22181" y="22608"/>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139" name="Google Shape;196;p16">
              <a:extLst>
                <a:ext uri="{FF2B5EF4-FFF2-40B4-BE49-F238E27FC236}">
                  <a16:creationId xmlns:a16="http://schemas.microsoft.com/office/drawing/2014/main" id="{7C1C4C35-84B3-C2FE-01D8-73C4EC151085}"/>
                </a:ext>
              </a:extLst>
            </p:cNvPr>
            <p:cNvSpPr/>
            <p:nvPr/>
          </p:nvSpPr>
          <p:spPr>
            <a:xfrm>
              <a:off x="1284346" y="1254726"/>
              <a:ext cx="622588" cy="835235"/>
            </a:xfrm>
            <a:custGeom>
              <a:avLst/>
              <a:gdLst/>
              <a:ahLst/>
              <a:cxnLst/>
              <a:rect l="l" t="t" r="r" b="b"/>
              <a:pathLst>
                <a:path w="22307" h="29926" fill="none" extrusionOk="0">
                  <a:moveTo>
                    <a:pt x="22181" y="22608"/>
                  </a:moveTo>
                  <a:cubicBezTo>
                    <a:pt x="22231" y="22608"/>
                    <a:pt x="22231" y="22708"/>
                    <a:pt x="22306" y="22833"/>
                  </a:cubicBezTo>
                  <a:cubicBezTo>
                    <a:pt x="22231" y="22933"/>
                    <a:pt x="22181" y="23059"/>
                    <a:pt x="22131" y="23109"/>
                  </a:cubicBezTo>
                  <a:cubicBezTo>
                    <a:pt x="22080" y="23234"/>
                    <a:pt x="21905" y="23385"/>
                    <a:pt x="21855" y="23560"/>
                  </a:cubicBezTo>
                  <a:lnTo>
                    <a:pt x="21629" y="23560"/>
                  </a:lnTo>
                  <a:cubicBezTo>
                    <a:pt x="21504" y="23560"/>
                    <a:pt x="21228" y="23510"/>
                    <a:pt x="21178" y="23460"/>
                  </a:cubicBezTo>
                  <a:cubicBezTo>
                    <a:pt x="21053" y="23334"/>
                    <a:pt x="20953" y="23109"/>
                    <a:pt x="20877" y="23009"/>
                  </a:cubicBezTo>
                  <a:cubicBezTo>
                    <a:pt x="20827" y="22933"/>
                    <a:pt x="20652" y="22883"/>
                    <a:pt x="20602" y="22833"/>
                  </a:cubicBezTo>
                  <a:cubicBezTo>
                    <a:pt x="20426" y="22783"/>
                    <a:pt x="20151" y="22783"/>
                    <a:pt x="20050" y="22783"/>
                  </a:cubicBezTo>
                  <a:cubicBezTo>
                    <a:pt x="19925" y="22833"/>
                    <a:pt x="19649" y="22833"/>
                    <a:pt x="19599" y="22933"/>
                  </a:cubicBezTo>
                  <a:cubicBezTo>
                    <a:pt x="19474" y="23009"/>
                    <a:pt x="19474" y="23284"/>
                    <a:pt x="19424" y="23385"/>
                  </a:cubicBezTo>
                  <a:cubicBezTo>
                    <a:pt x="19374" y="23610"/>
                    <a:pt x="19198" y="24011"/>
                    <a:pt x="19023" y="24136"/>
                  </a:cubicBezTo>
                  <a:cubicBezTo>
                    <a:pt x="18923" y="24237"/>
                    <a:pt x="18572" y="24237"/>
                    <a:pt x="18421" y="24237"/>
                  </a:cubicBezTo>
                  <a:cubicBezTo>
                    <a:pt x="18346" y="24287"/>
                    <a:pt x="18196" y="24362"/>
                    <a:pt x="18070" y="24287"/>
                  </a:cubicBezTo>
                  <a:cubicBezTo>
                    <a:pt x="18020" y="24237"/>
                    <a:pt x="18070" y="23961"/>
                    <a:pt x="17970" y="23836"/>
                  </a:cubicBezTo>
                  <a:cubicBezTo>
                    <a:pt x="17895" y="23786"/>
                    <a:pt x="17745" y="23786"/>
                    <a:pt x="17669" y="23735"/>
                  </a:cubicBezTo>
                  <a:cubicBezTo>
                    <a:pt x="17519" y="23735"/>
                    <a:pt x="17218" y="23786"/>
                    <a:pt x="17068" y="23836"/>
                  </a:cubicBezTo>
                  <a:cubicBezTo>
                    <a:pt x="16993" y="23836"/>
                    <a:pt x="16842" y="23961"/>
                    <a:pt x="16767" y="24011"/>
                  </a:cubicBezTo>
                  <a:cubicBezTo>
                    <a:pt x="16667" y="24061"/>
                    <a:pt x="16617" y="24287"/>
                    <a:pt x="16491" y="24362"/>
                  </a:cubicBezTo>
                  <a:cubicBezTo>
                    <a:pt x="16316" y="24462"/>
                    <a:pt x="15940" y="24462"/>
                    <a:pt x="15715" y="24512"/>
                  </a:cubicBezTo>
                  <a:cubicBezTo>
                    <a:pt x="15589" y="24512"/>
                    <a:pt x="15364" y="24412"/>
                    <a:pt x="15263" y="24462"/>
                  </a:cubicBezTo>
                  <a:cubicBezTo>
                    <a:pt x="15138" y="24512"/>
                    <a:pt x="15038" y="24688"/>
                    <a:pt x="14988" y="24813"/>
                  </a:cubicBezTo>
                  <a:cubicBezTo>
                    <a:pt x="14913" y="24863"/>
                    <a:pt x="14862" y="25089"/>
                    <a:pt x="14812" y="25139"/>
                  </a:cubicBezTo>
                  <a:cubicBezTo>
                    <a:pt x="14762" y="25189"/>
                    <a:pt x="14687" y="25365"/>
                    <a:pt x="14587" y="25415"/>
                  </a:cubicBezTo>
                  <a:cubicBezTo>
                    <a:pt x="14461" y="25415"/>
                    <a:pt x="14236" y="25365"/>
                    <a:pt x="14136" y="25264"/>
                  </a:cubicBezTo>
                  <a:cubicBezTo>
                    <a:pt x="14010" y="25189"/>
                    <a:pt x="13960" y="24863"/>
                    <a:pt x="13860" y="24738"/>
                  </a:cubicBezTo>
                  <a:cubicBezTo>
                    <a:pt x="13860" y="24688"/>
                    <a:pt x="13684" y="24638"/>
                    <a:pt x="13634" y="24638"/>
                  </a:cubicBezTo>
                  <a:cubicBezTo>
                    <a:pt x="13509" y="24638"/>
                    <a:pt x="13409" y="24813"/>
                    <a:pt x="13334" y="24863"/>
                  </a:cubicBezTo>
                  <a:cubicBezTo>
                    <a:pt x="13233" y="25039"/>
                    <a:pt x="13183" y="25490"/>
                    <a:pt x="13108" y="25640"/>
                  </a:cubicBezTo>
                  <a:cubicBezTo>
                    <a:pt x="13058" y="25866"/>
                    <a:pt x="12882" y="26267"/>
                    <a:pt x="12782" y="26442"/>
                  </a:cubicBezTo>
                  <a:cubicBezTo>
                    <a:pt x="12657" y="26542"/>
                    <a:pt x="12331" y="26768"/>
                    <a:pt x="12206" y="26893"/>
                  </a:cubicBezTo>
                  <a:cubicBezTo>
                    <a:pt x="12156" y="26943"/>
                    <a:pt x="12105" y="27069"/>
                    <a:pt x="12105" y="27169"/>
                  </a:cubicBezTo>
                  <a:cubicBezTo>
                    <a:pt x="12105" y="27219"/>
                    <a:pt x="12156" y="27344"/>
                    <a:pt x="12206" y="27395"/>
                  </a:cubicBezTo>
                  <a:cubicBezTo>
                    <a:pt x="12206" y="27445"/>
                    <a:pt x="12281" y="27620"/>
                    <a:pt x="12281" y="27670"/>
                  </a:cubicBezTo>
                  <a:cubicBezTo>
                    <a:pt x="12281" y="27796"/>
                    <a:pt x="12105" y="27971"/>
                    <a:pt x="12105" y="28071"/>
                  </a:cubicBezTo>
                  <a:lnTo>
                    <a:pt x="12105" y="28347"/>
                  </a:lnTo>
                  <a:cubicBezTo>
                    <a:pt x="12156" y="28472"/>
                    <a:pt x="12156" y="28698"/>
                    <a:pt x="12105" y="28798"/>
                  </a:cubicBezTo>
                  <a:cubicBezTo>
                    <a:pt x="12055" y="28923"/>
                    <a:pt x="11830" y="28923"/>
                    <a:pt x="11755" y="28974"/>
                  </a:cubicBezTo>
                  <a:cubicBezTo>
                    <a:pt x="11654" y="29099"/>
                    <a:pt x="11429" y="29199"/>
                    <a:pt x="11303" y="29324"/>
                  </a:cubicBezTo>
                  <a:cubicBezTo>
                    <a:pt x="11253" y="29375"/>
                    <a:pt x="11253" y="29550"/>
                    <a:pt x="11203" y="29600"/>
                  </a:cubicBezTo>
                  <a:cubicBezTo>
                    <a:pt x="11103" y="29650"/>
                    <a:pt x="10877" y="29650"/>
                    <a:pt x="10752" y="29650"/>
                  </a:cubicBezTo>
                  <a:cubicBezTo>
                    <a:pt x="10652" y="29650"/>
                    <a:pt x="10426" y="29550"/>
                    <a:pt x="10251" y="29550"/>
                  </a:cubicBezTo>
                  <a:lnTo>
                    <a:pt x="9975" y="29550"/>
                  </a:lnTo>
                  <a:cubicBezTo>
                    <a:pt x="9850" y="29475"/>
                    <a:pt x="9750" y="29249"/>
                    <a:pt x="9624" y="29249"/>
                  </a:cubicBezTo>
                  <a:cubicBezTo>
                    <a:pt x="9524" y="29249"/>
                    <a:pt x="9349" y="29425"/>
                    <a:pt x="9298" y="29475"/>
                  </a:cubicBezTo>
                  <a:cubicBezTo>
                    <a:pt x="9223" y="29600"/>
                    <a:pt x="9223" y="29776"/>
                    <a:pt x="9173" y="29826"/>
                  </a:cubicBezTo>
                  <a:cubicBezTo>
                    <a:pt x="9073" y="29876"/>
                    <a:pt x="8897" y="29926"/>
                    <a:pt x="8847" y="29876"/>
                  </a:cubicBezTo>
                  <a:cubicBezTo>
                    <a:pt x="8772" y="29876"/>
                    <a:pt x="8722" y="29826"/>
                    <a:pt x="8672" y="29776"/>
                  </a:cubicBezTo>
                  <a:cubicBezTo>
                    <a:pt x="8772" y="29700"/>
                    <a:pt x="8948" y="29600"/>
                    <a:pt x="8948" y="29550"/>
                  </a:cubicBezTo>
                  <a:cubicBezTo>
                    <a:pt x="8998" y="29425"/>
                    <a:pt x="8998" y="29199"/>
                    <a:pt x="8998" y="29099"/>
                  </a:cubicBezTo>
                  <a:cubicBezTo>
                    <a:pt x="8948" y="28974"/>
                    <a:pt x="8772" y="28873"/>
                    <a:pt x="8722" y="28798"/>
                  </a:cubicBezTo>
                  <a:cubicBezTo>
                    <a:pt x="8672" y="28748"/>
                    <a:pt x="8547" y="28573"/>
                    <a:pt x="8547" y="28522"/>
                  </a:cubicBezTo>
                  <a:cubicBezTo>
                    <a:pt x="8622" y="28422"/>
                    <a:pt x="8722" y="28297"/>
                    <a:pt x="8722" y="28197"/>
                  </a:cubicBezTo>
                  <a:cubicBezTo>
                    <a:pt x="8722" y="28121"/>
                    <a:pt x="8672" y="28071"/>
                    <a:pt x="8622" y="28071"/>
                  </a:cubicBezTo>
                  <a:cubicBezTo>
                    <a:pt x="8547" y="28021"/>
                    <a:pt x="8446" y="27971"/>
                    <a:pt x="8396" y="28021"/>
                  </a:cubicBezTo>
                  <a:cubicBezTo>
                    <a:pt x="8321" y="28021"/>
                    <a:pt x="8321" y="28247"/>
                    <a:pt x="8271" y="28297"/>
                  </a:cubicBezTo>
                  <a:cubicBezTo>
                    <a:pt x="8095" y="28347"/>
                    <a:pt x="7820" y="28247"/>
                    <a:pt x="7719" y="28247"/>
                  </a:cubicBezTo>
                  <a:cubicBezTo>
                    <a:pt x="7544" y="28247"/>
                    <a:pt x="7318" y="28347"/>
                    <a:pt x="7143" y="28472"/>
                  </a:cubicBezTo>
                  <a:cubicBezTo>
                    <a:pt x="7093" y="28522"/>
                    <a:pt x="6968" y="28698"/>
                    <a:pt x="6867" y="28698"/>
                  </a:cubicBezTo>
                  <a:cubicBezTo>
                    <a:pt x="6817" y="28698"/>
                    <a:pt x="6642" y="28573"/>
                    <a:pt x="6542" y="28573"/>
                  </a:cubicBezTo>
                  <a:cubicBezTo>
                    <a:pt x="6466" y="28522"/>
                    <a:pt x="6241" y="28573"/>
                    <a:pt x="6191" y="28573"/>
                  </a:cubicBezTo>
                  <a:cubicBezTo>
                    <a:pt x="6090" y="28573"/>
                    <a:pt x="5915" y="28698"/>
                    <a:pt x="5865" y="28698"/>
                  </a:cubicBezTo>
                  <a:cubicBezTo>
                    <a:pt x="5740" y="28648"/>
                    <a:pt x="5639" y="28472"/>
                    <a:pt x="5514" y="28472"/>
                  </a:cubicBezTo>
                  <a:cubicBezTo>
                    <a:pt x="5414" y="28422"/>
                    <a:pt x="5238" y="28422"/>
                    <a:pt x="5113" y="28347"/>
                  </a:cubicBezTo>
                  <a:cubicBezTo>
                    <a:pt x="5063" y="28297"/>
                    <a:pt x="4963" y="28121"/>
                    <a:pt x="4887" y="28071"/>
                  </a:cubicBezTo>
                  <a:cubicBezTo>
                    <a:pt x="4787" y="28021"/>
                    <a:pt x="4612" y="28021"/>
                    <a:pt x="4511" y="27971"/>
                  </a:cubicBezTo>
                  <a:cubicBezTo>
                    <a:pt x="4436" y="27896"/>
                    <a:pt x="4336" y="27846"/>
                    <a:pt x="4286" y="27796"/>
                  </a:cubicBezTo>
                  <a:cubicBezTo>
                    <a:pt x="4286" y="27745"/>
                    <a:pt x="4211" y="27620"/>
                    <a:pt x="4161" y="27570"/>
                  </a:cubicBezTo>
                  <a:cubicBezTo>
                    <a:pt x="4161" y="27570"/>
                    <a:pt x="4060" y="27445"/>
                    <a:pt x="3985" y="27445"/>
                  </a:cubicBezTo>
                  <a:cubicBezTo>
                    <a:pt x="3985" y="27520"/>
                    <a:pt x="3935" y="27570"/>
                    <a:pt x="3935" y="27570"/>
                  </a:cubicBezTo>
                  <a:cubicBezTo>
                    <a:pt x="3835" y="27570"/>
                    <a:pt x="3659" y="27395"/>
                    <a:pt x="3609" y="27344"/>
                  </a:cubicBezTo>
                  <a:cubicBezTo>
                    <a:pt x="3484" y="27294"/>
                    <a:pt x="3384" y="27219"/>
                    <a:pt x="3258" y="27219"/>
                  </a:cubicBezTo>
                  <a:cubicBezTo>
                    <a:pt x="3208" y="27169"/>
                    <a:pt x="2983" y="27294"/>
                    <a:pt x="2857" y="27294"/>
                  </a:cubicBezTo>
                  <a:cubicBezTo>
                    <a:pt x="2807" y="27294"/>
                    <a:pt x="2757" y="27119"/>
                    <a:pt x="2707" y="27069"/>
                  </a:cubicBezTo>
                  <a:cubicBezTo>
                    <a:pt x="2632" y="26994"/>
                    <a:pt x="2707" y="26768"/>
                    <a:pt x="2707" y="26668"/>
                  </a:cubicBezTo>
                  <a:lnTo>
                    <a:pt x="2707" y="26492"/>
                  </a:lnTo>
                  <a:cubicBezTo>
                    <a:pt x="2707" y="26392"/>
                    <a:pt x="2531" y="26217"/>
                    <a:pt x="2481" y="26167"/>
                  </a:cubicBezTo>
                  <a:cubicBezTo>
                    <a:pt x="2356" y="26091"/>
                    <a:pt x="2130" y="26091"/>
                    <a:pt x="2080" y="26041"/>
                  </a:cubicBezTo>
                  <a:cubicBezTo>
                    <a:pt x="1955" y="25941"/>
                    <a:pt x="1905" y="25590"/>
                    <a:pt x="1905" y="25490"/>
                  </a:cubicBezTo>
                  <a:cubicBezTo>
                    <a:pt x="1855" y="25365"/>
                    <a:pt x="1855" y="25139"/>
                    <a:pt x="1905" y="25039"/>
                  </a:cubicBezTo>
                  <a:cubicBezTo>
                    <a:pt x="1905" y="24913"/>
                    <a:pt x="1905" y="24813"/>
                    <a:pt x="1955" y="24738"/>
                  </a:cubicBezTo>
                  <a:cubicBezTo>
                    <a:pt x="2030" y="24688"/>
                    <a:pt x="2130" y="24638"/>
                    <a:pt x="2181" y="24588"/>
                  </a:cubicBezTo>
                  <a:lnTo>
                    <a:pt x="2181" y="24412"/>
                  </a:lnTo>
                  <a:cubicBezTo>
                    <a:pt x="2181" y="24362"/>
                    <a:pt x="1955" y="24237"/>
                    <a:pt x="1905" y="24187"/>
                  </a:cubicBezTo>
                  <a:cubicBezTo>
                    <a:pt x="1855" y="24136"/>
                    <a:pt x="1755" y="23961"/>
                    <a:pt x="1755" y="23911"/>
                  </a:cubicBezTo>
                  <a:cubicBezTo>
                    <a:pt x="1679" y="23786"/>
                    <a:pt x="1755" y="23510"/>
                    <a:pt x="1755" y="23385"/>
                  </a:cubicBezTo>
                  <a:cubicBezTo>
                    <a:pt x="1805" y="23284"/>
                    <a:pt x="1855" y="23159"/>
                    <a:pt x="1905" y="23109"/>
                  </a:cubicBezTo>
                  <a:cubicBezTo>
                    <a:pt x="1955" y="23059"/>
                    <a:pt x="2080" y="23009"/>
                    <a:pt x="2130" y="22933"/>
                  </a:cubicBezTo>
                  <a:cubicBezTo>
                    <a:pt x="2256" y="22833"/>
                    <a:pt x="2356" y="22608"/>
                    <a:pt x="2481" y="22482"/>
                  </a:cubicBezTo>
                  <a:cubicBezTo>
                    <a:pt x="2531" y="22432"/>
                    <a:pt x="2632" y="22257"/>
                    <a:pt x="2632" y="22156"/>
                  </a:cubicBezTo>
                  <a:cubicBezTo>
                    <a:pt x="2707" y="22031"/>
                    <a:pt x="2531" y="21881"/>
                    <a:pt x="2582" y="21755"/>
                  </a:cubicBezTo>
                  <a:cubicBezTo>
                    <a:pt x="2582" y="21655"/>
                    <a:pt x="2707" y="21530"/>
                    <a:pt x="2757" y="21480"/>
                  </a:cubicBezTo>
                  <a:cubicBezTo>
                    <a:pt x="2807" y="21480"/>
                    <a:pt x="2983" y="21354"/>
                    <a:pt x="3083" y="21430"/>
                  </a:cubicBezTo>
                  <a:cubicBezTo>
                    <a:pt x="3158" y="21430"/>
                    <a:pt x="3208" y="21530"/>
                    <a:pt x="3258" y="21580"/>
                  </a:cubicBezTo>
                  <a:cubicBezTo>
                    <a:pt x="3384" y="21655"/>
                    <a:pt x="3534" y="21705"/>
                    <a:pt x="3609" y="21655"/>
                  </a:cubicBezTo>
                  <a:cubicBezTo>
                    <a:pt x="3659" y="21530"/>
                    <a:pt x="3484" y="21254"/>
                    <a:pt x="3484" y="21154"/>
                  </a:cubicBezTo>
                  <a:cubicBezTo>
                    <a:pt x="3434" y="21029"/>
                    <a:pt x="3208" y="20803"/>
                    <a:pt x="3208" y="20628"/>
                  </a:cubicBezTo>
                  <a:cubicBezTo>
                    <a:pt x="3158" y="20578"/>
                    <a:pt x="3158" y="20352"/>
                    <a:pt x="3208" y="20252"/>
                  </a:cubicBezTo>
                  <a:cubicBezTo>
                    <a:pt x="3208" y="20126"/>
                    <a:pt x="3258" y="19901"/>
                    <a:pt x="3208" y="19851"/>
                  </a:cubicBezTo>
                  <a:cubicBezTo>
                    <a:pt x="3208" y="19725"/>
                    <a:pt x="2983" y="19625"/>
                    <a:pt x="2857" y="19500"/>
                  </a:cubicBezTo>
                  <a:cubicBezTo>
                    <a:pt x="2807" y="19450"/>
                    <a:pt x="2757" y="19349"/>
                    <a:pt x="2707" y="19274"/>
                  </a:cubicBezTo>
                  <a:lnTo>
                    <a:pt x="2481" y="19274"/>
                  </a:lnTo>
                  <a:cubicBezTo>
                    <a:pt x="2406" y="19349"/>
                    <a:pt x="2356" y="19450"/>
                    <a:pt x="2306" y="19500"/>
                  </a:cubicBezTo>
                  <a:cubicBezTo>
                    <a:pt x="2256" y="19575"/>
                    <a:pt x="2130" y="19575"/>
                    <a:pt x="2080" y="19575"/>
                  </a:cubicBezTo>
                  <a:cubicBezTo>
                    <a:pt x="1955" y="19500"/>
                    <a:pt x="1955" y="19349"/>
                    <a:pt x="1905" y="19349"/>
                  </a:cubicBezTo>
                  <a:cubicBezTo>
                    <a:pt x="1805" y="19274"/>
                    <a:pt x="1629" y="19274"/>
                    <a:pt x="1529" y="19224"/>
                  </a:cubicBezTo>
                  <a:cubicBezTo>
                    <a:pt x="1404" y="19224"/>
                    <a:pt x="1303" y="19049"/>
                    <a:pt x="1228" y="18999"/>
                  </a:cubicBezTo>
                  <a:cubicBezTo>
                    <a:pt x="1178" y="18948"/>
                    <a:pt x="1078" y="18823"/>
                    <a:pt x="1003" y="18773"/>
                  </a:cubicBezTo>
                  <a:lnTo>
                    <a:pt x="1003" y="18447"/>
                  </a:lnTo>
                  <a:cubicBezTo>
                    <a:pt x="1003" y="18372"/>
                    <a:pt x="1078" y="18272"/>
                    <a:pt x="1078" y="18222"/>
                  </a:cubicBezTo>
                  <a:cubicBezTo>
                    <a:pt x="1128" y="18146"/>
                    <a:pt x="1003" y="17996"/>
                    <a:pt x="1003" y="17921"/>
                  </a:cubicBezTo>
                  <a:cubicBezTo>
                    <a:pt x="1003" y="17871"/>
                    <a:pt x="953" y="17695"/>
                    <a:pt x="953" y="17645"/>
                  </a:cubicBezTo>
                  <a:cubicBezTo>
                    <a:pt x="953" y="17595"/>
                    <a:pt x="1003" y="17470"/>
                    <a:pt x="953" y="17420"/>
                  </a:cubicBezTo>
                  <a:lnTo>
                    <a:pt x="852" y="17319"/>
                  </a:lnTo>
                  <a:cubicBezTo>
                    <a:pt x="727" y="17319"/>
                    <a:pt x="627" y="17369"/>
                    <a:pt x="552" y="17369"/>
                  </a:cubicBezTo>
                  <a:cubicBezTo>
                    <a:pt x="501" y="17319"/>
                    <a:pt x="326" y="17319"/>
                    <a:pt x="326" y="17244"/>
                  </a:cubicBezTo>
                  <a:cubicBezTo>
                    <a:pt x="276" y="17144"/>
                    <a:pt x="276" y="16968"/>
                    <a:pt x="276" y="16918"/>
                  </a:cubicBezTo>
                  <a:cubicBezTo>
                    <a:pt x="226" y="16793"/>
                    <a:pt x="100" y="16693"/>
                    <a:pt x="50" y="16643"/>
                  </a:cubicBezTo>
                  <a:cubicBezTo>
                    <a:pt x="50" y="16567"/>
                    <a:pt x="0" y="16417"/>
                    <a:pt x="0" y="16342"/>
                  </a:cubicBezTo>
                  <a:cubicBezTo>
                    <a:pt x="0" y="16242"/>
                    <a:pt x="176" y="16016"/>
                    <a:pt x="226" y="15966"/>
                  </a:cubicBezTo>
                  <a:cubicBezTo>
                    <a:pt x="276" y="15891"/>
                    <a:pt x="451" y="15841"/>
                    <a:pt x="501" y="15841"/>
                  </a:cubicBezTo>
                  <a:cubicBezTo>
                    <a:pt x="627" y="15791"/>
                    <a:pt x="777" y="15966"/>
                    <a:pt x="852" y="15966"/>
                  </a:cubicBezTo>
                  <a:cubicBezTo>
                    <a:pt x="902" y="15891"/>
                    <a:pt x="953" y="15891"/>
                    <a:pt x="1003" y="15841"/>
                  </a:cubicBezTo>
                  <a:cubicBezTo>
                    <a:pt x="1078" y="15841"/>
                    <a:pt x="1128" y="15740"/>
                    <a:pt x="1178" y="15665"/>
                  </a:cubicBezTo>
                  <a:cubicBezTo>
                    <a:pt x="1228" y="15665"/>
                    <a:pt x="1404" y="15740"/>
                    <a:pt x="1454" y="15740"/>
                  </a:cubicBezTo>
                  <a:cubicBezTo>
                    <a:pt x="1529" y="15791"/>
                    <a:pt x="1579" y="15966"/>
                    <a:pt x="1629" y="16016"/>
                  </a:cubicBezTo>
                  <a:cubicBezTo>
                    <a:pt x="1679" y="16016"/>
                    <a:pt x="1855" y="15966"/>
                    <a:pt x="1905" y="15966"/>
                  </a:cubicBezTo>
                  <a:cubicBezTo>
                    <a:pt x="1955" y="15891"/>
                    <a:pt x="2080" y="15841"/>
                    <a:pt x="2130" y="15791"/>
                  </a:cubicBezTo>
                  <a:cubicBezTo>
                    <a:pt x="2181" y="15791"/>
                    <a:pt x="2181" y="15665"/>
                    <a:pt x="2181" y="15615"/>
                  </a:cubicBezTo>
                  <a:cubicBezTo>
                    <a:pt x="2306" y="15565"/>
                    <a:pt x="2481" y="15665"/>
                    <a:pt x="2531" y="15615"/>
                  </a:cubicBezTo>
                  <a:cubicBezTo>
                    <a:pt x="2632" y="15615"/>
                    <a:pt x="2757" y="15565"/>
                    <a:pt x="2807" y="15515"/>
                  </a:cubicBezTo>
                  <a:cubicBezTo>
                    <a:pt x="2807" y="15390"/>
                    <a:pt x="2632" y="15214"/>
                    <a:pt x="2707" y="15164"/>
                  </a:cubicBezTo>
                  <a:cubicBezTo>
                    <a:pt x="2757" y="15064"/>
                    <a:pt x="2932" y="14989"/>
                    <a:pt x="2983" y="14938"/>
                  </a:cubicBezTo>
                  <a:cubicBezTo>
                    <a:pt x="3083" y="14938"/>
                    <a:pt x="3384" y="14888"/>
                    <a:pt x="3484" y="14888"/>
                  </a:cubicBezTo>
                  <a:cubicBezTo>
                    <a:pt x="3609" y="14888"/>
                    <a:pt x="3709" y="14938"/>
                    <a:pt x="3760" y="14938"/>
                  </a:cubicBezTo>
                  <a:lnTo>
                    <a:pt x="3985" y="14938"/>
                  </a:lnTo>
                  <a:cubicBezTo>
                    <a:pt x="4060" y="14888"/>
                    <a:pt x="4060" y="14838"/>
                    <a:pt x="4110" y="14763"/>
                  </a:cubicBezTo>
                  <a:cubicBezTo>
                    <a:pt x="4110" y="14713"/>
                    <a:pt x="4336" y="14713"/>
                    <a:pt x="4336" y="14663"/>
                  </a:cubicBezTo>
                  <a:cubicBezTo>
                    <a:pt x="4386" y="14537"/>
                    <a:pt x="4386" y="14312"/>
                    <a:pt x="4336" y="14262"/>
                  </a:cubicBezTo>
                  <a:cubicBezTo>
                    <a:pt x="4336" y="14161"/>
                    <a:pt x="4161" y="13986"/>
                    <a:pt x="4110" y="13936"/>
                  </a:cubicBezTo>
                  <a:cubicBezTo>
                    <a:pt x="4110" y="13811"/>
                    <a:pt x="3985" y="13635"/>
                    <a:pt x="4060" y="13585"/>
                  </a:cubicBezTo>
                  <a:cubicBezTo>
                    <a:pt x="4060" y="13485"/>
                    <a:pt x="4211" y="13359"/>
                    <a:pt x="4336" y="13309"/>
                  </a:cubicBezTo>
                  <a:cubicBezTo>
                    <a:pt x="4386" y="13259"/>
                    <a:pt x="4511" y="13309"/>
                    <a:pt x="4562" y="13309"/>
                  </a:cubicBezTo>
                  <a:cubicBezTo>
                    <a:pt x="4612" y="13259"/>
                    <a:pt x="4787" y="13259"/>
                    <a:pt x="4837" y="13184"/>
                  </a:cubicBezTo>
                  <a:cubicBezTo>
                    <a:pt x="4887" y="13134"/>
                    <a:pt x="4837" y="12908"/>
                    <a:pt x="4787" y="12858"/>
                  </a:cubicBezTo>
                  <a:cubicBezTo>
                    <a:pt x="4787" y="12808"/>
                    <a:pt x="4662" y="12683"/>
                    <a:pt x="4662" y="12633"/>
                  </a:cubicBezTo>
                  <a:cubicBezTo>
                    <a:pt x="4662" y="12582"/>
                    <a:pt x="4612" y="12507"/>
                    <a:pt x="4612" y="12457"/>
                  </a:cubicBezTo>
                  <a:lnTo>
                    <a:pt x="4837" y="12457"/>
                  </a:lnTo>
                  <a:cubicBezTo>
                    <a:pt x="4887" y="12507"/>
                    <a:pt x="5013" y="12633"/>
                    <a:pt x="5113" y="12633"/>
                  </a:cubicBezTo>
                  <a:cubicBezTo>
                    <a:pt x="5188" y="12633"/>
                    <a:pt x="5339" y="12507"/>
                    <a:pt x="5414" y="12457"/>
                  </a:cubicBezTo>
                  <a:cubicBezTo>
                    <a:pt x="5414" y="12407"/>
                    <a:pt x="5464" y="12282"/>
                    <a:pt x="5514" y="12282"/>
                  </a:cubicBezTo>
                  <a:cubicBezTo>
                    <a:pt x="5639" y="12181"/>
                    <a:pt x="5865" y="12006"/>
                    <a:pt x="5965" y="11956"/>
                  </a:cubicBezTo>
                  <a:cubicBezTo>
                    <a:pt x="6090" y="11956"/>
                    <a:pt x="6241" y="12006"/>
                    <a:pt x="6366" y="11956"/>
                  </a:cubicBezTo>
                  <a:cubicBezTo>
                    <a:pt x="6466" y="11906"/>
                    <a:pt x="6642" y="11780"/>
                    <a:pt x="6742" y="11680"/>
                  </a:cubicBezTo>
                  <a:cubicBezTo>
                    <a:pt x="6817" y="11605"/>
                    <a:pt x="6917" y="11455"/>
                    <a:pt x="6968" y="11379"/>
                  </a:cubicBezTo>
                  <a:cubicBezTo>
                    <a:pt x="7043" y="11329"/>
                    <a:pt x="7143" y="11154"/>
                    <a:pt x="7193" y="11154"/>
                  </a:cubicBezTo>
                  <a:cubicBezTo>
                    <a:pt x="7268" y="11104"/>
                    <a:pt x="7494" y="11104"/>
                    <a:pt x="7594" y="11104"/>
                  </a:cubicBezTo>
                  <a:cubicBezTo>
                    <a:pt x="7644" y="11104"/>
                    <a:pt x="7820" y="11229"/>
                    <a:pt x="7945" y="11229"/>
                  </a:cubicBezTo>
                  <a:cubicBezTo>
                    <a:pt x="8095" y="11279"/>
                    <a:pt x="8396" y="11229"/>
                    <a:pt x="8496" y="11229"/>
                  </a:cubicBezTo>
                  <a:cubicBezTo>
                    <a:pt x="8622" y="11229"/>
                    <a:pt x="8772" y="11329"/>
                    <a:pt x="8897" y="11329"/>
                  </a:cubicBezTo>
                  <a:cubicBezTo>
                    <a:pt x="8948" y="11329"/>
                    <a:pt x="9173" y="11379"/>
                    <a:pt x="9298" y="11379"/>
                  </a:cubicBezTo>
                  <a:cubicBezTo>
                    <a:pt x="9399" y="11329"/>
                    <a:pt x="9574" y="11229"/>
                    <a:pt x="9624" y="11154"/>
                  </a:cubicBezTo>
                  <a:cubicBezTo>
                    <a:pt x="9674" y="11104"/>
                    <a:pt x="9800" y="10828"/>
                    <a:pt x="9900" y="10778"/>
                  </a:cubicBezTo>
                  <a:cubicBezTo>
                    <a:pt x="10025" y="10703"/>
                    <a:pt x="10201" y="10828"/>
                    <a:pt x="10301" y="10778"/>
                  </a:cubicBezTo>
                  <a:cubicBezTo>
                    <a:pt x="10426" y="10778"/>
                    <a:pt x="10652" y="10653"/>
                    <a:pt x="10702" y="10603"/>
                  </a:cubicBezTo>
                  <a:cubicBezTo>
                    <a:pt x="10752" y="10552"/>
                    <a:pt x="10702" y="10327"/>
                    <a:pt x="10702" y="10252"/>
                  </a:cubicBezTo>
                  <a:cubicBezTo>
                    <a:pt x="10652" y="10202"/>
                    <a:pt x="10527" y="10101"/>
                    <a:pt x="10476" y="10026"/>
                  </a:cubicBezTo>
                  <a:cubicBezTo>
                    <a:pt x="10476" y="9976"/>
                    <a:pt x="10426" y="9926"/>
                    <a:pt x="10426" y="9876"/>
                  </a:cubicBezTo>
                  <a:cubicBezTo>
                    <a:pt x="10476" y="9801"/>
                    <a:pt x="10652" y="9750"/>
                    <a:pt x="10652" y="9700"/>
                  </a:cubicBezTo>
                  <a:cubicBezTo>
                    <a:pt x="10702" y="9575"/>
                    <a:pt x="10652" y="9475"/>
                    <a:pt x="10652" y="9425"/>
                  </a:cubicBezTo>
                  <a:cubicBezTo>
                    <a:pt x="10577" y="9299"/>
                    <a:pt x="10301" y="9124"/>
                    <a:pt x="10251" y="9024"/>
                  </a:cubicBezTo>
                  <a:cubicBezTo>
                    <a:pt x="10126" y="8973"/>
                    <a:pt x="9975" y="8798"/>
                    <a:pt x="9900" y="8673"/>
                  </a:cubicBezTo>
                  <a:cubicBezTo>
                    <a:pt x="9900" y="8572"/>
                    <a:pt x="9975" y="8347"/>
                    <a:pt x="10025" y="8222"/>
                  </a:cubicBezTo>
                  <a:cubicBezTo>
                    <a:pt x="10075" y="8121"/>
                    <a:pt x="10301" y="7946"/>
                    <a:pt x="10301" y="7846"/>
                  </a:cubicBezTo>
                  <a:cubicBezTo>
                    <a:pt x="10301" y="7720"/>
                    <a:pt x="10126" y="7620"/>
                    <a:pt x="10075" y="7545"/>
                  </a:cubicBezTo>
                  <a:cubicBezTo>
                    <a:pt x="10025" y="7445"/>
                    <a:pt x="9900" y="7269"/>
                    <a:pt x="9850" y="7169"/>
                  </a:cubicBezTo>
                  <a:lnTo>
                    <a:pt x="9850" y="6818"/>
                  </a:lnTo>
                  <a:lnTo>
                    <a:pt x="9850" y="6542"/>
                  </a:lnTo>
                  <a:lnTo>
                    <a:pt x="10075" y="6542"/>
                  </a:lnTo>
                  <a:cubicBezTo>
                    <a:pt x="10126" y="6542"/>
                    <a:pt x="10251" y="6542"/>
                    <a:pt x="10301" y="6592"/>
                  </a:cubicBezTo>
                  <a:cubicBezTo>
                    <a:pt x="10351" y="6592"/>
                    <a:pt x="10527" y="6643"/>
                    <a:pt x="10577" y="6643"/>
                  </a:cubicBezTo>
                  <a:cubicBezTo>
                    <a:pt x="10652" y="6643"/>
                    <a:pt x="10752" y="6542"/>
                    <a:pt x="10802" y="6542"/>
                  </a:cubicBezTo>
                  <a:cubicBezTo>
                    <a:pt x="10877" y="6417"/>
                    <a:pt x="10802" y="6191"/>
                    <a:pt x="10802" y="6091"/>
                  </a:cubicBezTo>
                  <a:cubicBezTo>
                    <a:pt x="10877" y="5966"/>
                    <a:pt x="11028" y="5765"/>
                    <a:pt x="11153" y="5690"/>
                  </a:cubicBezTo>
                  <a:cubicBezTo>
                    <a:pt x="11253" y="5590"/>
                    <a:pt x="11604" y="5640"/>
                    <a:pt x="11755" y="5540"/>
                  </a:cubicBezTo>
                  <a:cubicBezTo>
                    <a:pt x="11830" y="5540"/>
                    <a:pt x="12055" y="5364"/>
                    <a:pt x="12105" y="5239"/>
                  </a:cubicBezTo>
                  <a:cubicBezTo>
                    <a:pt x="12156" y="5139"/>
                    <a:pt x="12105" y="4738"/>
                    <a:pt x="12156" y="4562"/>
                  </a:cubicBezTo>
                  <a:cubicBezTo>
                    <a:pt x="12206" y="4462"/>
                    <a:pt x="12381" y="4237"/>
                    <a:pt x="12506" y="4186"/>
                  </a:cubicBezTo>
                  <a:cubicBezTo>
                    <a:pt x="12607" y="4186"/>
                    <a:pt x="12782" y="4237"/>
                    <a:pt x="12882" y="4186"/>
                  </a:cubicBezTo>
                  <a:cubicBezTo>
                    <a:pt x="12882" y="4111"/>
                    <a:pt x="12882" y="3961"/>
                    <a:pt x="12958" y="3886"/>
                  </a:cubicBezTo>
                  <a:cubicBezTo>
                    <a:pt x="13008" y="3886"/>
                    <a:pt x="13183" y="3886"/>
                    <a:pt x="13233" y="3836"/>
                  </a:cubicBezTo>
                  <a:cubicBezTo>
                    <a:pt x="13283" y="3785"/>
                    <a:pt x="13409" y="3560"/>
                    <a:pt x="13409" y="3510"/>
                  </a:cubicBezTo>
                  <a:cubicBezTo>
                    <a:pt x="13409" y="3384"/>
                    <a:pt x="13283" y="3284"/>
                    <a:pt x="13233" y="3159"/>
                  </a:cubicBezTo>
                  <a:cubicBezTo>
                    <a:pt x="13233" y="3059"/>
                    <a:pt x="13233" y="2833"/>
                    <a:pt x="13183" y="2758"/>
                  </a:cubicBezTo>
                  <a:cubicBezTo>
                    <a:pt x="13108" y="2708"/>
                    <a:pt x="13058" y="2708"/>
                    <a:pt x="13008" y="2658"/>
                  </a:cubicBezTo>
                  <a:cubicBezTo>
                    <a:pt x="12958" y="2607"/>
                    <a:pt x="12832" y="2482"/>
                    <a:pt x="12832" y="2432"/>
                  </a:cubicBezTo>
                  <a:lnTo>
                    <a:pt x="12832" y="2257"/>
                  </a:lnTo>
                  <a:cubicBezTo>
                    <a:pt x="12882" y="2156"/>
                    <a:pt x="13108" y="2156"/>
                    <a:pt x="13183" y="2031"/>
                  </a:cubicBezTo>
                  <a:lnTo>
                    <a:pt x="13183" y="1931"/>
                  </a:lnTo>
                  <a:cubicBezTo>
                    <a:pt x="13283" y="1856"/>
                    <a:pt x="13509" y="1981"/>
                    <a:pt x="13559" y="1931"/>
                  </a:cubicBezTo>
                  <a:cubicBezTo>
                    <a:pt x="13684" y="1931"/>
                    <a:pt x="13785" y="1805"/>
                    <a:pt x="13860" y="1755"/>
                  </a:cubicBezTo>
                  <a:cubicBezTo>
                    <a:pt x="13860" y="1705"/>
                    <a:pt x="13860" y="1530"/>
                    <a:pt x="13910" y="1480"/>
                  </a:cubicBezTo>
                  <a:cubicBezTo>
                    <a:pt x="13960" y="1404"/>
                    <a:pt x="14136" y="1530"/>
                    <a:pt x="14186" y="1480"/>
                  </a:cubicBezTo>
                  <a:cubicBezTo>
                    <a:pt x="14236" y="1404"/>
                    <a:pt x="14186" y="1179"/>
                    <a:pt x="14311" y="1129"/>
                  </a:cubicBezTo>
                  <a:cubicBezTo>
                    <a:pt x="14361" y="1079"/>
                    <a:pt x="14587" y="1179"/>
                    <a:pt x="14637" y="1129"/>
                  </a:cubicBezTo>
                  <a:cubicBezTo>
                    <a:pt x="14687" y="1079"/>
                    <a:pt x="14637" y="903"/>
                    <a:pt x="14637" y="853"/>
                  </a:cubicBezTo>
                  <a:cubicBezTo>
                    <a:pt x="14637" y="728"/>
                    <a:pt x="14537" y="577"/>
                    <a:pt x="14537" y="502"/>
                  </a:cubicBezTo>
                  <a:cubicBezTo>
                    <a:pt x="14587" y="402"/>
                    <a:pt x="14812" y="352"/>
                    <a:pt x="14862" y="352"/>
                  </a:cubicBezTo>
                  <a:cubicBezTo>
                    <a:pt x="15038" y="227"/>
                    <a:pt x="15263" y="51"/>
                    <a:pt x="15364" y="51"/>
                  </a:cubicBezTo>
                  <a:cubicBezTo>
                    <a:pt x="15489" y="1"/>
                    <a:pt x="15715" y="51"/>
                    <a:pt x="15815" y="126"/>
                  </a:cubicBezTo>
                  <a:cubicBezTo>
                    <a:pt x="15865" y="227"/>
                    <a:pt x="15865" y="452"/>
                    <a:pt x="15865" y="577"/>
                  </a:cubicBezTo>
                  <a:cubicBezTo>
                    <a:pt x="15865" y="628"/>
                    <a:pt x="15940" y="853"/>
                    <a:pt x="15940" y="903"/>
                  </a:cubicBezTo>
                  <a:cubicBezTo>
                    <a:pt x="15940" y="1029"/>
                    <a:pt x="15865" y="1129"/>
                    <a:pt x="15865" y="1179"/>
                  </a:cubicBezTo>
                  <a:cubicBezTo>
                    <a:pt x="15815" y="1304"/>
                    <a:pt x="15940" y="1480"/>
                    <a:pt x="15865" y="1580"/>
                  </a:cubicBezTo>
                  <a:cubicBezTo>
                    <a:pt x="15865" y="1630"/>
                    <a:pt x="15715" y="1755"/>
                    <a:pt x="15715" y="1805"/>
                  </a:cubicBezTo>
                  <a:cubicBezTo>
                    <a:pt x="15664" y="1931"/>
                    <a:pt x="15664" y="2156"/>
                    <a:pt x="15664" y="2257"/>
                  </a:cubicBezTo>
                  <a:cubicBezTo>
                    <a:pt x="15715" y="2382"/>
                    <a:pt x="15765" y="2532"/>
                    <a:pt x="15815" y="2607"/>
                  </a:cubicBezTo>
                  <a:cubicBezTo>
                    <a:pt x="15940" y="2708"/>
                    <a:pt x="16216" y="2758"/>
                    <a:pt x="16266" y="2883"/>
                  </a:cubicBezTo>
                  <a:cubicBezTo>
                    <a:pt x="16316" y="2933"/>
                    <a:pt x="16391" y="3159"/>
                    <a:pt x="16441" y="3209"/>
                  </a:cubicBezTo>
                  <a:cubicBezTo>
                    <a:pt x="16491" y="3284"/>
                    <a:pt x="16667" y="3384"/>
                    <a:pt x="16717" y="3435"/>
                  </a:cubicBezTo>
                  <a:cubicBezTo>
                    <a:pt x="16767" y="3435"/>
                    <a:pt x="16892" y="3560"/>
                    <a:pt x="16943" y="3610"/>
                  </a:cubicBezTo>
                  <a:cubicBezTo>
                    <a:pt x="16993" y="3660"/>
                    <a:pt x="17168" y="3785"/>
                    <a:pt x="17218" y="3836"/>
                  </a:cubicBezTo>
                  <a:cubicBezTo>
                    <a:pt x="17293" y="3886"/>
                    <a:pt x="17344" y="4061"/>
                    <a:pt x="17444" y="4111"/>
                  </a:cubicBezTo>
                  <a:cubicBezTo>
                    <a:pt x="17394" y="4237"/>
                    <a:pt x="17293" y="4337"/>
                    <a:pt x="17218" y="4412"/>
                  </a:cubicBezTo>
                  <a:cubicBezTo>
                    <a:pt x="17168" y="4462"/>
                    <a:pt x="17168" y="4638"/>
                    <a:pt x="17168" y="4688"/>
                  </a:cubicBezTo>
                  <a:cubicBezTo>
                    <a:pt x="17118" y="4863"/>
                    <a:pt x="17293" y="5139"/>
                    <a:pt x="17293" y="5314"/>
                  </a:cubicBezTo>
                  <a:cubicBezTo>
                    <a:pt x="17293" y="5465"/>
                    <a:pt x="17293" y="5866"/>
                    <a:pt x="17218" y="5966"/>
                  </a:cubicBezTo>
                  <a:cubicBezTo>
                    <a:pt x="17168" y="6141"/>
                    <a:pt x="16892" y="6367"/>
                    <a:pt x="16842" y="6542"/>
                  </a:cubicBezTo>
                  <a:cubicBezTo>
                    <a:pt x="16767" y="6643"/>
                    <a:pt x="16667" y="6993"/>
                    <a:pt x="16542" y="7094"/>
                  </a:cubicBezTo>
                  <a:cubicBezTo>
                    <a:pt x="16491" y="7219"/>
                    <a:pt x="16316" y="7445"/>
                    <a:pt x="16266" y="7545"/>
                  </a:cubicBezTo>
                  <a:cubicBezTo>
                    <a:pt x="16166" y="7720"/>
                    <a:pt x="16166" y="8171"/>
                    <a:pt x="16090" y="8397"/>
                  </a:cubicBezTo>
                  <a:cubicBezTo>
                    <a:pt x="16040" y="8572"/>
                    <a:pt x="15865" y="8973"/>
                    <a:pt x="15865" y="9124"/>
                  </a:cubicBezTo>
                  <a:cubicBezTo>
                    <a:pt x="15865" y="9199"/>
                    <a:pt x="15940" y="9349"/>
                    <a:pt x="15990" y="9425"/>
                  </a:cubicBezTo>
                  <a:cubicBezTo>
                    <a:pt x="16040" y="9525"/>
                    <a:pt x="16316" y="9650"/>
                    <a:pt x="16391" y="9700"/>
                  </a:cubicBezTo>
                  <a:cubicBezTo>
                    <a:pt x="16491" y="9750"/>
                    <a:pt x="16617" y="9926"/>
                    <a:pt x="16667" y="9976"/>
                  </a:cubicBezTo>
                  <a:cubicBezTo>
                    <a:pt x="16717" y="10101"/>
                    <a:pt x="16717" y="10327"/>
                    <a:pt x="16767" y="10427"/>
                  </a:cubicBezTo>
                  <a:cubicBezTo>
                    <a:pt x="16842" y="10552"/>
                    <a:pt x="17068" y="10653"/>
                    <a:pt x="17118" y="10778"/>
                  </a:cubicBezTo>
                  <a:cubicBezTo>
                    <a:pt x="17218" y="10878"/>
                    <a:pt x="17293" y="11154"/>
                    <a:pt x="17344" y="11279"/>
                  </a:cubicBezTo>
                  <a:cubicBezTo>
                    <a:pt x="17394" y="11505"/>
                    <a:pt x="17444" y="11831"/>
                    <a:pt x="17519" y="12006"/>
                  </a:cubicBezTo>
                  <a:cubicBezTo>
                    <a:pt x="17569" y="12181"/>
                    <a:pt x="17745" y="12457"/>
                    <a:pt x="17845" y="12582"/>
                  </a:cubicBezTo>
                  <a:cubicBezTo>
                    <a:pt x="17895" y="12683"/>
                    <a:pt x="18121" y="12858"/>
                    <a:pt x="18246" y="12958"/>
                  </a:cubicBezTo>
                  <a:cubicBezTo>
                    <a:pt x="18296" y="13084"/>
                    <a:pt x="18471" y="13410"/>
                    <a:pt x="18471" y="13585"/>
                  </a:cubicBezTo>
                  <a:cubicBezTo>
                    <a:pt x="18471" y="13710"/>
                    <a:pt x="18421" y="13861"/>
                    <a:pt x="18346" y="13986"/>
                  </a:cubicBezTo>
                  <a:cubicBezTo>
                    <a:pt x="18246" y="14036"/>
                    <a:pt x="18070" y="14086"/>
                    <a:pt x="18020" y="14161"/>
                  </a:cubicBezTo>
                  <a:cubicBezTo>
                    <a:pt x="17970" y="14161"/>
                    <a:pt x="17795" y="14161"/>
                    <a:pt x="17745" y="14212"/>
                  </a:cubicBezTo>
                  <a:cubicBezTo>
                    <a:pt x="17669" y="14262"/>
                    <a:pt x="17745" y="14437"/>
                    <a:pt x="17745" y="14537"/>
                  </a:cubicBezTo>
                  <a:lnTo>
                    <a:pt x="17745" y="14838"/>
                  </a:lnTo>
                  <a:cubicBezTo>
                    <a:pt x="17669" y="14888"/>
                    <a:pt x="17569" y="15114"/>
                    <a:pt x="17444" y="15114"/>
                  </a:cubicBezTo>
                  <a:cubicBezTo>
                    <a:pt x="17394" y="15114"/>
                    <a:pt x="17218" y="14989"/>
                    <a:pt x="17168" y="14888"/>
                  </a:cubicBezTo>
                  <a:cubicBezTo>
                    <a:pt x="17118" y="14838"/>
                    <a:pt x="17118" y="14713"/>
                    <a:pt x="17068" y="14663"/>
                  </a:cubicBezTo>
                  <a:cubicBezTo>
                    <a:pt x="16943" y="14613"/>
                    <a:pt x="16717" y="14613"/>
                    <a:pt x="16617" y="14613"/>
                  </a:cubicBezTo>
                  <a:cubicBezTo>
                    <a:pt x="16542" y="14613"/>
                    <a:pt x="16391" y="14713"/>
                    <a:pt x="16266" y="14763"/>
                  </a:cubicBezTo>
                  <a:cubicBezTo>
                    <a:pt x="16166" y="14838"/>
                    <a:pt x="15940" y="14763"/>
                    <a:pt x="15865" y="14838"/>
                  </a:cubicBezTo>
                  <a:cubicBezTo>
                    <a:pt x="15815" y="14938"/>
                    <a:pt x="15765" y="15114"/>
                    <a:pt x="15765" y="15214"/>
                  </a:cubicBezTo>
                  <a:lnTo>
                    <a:pt x="16040" y="15515"/>
                  </a:lnTo>
                  <a:cubicBezTo>
                    <a:pt x="16090" y="15615"/>
                    <a:pt x="16166" y="15841"/>
                    <a:pt x="16166" y="15966"/>
                  </a:cubicBezTo>
                  <a:cubicBezTo>
                    <a:pt x="16166" y="16066"/>
                    <a:pt x="16040" y="16242"/>
                    <a:pt x="16040" y="16342"/>
                  </a:cubicBezTo>
                  <a:cubicBezTo>
                    <a:pt x="16040" y="16517"/>
                    <a:pt x="15990" y="16793"/>
                    <a:pt x="16040" y="16968"/>
                  </a:cubicBezTo>
                  <a:cubicBezTo>
                    <a:pt x="16090" y="17019"/>
                    <a:pt x="16216" y="17094"/>
                    <a:pt x="16266" y="17144"/>
                  </a:cubicBezTo>
                  <a:cubicBezTo>
                    <a:pt x="16316" y="17194"/>
                    <a:pt x="16391" y="17369"/>
                    <a:pt x="16441" y="17420"/>
                  </a:cubicBezTo>
                  <a:cubicBezTo>
                    <a:pt x="16491" y="17470"/>
                    <a:pt x="16542" y="17695"/>
                    <a:pt x="16617" y="17821"/>
                  </a:cubicBezTo>
                  <a:cubicBezTo>
                    <a:pt x="16717" y="17921"/>
                    <a:pt x="16943" y="18096"/>
                    <a:pt x="17068" y="18146"/>
                  </a:cubicBezTo>
                  <a:cubicBezTo>
                    <a:pt x="17168" y="18272"/>
                    <a:pt x="17444" y="18372"/>
                    <a:pt x="17619" y="18372"/>
                  </a:cubicBezTo>
                  <a:cubicBezTo>
                    <a:pt x="17745" y="18372"/>
                    <a:pt x="17895" y="18222"/>
                    <a:pt x="17970" y="18146"/>
                  </a:cubicBezTo>
                  <a:cubicBezTo>
                    <a:pt x="18020" y="18096"/>
                    <a:pt x="18070" y="17921"/>
                    <a:pt x="18196" y="17921"/>
                  </a:cubicBezTo>
                  <a:cubicBezTo>
                    <a:pt x="18246" y="17871"/>
                    <a:pt x="18471" y="17921"/>
                    <a:pt x="18522" y="17921"/>
                  </a:cubicBezTo>
                  <a:cubicBezTo>
                    <a:pt x="18572" y="17996"/>
                    <a:pt x="18697" y="18046"/>
                    <a:pt x="18697" y="18096"/>
                  </a:cubicBezTo>
                  <a:cubicBezTo>
                    <a:pt x="18747" y="18146"/>
                    <a:pt x="18797" y="18372"/>
                    <a:pt x="18797" y="18447"/>
                  </a:cubicBezTo>
                  <a:cubicBezTo>
                    <a:pt x="18872" y="18547"/>
                    <a:pt x="18923" y="18723"/>
                    <a:pt x="18923" y="18773"/>
                  </a:cubicBezTo>
                  <a:cubicBezTo>
                    <a:pt x="18973" y="18823"/>
                    <a:pt x="19098" y="18948"/>
                    <a:pt x="19148" y="18999"/>
                  </a:cubicBezTo>
                  <a:cubicBezTo>
                    <a:pt x="19198" y="18999"/>
                    <a:pt x="19374" y="18898"/>
                    <a:pt x="19424" y="18898"/>
                  </a:cubicBezTo>
                  <a:cubicBezTo>
                    <a:pt x="19474" y="18898"/>
                    <a:pt x="19649" y="18948"/>
                    <a:pt x="19649" y="18999"/>
                  </a:cubicBezTo>
                  <a:cubicBezTo>
                    <a:pt x="19775" y="18999"/>
                    <a:pt x="19775" y="19224"/>
                    <a:pt x="19825" y="19274"/>
                  </a:cubicBezTo>
                  <a:cubicBezTo>
                    <a:pt x="19875" y="19349"/>
                    <a:pt x="20100" y="19450"/>
                    <a:pt x="20151" y="19500"/>
                  </a:cubicBezTo>
                  <a:cubicBezTo>
                    <a:pt x="20226" y="19575"/>
                    <a:pt x="20326" y="19725"/>
                    <a:pt x="20326" y="19851"/>
                  </a:cubicBezTo>
                  <a:cubicBezTo>
                    <a:pt x="20326" y="19901"/>
                    <a:pt x="20276" y="20076"/>
                    <a:pt x="20276" y="20126"/>
                  </a:cubicBezTo>
                  <a:cubicBezTo>
                    <a:pt x="20276" y="20302"/>
                    <a:pt x="20326" y="20578"/>
                    <a:pt x="20376" y="20703"/>
                  </a:cubicBezTo>
                  <a:cubicBezTo>
                    <a:pt x="20426" y="20803"/>
                    <a:pt x="20602" y="20979"/>
                    <a:pt x="20727" y="20979"/>
                  </a:cubicBezTo>
                  <a:cubicBezTo>
                    <a:pt x="20827" y="21029"/>
                    <a:pt x="21103" y="20928"/>
                    <a:pt x="21228" y="20979"/>
                  </a:cubicBezTo>
                  <a:cubicBezTo>
                    <a:pt x="21278" y="20979"/>
                    <a:pt x="21454" y="21029"/>
                    <a:pt x="21454" y="21029"/>
                  </a:cubicBezTo>
                  <a:cubicBezTo>
                    <a:pt x="21554" y="21154"/>
                    <a:pt x="21504" y="21354"/>
                    <a:pt x="21554" y="21480"/>
                  </a:cubicBezTo>
                  <a:cubicBezTo>
                    <a:pt x="21629" y="21580"/>
                    <a:pt x="21780" y="21806"/>
                    <a:pt x="21855" y="21931"/>
                  </a:cubicBezTo>
                  <a:cubicBezTo>
                    <a:pt x="21855" y="22031"/>
                    <a:pt x="21780" y="22332"/>
                    <a:pt x="21905" y="22382"/>
                  </a:cubicBezTo>
                  <a:cubicBezTo>
                    <a:pt x="21905" y="22482"/>
                    <a:pt x="22131" y="22482"/>
                    <a:pt x="22181" y="22608"/>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140" name="Google Shape;197;p16">
              <a:extLst>
                <a:ext uri="{FF2B5EF4-FFF2-40B4-BE49-F238E27FC236}">
                  <a16:creationId xmlns:a16="http://schemas.microsoft.com/office/drawing/2014/main" id="{AB4AF583-1D06-3596-3B3F-8DC20062AE2D}"/>
                </a:ext>
              </a:extLst>
            </p:cNvPr>
            <p:cNvSpPr/>
            <p:nvPr/>
          </p:nvSpPr>
          <p:spPr>
            <a:xfrm>
              <a:off x="1284346" y="1255563"/>
              <a:ext cx="622588" cy="833588"/>
            </a:xfrm>
            <a:custGeom>
              <a:avLst/>
              <a:gdLst/>
              <a:ahLst/>
              <a:cxnLst/>
              <a:rect l="l" t="t" r="r" b="b"/>
              <a:pathLst>
                <a:path w="22307" h="29867" extrusionOk="0">
                  <a:moveTo>
                    <a:pt x="15487" y="1"/>
                  </a:moveTo>
                  <a:cubicBezTo>
                    <a:pt x="15441" y="1"/>
                    <a:pt x="15399" y="7"/>
                    <a:pt x="15364" y="21"/>
                  </a:cubicBezTo>
                  <a:cubicBezTo>
                    <a:pt x="15263" y="21"/>
                    <a:pt x="15038" y="197"/>
                    <a:pt x="14862" y="322"/>
                  </a:cubicBezTo>
                  <a:cubicBezTo>
                    <a:pt x="14812" y="322"/>
                    <a:pt x="14587" y="372"/>
                    <a:pt x="14537" y="472"/>
                  </a:cubicBezTo>
                  <a:cubicBezTo>
                    <a:pt x="14537" y="547"/>
                    <a:pt x="14637" y="698"/>
                    <a:pt x="14637" y="823"/>
                  </a:cubicBezTo>
                  <a:cubicBezTo>
                    <a:pt x="14637" y="873"/>
                    <a:pt x="14687" y="1049"/>
                    <a:pt x="14637" y="1099"/>
                  </a:cubicBezTo>
                  <a:cubicBezTo>
                    <a:pt x="14626" y="1109"/>
                    <a:pt x="14608" y="1113"/>
                    <a:pt x="14585" y="1113"/>
                  </a:cubicBezTo>
                  <a:cubicBezTo>
                    <a:pt x="14522" y="1113"/>
                    <a:pt x="14426" y="1084"/>
                    <a:pt x="14363" y="1084"/>
                  </a:cubicBezTo>
                  <a:cubicBezTo>
                    <a:pt x="14340" y="1084"/>
                    <a:pt x="14322" y="1088"/>
                    <a:pt x="14311" y="1099"/>
                  </a:cubicBezTo>
                  <a:cubicBezTo>
                    <a:pt x="14186" y="1149"/>
                    <a:pt x="14236" y="1374"/>
                    <a:pt x="14186" y="1450"/>
                  </a:cubicBezTo>
                  <a:cubicBezTo>
                    <a:pt x="14177" y="1458"/>
                    <a:pt x="14164" y="1462"/>
                    <a:pt x="14149" y="1462"/>
                  </a:cubicBezTo>
                  <a:cubicBezTo>
                    <a:pt x="14099" y="1462"/>
                    <a:pt x="14021" y="1425"/>
                    <a:pt x="13965" y="1425"/>
                  </a:cubicBezTo>
                  <a:cubicBezTo>
                    <a:pt x="13942" y="1425"/>
                    <a:pt x="13922" y="1431"/>
                    <a:pt x="13910" y="1450"/>
                  </a:cubicBezTo>
                  <a:cubicBezTo>
                    <a:pt x="13860" y="1500"/>
                    <a:pt x="13860" y="1675"/>
                    <a:pt x="13860" y="1725"/>
                  </a:cubicBezTo>
                  <a:cubicBezTo>
                    <a:pt x="13785" y="1775"/>
                    <a:pt x="13684" y="1901"/>
                    <a:pt x="13559" y="1901"/>
                  </a:cubicBezTo>
                  <a:cubicBezTo>
                    <a:pt x="13550" y="1910"/>
                    <a:pt x="13536" y="1913"/>
                    <a:pt x="13518" y="1913"/>
                  </a:cubicBezTo>
                  <a:cubicBezTo>
                    <a:pt x="13458" y="1913"/>
                    <a:pt x="13357" y="1876"/>
                    <a:pt x="13274" y="1876"/>
                  </a:cubicBezTo>
                  <a:cubicBezTo>
                    <a:pt x="13239" y="1876"/>
                    <a:pt x="13208" y="1883"/>
                    <a:pt x="13183" y="1901"/>
                  </a:cubicBezTo>
                  <a:lnTo>
                    <a:pt x="13183" y="2001"/>
                  </a:lnTo>
                  <a:cubicBezTo>
                    <a:pt x="13108" y="2126"/>
                    <a:pt x="12882" y="2126"/>
                    <a:pt x="12832" y="2227"/>
                  </a:cubicBezTo>
                  <a:lnTo>
                    <a:pt x="12832" y="2402"/>
                  </a:lnTo>
                  <a:cubicBezTo>
                    <a:pt x="12832" y="2452"/>
                    <a:pt x="12958" y="2577"/>
                    <a:pt x="13008" y="2628"/>
                  </a:cubicBezTo>
                  <a:cubicBezTo>
                    <a:pt x="13058" y="2678"/>
                    <a:pt x="13108" y="2678"/>
                    <a:pt x="13183" y="2728"/>
                  </a:cubicBezTo>
                  <a:cubicBezTo>
                    <a:pt x="13233" y="2803"/>
                    <a:pt x="13233" y="3029"/>
                    <a:pt x="13233" y="3129"/>
                  </a:cubicBezTo>
                  <a:cubicBezTo>
                    <a:pt x="13283" y="3254"/>
                    <a:pt x="13409" y="3354"/>
                    <a:pt x="13409" y="3480"/>
                  </a:cubicBezTo>
                  <a:cubicBezTo>
                    <a:pt x="13409" y="3530"/>
                    <a:pt x="13283" y="3755"/>
                    <a:pt x="13233" y="3806"/>
                  </a:cubicBezTo>
                  <a:cubicBezTo>
                    <a:pt x="13183" y="3856"/>
                    <a:pt x="13008" y="3856"/>
                    <a:pt x="12958" y="3856"/>
                  </a:cubicBezTo>
                  <a:cubicBezTo>
                    <a:pt x="12882" y="3931"/>
                    <a:pt x="12882" y="4081"/>
                    <a:pt x="12882" y="4156"/>
                  </a:cubicBezTo>
                  <a:cubicBezTo>
                    <a:pt x="12849" y="4173"/>
                    <a:pt x="12807" y="4179"/>
                    <a:pt x="12763" y="4179"/>
                  </a:cubicBezTo>
                  <a:cubicBezTo>
                    <a:pt x="12674" y="4179"/>
                    <a:pt x="12573" y="4156"/>
                    <a:pt x="12506" y="4156"/>
                  </a:cubicBezTo>
                  <a:cubicBezTo>
                    <a:pt x="12381" y="4207"/>
                    <a:pt x="12206" y="4432"/>
                    <a:pt x="12156" y="4532"/>
                  </a:cubicBezTo>
                  <a:cubicBezTo>
                    <a:pt x="12105" y="4708"/>
                    <a:pt x="12156" y="5109"/>
                    <a:pt x="12105" y="5209"/>
                  </a:cubicBezTo>
                  <a:cubicBezTo>
                    <a:pt x="12055" y="5334"/>
                    <a:pt x="11830" y="5510"/>
                    <a:pt x="11755" y="5510"/>
                  </a:cubicBezTo>
                  <a:cubicBezTo>
                    <a:pt x="11604" y="5610"/>
                    <a:pt x="11253" y="5560"/>
                    <a:pt x="11153" y="5660"/>
                  </a:cubicBezTo>
                  <a:cubicBezTo>
                    <a:pt x="11028" y="5735"/>
                    <a:pt x="10877" y="5936"/>
                    <a:pt x="10802" y="6061"/>
                  </a:cubicBezTo>
                  <a:cubicBezTo>
                    <a:pt x="10802" y="6161"/>
                    <a:pt x="10877" y="6387"/>
                    <a:pt x="10802" y="6512"/>
                  </a:cubicBezTo>
                  <a:cubicBezTo>
                    <a:pt x="10752" y="6512"/>
                    <a:pt x="10652" y="6613"/>
                    <a:pt x="10577" y="6613"/>
                  </a:cubicBezTo>
                  <a:cubicBezTo>
                    <a:pt x="10527" y="6613"/>
                    <a:pt x="10351" y="6562"/>
                    <a:pt x="10301" y="6562"/>
                  </a:cubicBezTo>
                  <a:cubicBezTo>
                    <a:pt x="10251" y="6512"/>
                    <a:pt x="10126" y="6512"/>
                    <a:pt x="10075" y="6512"/>
                  </a:cubicBezTo>
                  <a:lnTo>
                    <a:pt x="9850" y="6512"/>
                  </a:lnTo>
                  <a:lnTo>
                    <a:pt x="9850" y="6788"/>
                  </a:lnTo>
                  <a:lnTo>
                    <a:pt x="9850" y="7139"/>
                  </a:lnTo>
                  <a:cubicBezTo>
                    <a:pt x="9900" y="7239"/>
                    <a:pt x="10025" y="7415"/>
                    <a:pt x="10075" y="7515"/>
                  </a:cubicBezTo>
                  <a:cubicBezTo>
                    <a:pt x="10126" y="7590"/>
                    <a:pt x="10301" y="7690"/>
                    <a:pt x="10301" y="7816"/>
                  </a:cubicBezTo>
                  <a:cubicBezTo>
                    <a:pt x="10301" y="7916"/>
                    <a:pt x="10075" y="8091"/>
                    <a:pt x="10025" y="8192"/>
                  </a:cubicBezTo>
                  <a:cubicBezTo>
                    <a:pt x="9975" y="8317"/>
                    <a:pt x="9900" y="8542"/>
                    <a:pt x="9900" y="8643"/>
                  </a:cubicBezTo>
                  <a:cubicBezTo>
                    <a:pt x="9975" y="8768"/>
                    <a:pt x="10126" y="8943"/>
                    <a:pt x="10251" y="8994"/>
                  </a:cubicBezTo>
                  <a:cubicBezTo>
                    <a:pt x="10301" y="9094"/>
                    <a:pt x="10577" y="9269"/>
                    <a:pt x="10652" y="9395"/>
                  </a:cubicBezTo>
                  <a:cubicBezTo>
                    <a:pt x="10652" y="9445"/>
                    <a:pt x="10702" y="9545"/>
                    <a:pt x="10652" y="9670"/>
                  </a:cubicBezTo>
                  <a:cubicBezTo>
                    <a:pt x="10652" y="9720"/>
                    <a:pt x="10476" y="9771"/>
                    <a:pt x="10426" y="9846"/>
                  </a:cubicBezTo>
                  <a:cubicBezTo>
                    <a:pt x="10426" y="9896"/>
                    <a:pt x="10476" y="9946"/>
                    <a:pt x="10476" y="9996"/>
                  </a:cubicBezTo>
                  <a:cubicBezTo>
                    <a:pt x="10527" y="10071"/>
                    <a:pt x="10652" y="10172"/>
                    <a:pt x="10702" y="10222"/>
                  </a:cubicBezTo>
                  <a:cubicBezTo>
                    <a:pt x="10702" y="10297"/>
                    <a:pt x="10752" y="10522"/>
                    <a:pt x="10702" y="10573"/>
                  </a:cubicBezTo>
                  <a:cubicBezTo>
                    <a:pt x="10652" y="10623"/>
                    <a:pt x="10426" y="10748"/>
                    <a:pt x="10301" y="10748"/>
                  </a:cubicBezTo>
                  <a:cubicBezTo>
                    <a:pt x="10283" y="10757"/>
                    <a:pt x="10263" y="10760"/>
                    <a:pt x="10242" y="10760"/>
                  </a:cubicBezTo>
                  <a:cubicBezTo>
                    <a:pt x="10170" y="10760"/>
                    <a:pt x="10081" y="10723"/>
                    <a:pt x="9998" y="10723"/>
                  </a:cubicBezTo>
                  <a:cubicBezTo>
                    <a:pt x="9964" y="10723"/>
                    <a:pt x="9930" y="10730"/>
                    <a:pt x="9900" y="10748"/>
                  </a:cubicBezTo>
                  <a:cubicBezTo>
                    <a:pt x="9800" y="10798"/>
                    <a:pt x="9674" y="11074"/>
                    <a:pt x="9624" y="11124"/>
                  </a:cubicBezTo>
                  <a:cubicBezTo>
                    <a:pt x="9574" y="11199"/>
                    <a:pt x="9399" y="11299"/>
                    <a:pt x="9298" y="11349"/>
                  </a:cubicBezTo>
                  <a:cubicBezTo>
                    <a:pt x="9173" y="11349"/>
                    <a:pt x="8948" y="11299"/>
                    <a:pt x="8897" y="11299"/>
                  </a:cubicBezTo>
                  <a:cubicBezTo>
                    <a:pt x="8772" y="11299"/>
                    <a:pt x="8622" y="11199"/>
                    <a:pt x="8496" y="11199"/>
                  </a:cubicBezTo>
                  <a:cubicBezTo>
                    <a:pt x="8430" y="11199"/>
                    <a:pt x="8274" y="11221"/>
                    <a:pt x="8133" y="11221"/>
                  </a:cubicBezTo>
                  <a:cubicBezTo>
                    <a:pt x="8062" y="11221"/>
                    <a:pt x="7995" y="11216"/>
                    <a:pt x="7945" y="11199"/>
                  </a:cubicBezTo>
                  <a:cubicBezTo>
                    <a:pt x="7820" y="11199"/>
                    <a:pt x="7644" y="11074"/>
                    <a:pt x="7594" y="11074"/>
                  </a:cubicBezTo>
                  <a:cubicBezTo>
                    <a:pt x="7494" y="11074"/>
                    <a:pt x="7268" y="11074"/>
                    <a:pt x="7193" y="11124"/>
                  </a:cubicBezTo>
                  <a:cubicBezTo>
                    <a:pt x="7143" y="11124"/>
                    <a:pt x="7043" y="11299"/>
                    <a:pt x="6968" y="11349"/>
                  </a:cubicBezTo>
                  <a:cubicBezTo>
                    <a:pt x="6917" y="11425"/>
                    <a:pt x="6817" y="11575"/>
                    <a:pt x="6742" y="11650"/>
                  </a:cubicBezTo>
                  <a:cubicBezTo>
                    <a:pt x="6642" y="11750"/>
                    <a:pt x="6466" y="11876"/>
                    <a:pt x="6366" y="11926"/>
                  </a:cubicBezTo>
                  <a:cubicBezTo>
                    <a:pt x="6324" y="11943"/>
                    <a:pt x="6280" y="11948"/>
                    <a:pt x="6234" y="11948"/>
                  </a:cubicBezTo>
                  <a:cubicBezTo>
                    <a:pt x="6143" y="11948"/>
                    <a:pt x="6049" y="11926"/>
                    <a:pt x="5965" y="11926"/>
                  </a:cubicBezTo>
                  <a:cubicBezTo>
                    <a:pt x="5865" y="11976"/>
                    <a:pt x="5639" y="12151"/>
                    <a:pt x="5514" y="12252"/>
                  </a:cubicBezTo>
                  <a:cubicBezTo>
                    <a:pt x="5464" y="12252"/>
                    <a:pt x="5414" y="12377"/>
                    <a:pt x="5414" y="12427"/>
                  </a:cubicBezTo>
                  <a:cubicBezTo>
                    <a:pt x="5339" y="12477"/>
                    <a:pt x="5188" y="12603"/>
                    <a:pt x="5113" y="12603"/>
                  </a:cubicBezTo>
                  <a:cubicBezTo>
                    <a:pt x="5013" y="12603"/>
                    <a:pt x="4887" y="12477"/>
                    <a:pt x="4837" y="12427"/>
                  </a:cubicBezTo>
                  <a:lnTo>
                    <a:pt x="4612" y="12427"/>
                  </a:lnTo>
                  <a:cubicBezTo>
                    <a:pt x="4612" y="12477"/>
                    <a:pt x="4662" y="12552"/>
                    <a:pt x="4662" y="12603"/>
                  </a:cubicBezTo>
                  <a:cubicBezTo>
                    <a:pt x="4662" y="12653"/>
                    <a:pt x="4787" y="12778"/>
                    <a:pt x="4787" y="12828"/>
                  </a:cubicBezTo>
                  <a:cubicBezTo>
                    <a:pt x="4837" y="12878"/>
                    <a:pt x="4887" y="13104"/>
                    <a:pt x="4837" y="13154"/>
                  </a:cubicBezTo>
                  <a:cubicBezTo>
                    <a:pt x="4787" y="13229"/>
                    <a:pt x="4612" y="13229"/>
                    <a:pt x="4562" y="13279"/>
                  </a:cubicBezTo>
                  <a:cubicBezTo>
                    <a:pt x="4528" y="13279"/>
                    <a:pt x="4461" y="13257"/>
                    <a:pt x="4406" y="13257"/>
                  </a:cubicBezTo>
                  <a:cubicBezTo>
                    <a:pt x="4378" y="13257"/>
                    <a:pt x="4353" y="13263"/>
                    <a:pt x="4336" y="13279"/>
                  </a:cubicBezTo>
                  <a:cubicBezTo>
                    <a:pt x="4211" y="13329"/>
                    <a:pt x="4060" y="13455"/>
                    <a:pt x="4060" y="13555"/>
                  </a:cubicBezTo>
                  <a:cubicBezTo>
                    <a:pt x="3985" y="13605"/>
                    <a:pt x="4110" y="13781"/>
                    <a:pt x="4110" y="13906"/>
                  </a:cubicBezTo>
                  <a:cubicBezTo>
                    <a:pt x="4161" y="13956"/>
                    <a:pt x="4336" y="14131"/>
                    <a:pt x="4336" y="14232"/>
                  </a:cubicBezTo>
                  <a:cubicBezTo>
                    <a:pt x="4386" y="14282"/>
                    <a:pt x="4386" y="14507"/>
                    <a:pt x="4336" y="14633"/>
                  </a:cubicBezTo>
                  <a:cubicBezTo>
                    <a:pt x="4336" y="14683"/>
                    <a:pt x="4110" y="14683"/>
                    <a:pt x="4110" y="14733"/>
                  </a:cubicBezTo>
                  <a:cubicBezTo>
                    <a:pt x="4060" y="14808"/>
                    <a:pt x="4060" y="14858"/>
                    <a:pt x="3985" y="14908"/>
                  </a:cubicBezTo>
                  <a:lnTo>
                    <a:pt x="3760" y="14908"/>
                  </a:lnTo>
                  <a:cubicBezTo>
                    <a:pt x="3709" y="14908"/>
                    <a:pt x="3609" y="14858"/>
                    <a:pt x="3484" y="14858"/>
                  </a:cubicBezTo>
                  <a:cubicBezTo>
                    <a:pt x="3384" y="14858"/>
                    <a:pt x="3083" y="14908"/>
                    <a:pt x="2983" y="14908"/>
                  </a:cubicBezTo>
                  <a:cubicBezTo>
                    <a:pt x="2932" y="14959"/>
                    <a:pt x="2757" y="15034"/>
                    <a:pt x="2707" y="15134"/>
                  </a:cubicBezTo>
                  <a:cubicBezTo>
                    <a:pt x="2632" y="15184"/>
                    <a:pt x="2807" y="15360"/>
                    <a:pt x="2807" y="15485"/>
                  </a:cubicBezTo>
                  <a:cubicBezTo>
                    <a:pt x="2757" y="15535"/>
                    <a:pt x="2632" y="15585"/>
                    <a:pt x="2531" y="15585"/>
                  </a:cubicBezTo>
                  <a:cubicBezTo>
                    <a:pt x="2521" y="15596"/>
                    <a:pt x="2505" y="15600"/>
                    <a:pt x="2485" y="15600"/>
                  </a:cubicBezTo>
                  <a:cubicBezTo>
                    <a:pt x="2430" y="15600"/>
                    <a:pt x="2345" y="15571"/>
                    <a:pt x="2265" y="15571"/>
                  </a:cubicBezTo>
                  <a:cubicBezTo>
                    <a:pt x="2236" y="15571"/>
                    <a:pt x="2207" y="15574"/>
                    <a:pt x="2181" y="15585"/>
                  </a:cubicBezTo>
                  <a:cubicBezTo>
                    <a:pt x="2181" y="15635"/>
                    <a:pt x="2181" y="15761"/>
                    <a:pt x="2130" y="15761"/>
                  </a:cubicBezTo>
                  <a:cubicBezTo>
                    <a:pt x="2080" y="15811"/>
                    <a:pt x="1955" y="15861"/>
                    <a:pt x="1905" y="15936"/>
                  </a:cubicBezTo>
                  <a:cubicBezTo>
                    <a:pt x="1855" y="15936"/>
                    <a:pt x="1679" y="15986"/>
                    <a:pt x="1629" y="15986"/>
                  </a:cubicBezTo>
                  <a:cubicBezTo>
                    <a:pt x="1579" y="15936"/>
                    <a:pt x="1529" y="15761"/>
                    <a:pt x="1454" y="15710"/>
                  </a:cubicBezTo>
                  <a:cubicBezTo>
                    <a:pt x="1404" y="15710"/>
                    <a:pt x="1228" y="15635"/>
                    <a:pt x="1178" y="15635"/>
                  </a:cubicBezTo>
                  <a:cubicBezTo>
                    <a:pt x="1128" y="15710"/>
                    <a:pt x="1078" y="15811"/>
                    <a:pt x="1003" y="15811"/>
                  </a:cubicBezTo>
                  <a:cubicBezTo>
                    <a:pt x="953" y="15861"/>
                    <a:pt x="902" y="15861"/>
                    <a:pt x="852" y="15936"/>
                  </a:cubicBezTo>
                  <a:cubicBezTo>
                    <a:pt x="786" y="15936"/>
                    <a:pt x="663" y="15802"/>
                    <a:pt x="549" y="15802"/>
                  </a:cubicBezTo>
                  <a:cubicBezTo>
                    <a:pt x="533" y="15802"/>
                    <a:pt x="517" y="15804"/>
                    <a:pt x="501" y="15811"/>
                  </a:cubicBezTo>
                  <a:cubicBezTo>
                    <a:pt x="451" y="15811"/>
                    <a:pt x="276" y="15861"/>
                    <a:pt x="226" y="15936"/>
                  </a:cubicBezTo>
                  <a:cubicBezTo>
                    <a:pt x="176" y="15986"/>
                    <a:pt x="0" y="16212"/>
                    <a:pt x="0" y="16312"/>
                  </a:cubicBezTo>
                  <a:cubicBezTo>
                    <a:pt x="0" y="16387"/>
                    <a:pt x="50" y="16537"/>
                    <a:pt x="50" y="16613"/>
                  </a:cubicBezTo>
                  <a:cubicBezTo>
                    <a:pt x="100" y="16663"/>
                    <a:pt x="226" y="16763"/>
                    <a:pt x="276" y="16888"/>
                  </a:cubicBezTo>
                  <a:cubicBezTo>
                    <a:pt x="276" y="16938"/>
                    <a:pt x="276" y="17114"/>
                    <a:pt x="326" y="17214"/>
                  </a:cubicBezTo>
                  <a:cubicBezTo>
                    <a:pt x="326" y="17289"/>
                    <a:pt x="501" y="17289"/>
                    <a:pt x="552" y="17339"/>
                  </a:cubicBezTo>
                  <a:cubicBezTo>
                    <a:pt x="627" y="17339"/>
                    <a:pt x="727" y="17289"/>
                    <a:pt x="852" y="17289"/>
                  </a:cubicBezTo>
                  <a:lnTo>
                    <a:pt x="953" y="17390"/>
                  </a:lnTo>
                  <a:cubicBezTo>
                    <a:pt x="1003" y="17440"/>
                    <a:pt x="953" y="17565"/>
                    <a:pt x="953" y="17615"/>
                  </a:cubicBezTo>
                  <a:cubicBezTo>
                    <a:pt x="953" y="17665"/>
                    <a:pt x="1003" y="17841"/>
                    <a:pt x="1003" y="17891"/>
                  </a:cubicBezTo>
                  <a:cubicBezTo>
                    <a:pt x="1003" y="17966"/>
                    <a:pt x="1128" y="18116"/>
                    <a:pt x="1078" y="18192"/>
                  </a:cubicBezTo>
                  <a:cubicBezTo>
                    <a:pt x="1078" y="18242"/>
                    <a:pt x="1003" y="18342"/>
                    <a:pt x="1003" y="18417"/>
                  </a:cubicBezTo>
                  <a:lnTo>
                    <a:pt x="1003" y="18743"/>
                  </a:lnTo>
                  <a:cubicBezTo>
                    <a:pt x="1078" y="18793"/>
                    <a:pt x="1178" y="18918"/>
                    <a:pt x="1228" y="18969"/>
                  </a:cubicBezTo>
                  <a:cubicBezTo>
                    <a:pt x="1303" y="19019"/>
                    <a:pt x="1404" y="19194"/>
                    <a:pt x="1529" y="19194"/>
                  </a:cubicBezTo>
                  <a:cubicBezTo>
                    <a:pt x="1629" y="19244"/>
                    <a:pt x="1805" y="19244"/>
                    <a:pt x="1905" y="19319"/>
                  </a:cubicBezTo>
                  <a:cubicBezTo>
                    <a:pt x="1955" y="19319"/>
                    <a:pt x="1955" y="19470"/>
                    <a:pt x="2080" y="19545"/>
                  </a:cubicBezTo>
                  <a:cubicBezTo>
                    <a:pt x="2130" y="19545"/>
                    <a:pt x="2256" y="19545"/>
                    <a:pt x="2306" y="19470"/>
                  </a:cubicBezTo>
                  <a:cubicBezTo>
                    <a:pt x="2356" y="19420"/>
                    <a:pt x="2406" y="19319"/>
                    <a:pt x="2481" y="19244"/>
                  </a:cubicBezTo>
                  <a:lnTo>
                    <a:pt x="2707" y="19244"/>
                  </a:lnTo>
                  <a:cubicBezTo>
                    <a:pt x="2757" y="19319"/>
                    <a:pt x="2807" y="19420"/>
                    <a:pt x="2857" y="19470"/>
                  </a:cubicBezTo>
                  <a:cubicBezTo>
                    <a:pt x="2983" y="19595"/>
                    <a:pt x="3208" y="19695"/>
                    <a:pt x="3208" y="19821"/>
                  </a:cubicBezTo>
                  <a:cubicBezTo>
                    <a:pt x="3258" y="19871"/>
                    <a:pt x="3208" y="20096"/>
                    <a:pt x="3208" y="20222"/>
                  </a:cubicBezTo>
                  <a:cubicBezTo>
                    <a:pt x="3158" y="20322"/>
                    <a:pt x="3158" y="20548"/>
                    <a:pt x="3208" y="20598"/>
                  </a:cubicBezTo>
                  <a:cubicBezTo>
                    <a:pt x="3208" y="20773"/>
                    <a:pt x="3434" y="20999"/>
                    <a:pt x="3484" y="21124"/>
                  </a:cubicBezTo>
                  <a:cubicBezTo>
                    <a:pt x="3484" y="21224"/>
                    <a:pt x="3659" y="21500"/>
                    <a:pt x="3609" y="21625"/>
                  </a:cubicBezTo>
                  <a:cubicBezTo>
                    <a:pt x="3588" y="21639"/>
                    <a:pt x="3561" y="21645"/>
                    <a:pt x="3531" y="21645"/>
                  </a:cubicBezTo>
                  <a:cubicBezTo>
                    <a:pt x="3452" y="21645"/>
                    <a:pt x="3349" y="21604"/>
                    <a:pt x="3258" y="21550"/>
                  </a:cubicBezTo>
                  <a:cubicBezTo>
                    <a:pt x="3208" y="21500"/>
                    <a:pt x="3158" y="21400"/>
                    <a:pt x="3083" y="21400"/>
                  </a:cubicBezTo>
                  <a:cubicBezTo>
                    <a:pt x="3060" y="21382"/>
                    <a:pt x="3033" y="21376"/>
                    <a:pt x="3004" y="21376"/>
                  </a:cubicBezTo>
                  <a:cubicBezTo>
                    <a:pt x="2908" y="21376"/>
                    <a:pt x="2796" y="21450"/>
                    <a:pt x="2757" y="21450"/>
                  </a:cubicBezTo>
                  <a:cubicBezTo>
                    <a:pt x="2707" y="21500"/>
                    <a:pt x="2582" y="21625"/>
                    <a:pt x="2582" y="21725"/>
                  </a:cubicBezTo>
                  <a:cubicBezTo>
                    <a:pt x="2531" y="21851"/>
                    <a:pt x="2707" y="22001"/>
                    <a:pt x="2632" y="22126"/>
                  </a:cubicBezTo>
                  <a:cubicBezTo>
                    <a:pt x="2632" y="22227"/>
                    <a:pt x="2531" y="22402"/>
                    <a:pt x="2481" y="22452"/>
                  </a:cubicBezTo>
                  <a:cubicBezTo>
                    <a:pt x="2356" y="22578"/>
                    <a:pt x="2256" y="22803"/>
                    <a:pt x="2130" y="22903"/>
                  </a:cubicBezTo>
                  <a:cubicBezTo>
                    <a:pt x="2080" y="22979"/>
                    <a:pt x="1955" y="23029"/>
                    <a:pt x="1905" y="23079"/>
                  </a:cubicBezTo>
                  <a:cubicBezTo>
                    <a:pt x="1855" y="23129"/>
                    <a:pt x="1805" y="23254"/>
                    <a:pt x="1755" y="23355"/>
                  </a:cubicBezTo>
                  <a:cubicBezTo>
                    <a:pt x="1755" y="23480"/>
                    <a:pt x="1679" y="23756"/>
                    <a:pt x="1755" y="23881"/>
                  </a:cubicBezTo>
                  <a:cubicBezTo>
                    <a:pt x="1755" y="23931"/>
                    <a:pt x="1855" y="24106"/>
                    <a:pt x="1905" y="24157"/>
                  </a:cubicBezTo>
                  <a:cubicBezTo>
                    <a:pt x="1955" y="24207"/>
                    <a:pt x="2181" y="24332"/>
                    <a:pt x="2181" y="24382"/>
                  </a:cubicBezTo>
                  <a:lnTo>
                    <a:pt x="2181" y="24558"/>
                  </a:lnTo>
                  <a:cubicBezTo>
                    <a:pt x="2130" y="24608"/>
                    <a:pt x="2030" y="24658"/>
                    <a:pt x="1955" y="24708"/>
                  </a:cubicBezTo>
                  <a:cubicBezTo>
                    <a:pt x="1905" y="24783"/>
                    <a:pt x="1905" y="24883"/>
                    <a:pt x="1905" y="25009"/>
                  </a:cubicBezTo>
                  <a:cubicBezTo>
                    <a:pt x="1855" y="25109"/>
                    <a:pt x="1855" y="25335"/>
                    <a:pt x="1905" y="25460"/>
                  </a:cubicBezTo>
                  <a:cubicBezTo>
                    <a:pt x="1905" y="25560"/>
                    <a:pt x="1955" y="25911"/>
                    <a:pt x="2080" y="26011"/>
                  </a:cubicBezTo>
                  <a:cubicBezTo>
                    <a:pt x="2130" y="26061"/>
                    <a:pt x="2356" y="26061"/>
                    <a:pt x="2481" y="26137"/>
                  </a:cubicBezTo>
                  <a:cubicBezTo>
                    <a:pt x="2531" y="26187"/>
                    <a:pt x="2707" y="26362"/>
                    <a:pt x="2707" y="26462"/>
                  </a:cubicBezTo>
                  <a:lnTo>
                    <a:pt x="2707" y="26638"/>
                  </a:lnTo>
                  <a:cubicBezTo>
                    <a:pt x="2707" y="26738"/>
                    <a:pt x="2632" y="26964"/>
                    <a:pt x="2707" y="27039"/>
                  </a:cubicBezTo>
                  <a:cubicBezTo>
                    <a:pt x="2757" y="27089"/>
                    <a:pt x="2807" y="27264"/>
                    <a:pt x="2857" y="27264"/>
                  </a:cubicBezTo>
                  <a:cubicBezTo>
                    <a:pt x="2962" y="27264"/>
                    <a:pt x="3136" y="27177"/>
                    <a:pt x="3220" y="27177"/>
                  </a:cubicBezTo>
                  <a:cubicBezTo>
                    <a:pt x="3237" y="27177"/>
                    <a:pt x="3250" y="27181"/>
                    <a:pt x="3258" y="27189"/>
                  </a:cubicBezTo>
                  <a:cubicBezTo>
                    <a:pt x="3384" y="27189"/>
                    <a:pt x="3484" y="27264"/>
                    <a:pt x="3609" y="27314"/>
                  </a:cubicBezTo>
                  <a:cubicBezTo>
                    <a:pt x="3659" y="27365"/>
                    <a:pt x="3835" y="27540"/>
                    <a:pt x="3935" y="27540"/>
                  </a:cubicBezTo>
                  <a:cubicBezTo>
                    <a:pt x="3935" y="27540"/>
                    <a:pt x="3985" y="27490"/>
                    <a:pt x="3985" y="27415"/>
                  </a:cubicBezTo>
                  <a:cubicBezTo>
                    <a:pt x="4060" y="27415"/>
                    <a:pt x="4161" y="27540"/>
                    <a:pt x="4161" y="27540"/>
                  </a:cubicBezTo>
                  <a:cubicBezTo>
                    <a:pt x="4211" y="27590"/>
                    <a:pt x="4286" y="27715"/>
                    <a:pt x="4286" y="27766"/>
                  </a:cubicBezTo>
                  <a:cubicBezTo>
                    <a:pt x="4336" y="27816"/>
                    <a:pt x="4436" y="27866"/>
                    <a:pt x="4511" y="27941"/>
                  </a:cubicBezTo>
                  <a:cubicBezTo>
                    <a:pt x="4612" y="27991"/>
                    <a:pt x="4787" y="27991"/>
                    <a:pt x="4887" y="28041"/>
                  </a:cubicBezTo>
                  <a:cubicBezTo>
                    <a:pt x="4963" y="28091"/>
                    <a:pt x="5063" y="28267"/>
                    <a:pt x="5113" y="28317"/>
                  </a:cubicBezTo>
                  <a:cubicBezTo>
                    <a:pt x="5238" y="28392"/>
                    <a:pt x="5414" y="28392"/>
                    <a:pt x="5514" y="28442"/>
                  </a:cubicBezTo>
                  <a:cubicBezTo>
                    <a:pt x="5639" y="28442"/>
                    <a:pt x="5740" y="28618"/>
                    <a:pt x="5865" y="28668"/>
                  </a:cubicBezTo>
                  <a:cubicBezTo>
                    <a:pt x="5915" y="28668"/>
                    <a:pt x="6090" y="28543"/>
                    <a:pt x="6191" y="28543"/>
                  </a:cubicBezTo>
                  <a:cubicBezTo>
                    <a:pt x="6224" y="28543"/>
                    <a:pt x="6335" y="28520"/>
                    <a:pt x="6428" y="28520"/>
                  </a:cubicBezTo>
                  <a:cubicBezTo>
                    <a:pt x="6475" y="28520"/>
                    <a:pt x="6516" y="28526"/>
                    <a:pt x="6542" y="28543"/>
                  </a:cubicBezTo>
                  <a:cubicBezTo>
                    <a:pt x="6642" y="28543"/>
                    <a:pt x="6817" y="28668"/>
                    <a:pt x="6867" y="28668"/>
                  </a:cubicBezTo>
                  <a:cubicBezTo>
                    <a:pt x="6968" y="28668"/>
                    <a:pt x="7093" y="28492"/>
                    <a:pt x="7143" y="28442"/>
                  </a:cubicBezTo>
                  <a:cubicBezTo>
                    <a:pt x="7318" y="28317"/>
                    <a:pt x="7544" y="28217"/>
                    <a:pt x="7719" y="28217"/>
                  </a:cubicBezTo>
                  <a:cubicBezTo>
                    <a:pt x="7800" y="28217"/>
                    <a:pt x="7992" y="28281"/>
                    <a:pt x="8156" y="28281"/>
                  </a:cubicBezTo>
                  <a:cubicBezTo>
                    <a:pt x="8197" y="28281"/>
                    <a:pt x="8236" y="28277"/>
                    <a:pt x="8271" y="28267"/>
                  </a:cubicBezTo>
                  <a:cubicBezTo>
                    <a:pt x="8321" y="28217"/>
                    <a:pt x="8321" y="27991"/>
                    <a:pt x="8396" y="27991"/>
                  </a:cubicBezTo>
                  <a:cubicBezTo>
                    <a:pt x="8411" y="27976"/>
                    <a:pt x="8430" y="27970"/>
                    <a:pt x="8451" y="27970"/>
                  </a:cubicBezTo>
                  <a:cubicBezTo>
                    <a:pt x="8503" y="27970"/>
                    <a:pt x="8569" y="28006"/>
                    <a:pt x="8622" y="28041"/>
                  </a:cubicBezTo>
                  <a:cubicBezTo>
                    <a:pt x="8672" y="28041"/>
                    <a:pt x="8722" y="28091"/>
                    <a:pt x="8722" y="28167"/>
                  </a:cubicBezTo>
                  <a:cubicBezTo>
                    <a:pt x="8722" y="28267"/>
                    <a:pt x="8622" y="28392"/>
                    <a:pt x="8547" y="28492"/>
                  </a:cubicBezTo>
                  <a:cubicBezTo>
                    <a:pt x="8547" y="28543"/>
                    <a:pt x="8672" y="28718"/>
                    <a:pt x="8722" y="28768"/>
                  </a:cubicBezTo>
                  <a:cubicBezTo>
                    <a:pt x="8772" y="28843"/>
                    <a:pt x="8948" y="28944"/>
                    <a:pt x="8998" y="29069"/>
                  </a:cubicBezTo>
                  <a:cubicBezTo>
                    <a:pt x="8998" y="29169"/>
                    <a:pt x="8998" y="29395"/>
                    <a:pt x="8948" y="29520"/>
                  </a:cubicBezTo>
                  <a:cubicBezTo>
                    <a:pt x="8948" y="29570"/>
                    <a:pt x="8772" y="29670"/>
                    <a:pt x="8672" y="29746"/>
                  </a:cubicBezTo>
                  <a:cubicBezTo>
                    <a:pt x="8722" y="29796"/>
                    <a:pt x="8772" y="29846"/>
                    <a:pt x="8847" y="29846"/>
                  </a:cubicBezTo>
                  <a:cubicBezTo>
                    <a:pt x="8862" y="29860"/>
                    <a:pt x="8887" y="29867"/>
                    <a:pt x="8919" y="29867"/>
                  </a:cubicBezTo>
                  <a:cubicBezTo>
                    <a:pt x="8994" y="29867"/>
                    <a:pt x="9102" y="29831"/>
                    <a:pt x="9173" y="29796"/>
                  </a:cubicBezTo>
                  <a:cubicBezTo>
                    <a:pt x="9223" y="29746"/>
                    <a:pt x="9223" y="29570"/>
                    <a:pt x="9298" y="29445"/>
                  </a:cubicBezTo>
                  <a:cubicBezTo>
                    <a:pt x="9349" y="29395"/>
                    <a:pt x="9524" y="29219"/>
                    <a:pt x="9624" y="29219"/>
                  </a:cubicBezTo>
                  <a:cubicBezTo>
                    <a:pt x="9750" y="29219"/>
                    <a:pt x="9850" y="29445"/>
                    <a:pt x="9975" y="29520"/>
                  </a:cubicBezTo>
                  <a:lnTo>
                    <a:pt x="10251" y="29520"/>
                  </a:lnTo>
                  <a:cubicBezTo>
                    <a:pt x="10426" y="29520"/>
                    <a:pt x="10652" y="29620"/>
                    <a:pt x="10752" y="29620"/>
                  </a:cubicBezTo>
                  <a:cubicBezTo>
                    <a:pt x="10877" y="29620"/>
                    <a:pt x="11103" y="29620"/>
                    <a:pt x="11203" y="29570"/>
                  </a:cubicBezTo>
                  <a:cubicBezTo>
                    <a:pt x="11253" y="29520"/>
                    <a:pt x="11253" y="29345"/>
                    <a:pt x="11303" y="29294"/>
                  </a:cubicBezTo>
                  <a:cubicBezTo>
                    <a:pt x="11429" y="29169"/>
                    <a:pt x="11654" y="29069"/>
                    <a:pt x="11755" y="28944"/>
                  </a:cubicBezTo>
                  <a:cubicBezTo>
                    <a:pt x="11830" y="28893"/>
                    <a:pt x="12055" y="28893"/>
                    <a:pt x="12105" y="28768"/>
                  </a:cubicBezTo>
                  <a:cubicBezTo>
                    <a:pt x="12156" y="28668"/>
                    <a:pt x="12156" y="28442"/>
                    <a:pt x="12105" y="28317"/>
                  </a:cubicBezTo>
                  <a:lnTo>
                    <a:pt x="12105" y="28041"/>
                  </a:lnTo>
                  <a:cubicBezTo>
                    <a:pt x="12105" y="27941"/>
                    <a:pt x="12281" y="27766"/>
                    <a:pt x="12281" y="27640"/>
                  </a:cubicBezTo>
                  <a:cubicBezTo>
                    <a:pt x="12281" y="27590"/>
                    <a:pt x="12206" y="27415"/>
                    <a:pt x="12206" y="27365"/>
                  </a:cubicBezTo>
                  <a:cubicBezTo>
                    <a:pt x="12156" y="27314"/>
                    <a:pt x="12105" y="27189"/>
                    <a:pt x="12105" y="27139"/>
                  </a:cubicBezTo>
                  <a:cubicBezTo>
                    <a:pt x="12105" y="27039"/>
                    <a:pt x="12156" y="26913"/>
                    <a:pt x="12206" y="26863"/>
                  </a:cubicBezTo>
                  <a:cubicBezTo>
                    <a:pt x="12331" y="26738"/>
                    <a:pt x="12657" y="26512"/>
                    <a:pt x="12782" y="26412"/>
                  </a:cubicBezTo>
                  <a:cubicBezTo>
                    <a:pt x="12882" y="26237"/>
                    <a:pt x="13058" y="25836"/>
                    <a:pt x="13108" y="25610"/>
                  </a:cubicBezTo>
                  <a:cubicBezTo>
                    <a:pt x="13183" y="25460"/>
                    <a:pt x="13233" y="25009"/>
                    <a:pt x="13334" y="24833"/>
                  </a:cubicBezTo>
                  <a:cubicBezTo>
                    <a:pt x="13409" y="24783"/>
                    <a:pt x="13509" y="24608"/>
                    <a:pt x="13634" y="24608"/>
                  </a:cubicBezTo>
                  <a:cubicBezTo>
                    <a:pt x="13684" y="24608"/>
                    <a:pt x="13860" y="24658"/>
                    <a:pt x="13860" y="24708"/>
                  </a:cubicBezTo>
                  <a:cubicBezTo>
                    <a:pt x="13960" y="24833"/>
                    <a:pt x="14010" y="25159"/>
                    <a:pt x="14136" y="25234"/>
                  </a:cubicBezTo>
                  <a:cubicBezTo>
                    <a:pt x="14236" y="25335"/>
                    <a:pt x="14461" y="25385"/>
                    <a:pt x="14587" y="25385"/>
                  </a:cubicBezTo>
                  <a:cubicBezTo>
                    <a:pt x="14687" y="25335"/>
                    <a:pt x="14762" y="25159"/>
                    <a:pt x="14812" y="25109"/>
                  </a:cubicBezTo>
                  <a:cubicBezTo>
                    <a:pt x="14862" y="25059"/>
                    <a:pt x="14913" y="24833"/>
                    <a:pt x="14988" y="24783"/>
                  </a:cubicBezTo>
                  <a:cubicBezTo>
                    <a:pt x="15038" y="24658"/>
                    <a:pt x="15138" y="24482"/>
                    <a:pt x="15263" y="24432"/>
                  </a:cubicBezTo>
                  <a:cubicBezTo>
                    <a:pt x="15283" y="24422"/>
                    <a:pt x="15308" y="24418"/>
                    <a:pt x="15337" y="24418"/>
                  </a:cubicBezTo>
                  <a:cubicBezTo>
                    <a:pt x="15450" y="24418"/>
                    <a:pt x="15614" y="24482"/>
                    <a:pt x="15715" y="24482"/>
                  </a:cubicBezTo>
                  <a:cubicBezTo>
                    <a:pt x="15940" y="24432"/>
                    <a:pt x="16316" y="24432"/>
                    <a:pt x="16491" y="24332"/>
                  </a:cubicBezTo>
                  <a:cubicBezTo>
                    <a:pt x="16617" y="24257"/>
                    <a:pt x="16667" y="24031"/>
                    <a:pt x="16767" y="23981"/>
                  </a:cubicBezTo>
                  <a:cubicBezTo>
                    <a:pt x="16842" y="23931"/>
                    <a:pt x="16993" y="23806"/>
                    <a:pt x="17068" y="23806"/>
                  </a:cubicBezTo>
                  <a:cubicBezTo>
                    <a:pt x="17218" y="23756"/>
                    <a:pt x="17519" y="23705"/>
                    <a:pt x="17669" y="23705"/>
                  </a:cubicBezTo>
                  <a:cubicBezTo>
                    <a:pt x="17745" y="23756"/>
                    <a:pt x="17895" y="23756"/>
                    <a:pt x="17970" y="23806"/>
                  </a:cubicBezTo>
                  <a:cubicBezTo>
                    <a:pt x="18070" y="23931"/>
                    <a:pt x="18020" y="24207"/>
                    <a:pt x="18070" y="24257"/>
                  </a:cubicBezTo>
                  <a:cubicBezTo>
                    <a:pt x="18108" y="24280"/>
                    <a:pt x="18149" y="24289"/>
                    <a:pt x="18189" y="24289"/>
                  </a:cubicBezTo>
                  <a:cubicBezTo>
                    <a:pt x="18280" y="24289"/>
                    <a:pt x="18369" y="24242"/>
                    <a:pt x="18421" y="24207"/>
                  </a:cubicBezTo>
                  <a:cubicBezTo>
                    <a:pt x="18572" y="24207"/>
                    <a:pt x="18923" y="24207"/>
                    <a:pt x="19023" y="24106"/>
                  </a:cubicBezTo>
                  <a:cubicBezTo>
                    <a:pt x="19198" y="23981"/>
                    <a:pt x="19374" y="23580"/>
                    <a:pt x="19424" y="23355"/>
                  </a:cubicBezTo>
                  <a:cubicBezTo>
                    <a:pt x="19474" y="23254"/>
                    <a:pt x="19474" y="22979"/>
                    <a:pt x="19599" y="22903"/>
                  </a:cubicBezTo>
                  <a:cubicBezTo>
                    <a:pt x="19649" y="22803"/>
                    <a:pt x="19925" y="22803"/>
                    <a:pt x="20050" y="22753"/>
                  </a:cubicBezTo>
                  <a:cubicBezTo>
                    <a:pt x="20151" y="22753"/>
                    <a:pt x="20426" y="22753"/>
                    <a:pt x="20602" y="22803"/>
                  </a:cubicBezTo>
                  <a:cubicBezTo>
                    <a:pt x="20652" y="22853"/>
                    <a:pt x="20827" y="22903"/>
                    <a:pt x="20877" y="22979"/>
                  </a:cubicBezTo>
                  <a:cubicBezTo>
                    <a:pt x="20953" y="23079"/>
                    <a:pt x="21053" y="23304"/>
                    <a:pt x="21178" y="23430"/>
                  </a:cubicBezTo>
                  <a:cubicBezTo>
                    <a:pt x="21228" y="23480"/>
                    <a:pt x="21504" y="23530"/>
                    <a:pt x="21629" y="23530"/>
                  </a:cubicBezTo>
                  <a:lnTo>
                    <a:pt x="21855" y="23530"/>
                  </a:lnTo>
                  <a:cubicBezTo>
                    <a:pt x="21905" y="23355"/>
                    <a:pt x="22080" y="23204"/>
                    <a:pt x="22131" y="23079"/>
                  </a:cubicBezTo>
                  <a:cubicBezTo>
                    <a:pt x="22181" y="23029"/>
                    <a:pt x="22231" y="22903"/>
                    <a:pt x="22306" y="22803"/>
                  </a:cubicBezTo>
                  <a:cubicBezTo>
                    <a:pt x="22231" y="22678"/>
                    <a:pt x="22231" y="22578"/>
                    <a:pt x="22181" y="22578"/>
                  </a:cubicBezTo>
                  <a:cubicBezTo>
                    <a:pt x="22131" y="22452"/>
                    <a:pt x="21905" y="22452"/>
                    <a:pt x="21905" y="22352"/>
                  </a:cubicBezTo>
                  <a:cubicBezTo>
                    <a:pt x="21780" y="22302"/>
                    <a:pt x="21855" y="22001"/>
                    <a:pt x="21855" y="21901"/>
                  </a:cubicBezTo>
                  <a:cubicBezTo>
                    <a:pt x="21780" y="21776"/>
                    <a:pt x="21629" y="21550"/>
                    <a:pt x="21554" y="21450"/>
                  </a:cubicBezTo>
                  <a:cubicBezTo>
                    <a:pt x="21504" y="21324"/>
                    <a:pt x="21554" y="21124"/>
                    <a:pt x="21454" y="20999"/>
                  </a:cubicBezTo>
                  <a:cubicBezTo>
                    <a:pt x="21454" y="20999"/>
                    <a:pt x="21278" y="20949"/>
                    <a:pt x="21228" y="20949"/>
                  </a:cubicBezTo>
                  <a:cubicBezTo>
                    <a:pt x="21202" y="20938"/>
                    <a:pt x="21169" y="20934"/>
                    <a:pt x="21132" y="20934"/>
                  </a:cubicBezTo>
                  <a:cubicBezTo>
                    <a:pt x="21031" y="20934"/>
                    <a:pt x="20903" y="20963"/>
                    <a:pt x="20811" y="20963"/>
                  </a:cubicBezTo>
                  <a:cubicBezTo>
                    <a:pt x="20777" y="20963"/>
                    <a:pt x="20748" y="20959"/>
                    <a:pt x="20727" y="20949"/>
                  </a:cubicBezTo>
                  <a:cubicBezTo>
                    <a:pt x="20602" y="20949"/>
                    <a:pt x="20426" y="20773"/>
                    <a:pt x="20376" y="20673"/>
                  </a:cubicBezTo>
                  <a:cubicBezTo>
                    <a:pt x="20326" y="20548"/>
                    <a:pt x="20276" y="20272"/>
                    <a:pt x="20276" y="20096"/>
                  </a:cubicBezTo>
                  <a:cubicBezTo>
                    <a:pt x="20276" y="20046"/>
                    <a:pt x="20326" y="19871"/>
                    <a:pt x="20326" y="19821"/>
                  </a:cubicBezTo>
                  <a:cubicBezTo>
                    <a:pt x="20326" y="19695"/>
                    <a:pt x="20226" y="19545"/>
                    <a:pt x="20151" y="19470"/>
                  </a:cubicBezTo>
                  <a:cubicBezTo>
                    <a:pt x="20100" y="19420"/>
                    <a:pt x="19875" y="19319"/>
                    <a:pt x="19825" y="19244"/>
                  </a:cubicBezTo>
                  <a:cubicBezTo>
                    <a:pt x="19775" y="19194"/>
                    <a:pt x="19775" y="18969"/>
                    <a:pt x="19649" y="18969"/>
                  </a:cubicBezTo>
                  <a:cubicBezTo>
                    <a:pt x="19649" y="18918"/>
                    <a:pt x="19474" y="18868"/>
                    <a:pt x="19424" y="18868"/>
                  </a:cubicBezTo>
                  <a:cubicBezTo>
                    <a:pt x="19374" y="18868"/>
                    <a:pt x="19198" y="18969"/>
                    <a:pt x="19148" y="18969"/>
                  </a:cubicBezTo>
                  <a:cubicBezTo>
                    <a:pt x="19098" y="18918"/>
                    <a:pt x="18973" y="18793"/>
                    <a:pt x="18923" y="18743"/>
                  </a:cubicBezTo>
                  <a:cubicBezTo>
                    <a:pt x="18923" y="18693"/>
                    <a:pt x="18872" y="18517"/>
                    <a:pt x="18797" y="18417"/>
                  </a:cubicBezTo>
                  <a:cubicBezTo>
                    <a:pt x="18797" y="18342"/>
                    <a:pt x="18747" y="18116"/>
                    <a:pt x="18697" y="18066"/>
                  </a:cubicBezTo>
                  <a:cubicBezTo>
                    <a:pt x="18697" y="18016"/>
                    <a:pt x="18572" y="17966"/>
                    <a:pt x="18522" y="17891"/>
                  </a:cubicBezTo>
                  <a:cubicBezTo>
                    <a:pt x="18488" y="17891"/>
                    <a:pt x="18377" y="17869"/>
                    <a:pt x="18291" y="17869"/>
                  </a:cubicBezTo>
                  <a:cubicBezTo>
                    <a:pt x="18249" y="17869"/>
                    <a:pt x="18212" y="17874"/>
                    <a:pt x="18196" y="17891"/>
                  </a:cubicBezTo>
                  <a:cubicBezTo>
                    <a:pt x="18070" y="17891"/>
                    <a:pt x="18020" y="18066"/>
                    <a:pt x="17970" y="18116"/>
                  </a:cubicBezTo>
                  <a:cubicBezTo>
                    <a:pt x="17895" y="18192"/>
                    <a:pt x="17745" y="18342"/>
                    <a:pt x="17619" y="18342"/>
                  </a:cubicBezTo>
                  <a:cubicBezTo>
                    <a:pt x="17444" y="18342"/>
                    <a:pt x="17168" y="18242"/>
                    <a:pt x="17068" y="18116"/>
                  </a:cubicBezTo>
                  <a:cubicBezTo>
                    <a:pt x="16943" y="18066"/>
                    <a:pt x="16717" y="17891"/>
                    <a:pt x="16617" y="17791"/>
                  </a:cubicBezTo>
                  <a:cubicBezTo>
                    <a:pt x="16542" y="17665"/>
                    <a:pt x="16491" y="17440"/>
                    <a:pt x="16441" y="17390"/>
                  </a:cubicBezTo>
                  <a:cubicBezTo>
                    <a:pt x="16391" y="17339"/>
                    <a:pt x="16316" y="17164"/>
                    <a:pt x="16266" y="17114"/>
                  </a:cubicBezTo>
                  <a:cubicBezTo>
                    <a:pt x="16216" y="17064"/>
                    <a:pt x="16090" y="16989"/>
                    <a:pt x="16040" y="16938"/>
                  </a:cubicBezTo>
                  <a:cubicBezTo>
                    <a:pt x="15990" y="16763"/>
                    <a:pt x="16040" y="16487"/>
                    <a:pt x="16040" y="16312"/>
                  </a:cubicBezTo>
                  <a:cubicBezTo>
                    <a:pt x="16040" y="16212"/>
                    <a:pt x="16166" y="16036"/>
                    <a:pt x="16166" y="15936"/>
                  </a:cubicBezTo>
                  <a:cubicBezTo>
                    <a:pt x="16166" y="15811"/>
                    <a:pt x="16090" y="15585"/>
                    <a:pt x="16040" y="15485"/>
                  </a:cubicBezTo>
                  <a:lnTo>
                    <a:pt x="15765" y="15184"/>
                  </a:lnTo>
                  <a:cubicBezTo>
                    <a:pt x="15765" y="15084"/>
                    <a:pt x="15815" y="14908"/>
                    <a:pt x="15865" y="14808"/>
                  </a:cubicBezTo>
                  <a:cubicBezTo>
                    <a:pt x="15902" y="14771"/>
                    <a:pt x="15978" y="14771"/>
                    <a:pt x="16056" y="14771"/>
                  </a:cubicBezTo>
                  <a:cubicBezTo>
                    <a:pt x="16134" y="14771"/>
                    <a:pt x="16216" y="14771"/>
                    <a:pt x="16266" y="14733"/>
                  </a:cubicBezTo>
                  <a:cubicBezTo>
                    <a:pt x="16391" y="14683"/>
                    <a:pt x="16542" y="14583"/>
                    <a:pt x="16617" y="14583"/>
                  </a:cubicBezTo>
                  <a:cubicBezTo>
                    <a:pt x="16717" y="14583"/>
                    <a:pt x="16943" y="14583"/>
                    <a:pt x="17068" y="14633"/>
                  </a:cubicBezTo>
                  <a:cubicBezTo>
                    <a:pt x="17118" y="14683"/>
                    <a:pt x="17118" y="14808"/>
                    <a:pt x="17168" y="14858"/>
                  </a:cubicBezTo>
                  <a:cubicBezTo>
                    <a:pt x="17218" y="14959"/>
                    <a:pt x="17394" y="15084"/>
                    <a:pt x="17444" y="15084"/>
                  </a:cubicBezTo>
                  <a:cubicBezTo>
                    <a:pt x="17569" y="15084"/>
                    <a:pt x="17669" y="14858"/>
                    <a:pt x="17745" y="14808"/>
                  </a:cubicBezTo>
                  <a:lnTo>
                    <a:pt x="17745" y="14507"/>
                  </a:lnTo>
                  <a:cubicBezTo>
                    <a:pt x="17745" y="14407"/>
                    <a:pt x="17669" y="14232"/>
                    <a:pt x="17745" y="14182"/>
                  </a:cubicBezTo>
                  <a:cubicBezTo>
                    <a:pt x="17795" y="14131"/>
                    <a:pt x="17970" y="14131"/>
                    <a:pt x="18020" y="14131"/>
                  </a:cubicBezTo>
                  <a:cubicBezTo>
                    <a:pt x="18070" y="14056"/>
                    <a:pt x="18246" y="14006"/>
                    <a:pt x="18346" y="13956"/>
                  </a:cubicBezTo>
                  <a:cubicBezTo>
                    <a:pt x="18421" y="13831"/>
                    <a:pt x="18471" y="13680"/>
                    <a:pt x="18471" y="13555"/>
                  </a:cubicBezTo>
                  <a:cubicBezTo>
                    <a:pt x="18471" y="13380"/>
                    <a:pt x="18296" y="13054"/>
                    <a:pt x="18246" y="12928"/>
                  </a:cubicBezTo>
                  <a:cubicBezTo>
                    <a:pt x="18121" y="12828"/>
                    <a:pt x="17895" y="12653"/>
                    <a:pt x="17845" y="12552"/>
                  </a:cubicBezTo>
                  <a:cubicBezTo>
                    <a:pt x="17745" y="12427"/>
                    <a:pt x="17569" y="12151"/>
                    <a:pt x="17519" y="11976"/>
                  </a:cubicBezTo>
                  <a:cubicBezTo>
                    <a:pt x="17444" y="11801"/>
                    <a:pt x="17394" y="11475"/>
                    <a:pt x="17344" y="11249"/>
                  </a:cubicBezTo>
                  <a:cubicBezTo>
                    <a:pt x="17293" y="11124"/>
                    <a:pt x="17218" y="10848"/>
                    <a:pt x="17118" y="10748"/>
                  </a:cubicBezTo>
                  <a:cubicBezTo>
                    <a:pt x="17068" y="10623"/>
                    <a:pt x="16842" y="10522"/>
                    <a:pt x="16767" y="10397"/>
                  </a:cubicBezTo>
                  <a:cubicBezTo>
                    <a:pt x="16717" y="10297"/>
                    <a:pt x="16717" y="10071"/>
                    <a:pt x="16667" y="9946"/>
                  </a:cubicBezTo>
                  <a:cubicBezTo>
                    <a:pt x="16617" y="9896"/>
                    <a:pt x="16491" y="9720"/>
                    <a:pt x="16391" y="9670"/>
                  </a:cubicBezTo>
                  <a:cubicBezTo>
                    <a:pt x="16316" y="9620"/>
                    <a:pt x="16040" y="9495"/>
                    <a:pt x="15990" y="9395"/>
                  </a:cubicBezTo>
                  <a:cubicBezTo>
                    <a:pt x="15940" y="9319"/>
                    <a:pt x="15865" y="9169"/>
                    <a:pt x="15865" y="9094"/>
                  </a:cubicBezTo>
                  <a:cubicBezTo>
                    <a:pt x="15865" y="8943"/>
                    <a:pt x="16040" y="8542"/>
                    <a:pt x="16090" y="8367"/>
                  </a:cubicBezTo>
                  <a:cubicBezTo>
                    <a:pt x="16166" y="8141"/>
                    <a:pt x="16166" y="7690"/>
                    <a:pt x="16266" y="7515"/>
                  </a:cubicBezTo>
                  <a:cubicBezTo>
                    <a:pt x="16316" y="7415"/>
                    <a:pt x="16491" y="7189"/>
                    <a:pt x="16542" y="7064"/>
                  </a:cubicBezTo>
                  <a:cubicBezTo>
                    <a:pt x="16667" y="6963"/>
                    <a:pt x="16767" y="6613"/>
                    <a:pt x="16842" y="6512"/>
                  </a:cubicBezTo>
                  <a:cubicBezTo>
                    <a:pt x="16892" y="6337"/>
                    <a:pt x="17168" y="6111"/>
                    <a:pt x="17218" y="5936"/>
                  </a:cubicBezTo>
                  <a:cubicBezTo>
                    <a:pt x="17293" y="5836"/>
                    <a:pt x="17293" y="5435"/>
                    <a:pt x="17293" y="5284"/>
                  </a:cubicBezTo>
                  <a:cubicBezTo>
                    <a:pt x="17293" y="5109"/>
                    <a:pt x="17118" y="4833"/>
                    <a:pt x="17168" y="4658"/>
                  </a:cubicBezTo>
                  <a:cubicBezTo>
                    <a:pt x="17168" y="4608"/>
                    <a:pt x="17168" y="4432"/>
                    <a:pt x="17218" y="4382"/>
                  </a:cubicBezTo>
                  <a:cubicBezTo>
                    <a:pt x="17293" y="4307"/>
                    <a:pt x="17394" y="4207"/>
                    <a:pt x="17444" y="4081"/>
                  </a:cubicBezTo>
                  <a:cubicBezTo>
                    <a:pt x="17344" y="4031"/>
                    <a:pt x="17293" y="3856"/>
                    <a:pt x="17218" y="3806"/>
                  </a:cubicBezTo>
                  <a:cubicBezTo>
                    <a:pt x="17168" y="3755"/>
                    <a:pt x="16993" y="3630"/>
                    <a:pt x="16943" y="3580"/>
                  </a:cubicBezTo>
                  <a:cubicBezTo>
                    <a:pt x="16892" y="3530"/>
                    <a:pt x="16767" y="3405"/>
                    <a:pt x="16717" y="3405"/>
                  </a:cubicBezTo>
                  <a:cubicBezTo>
                    <a:pt x="16667" y="3354"/>
                    <a:pt x="16491" y="3254"/>
                    <a:pt x="16441" y="3179"/>
                  </a:cubicBezTo>
                  <a:cubicBezTo>
                    <a:pt x="16391" y="3129"/>
                    <a:pt x="16316" y="2903"/>
                    <a:pt x="16266" y="2853"/>
                  </a:cubicBezTo>
                  <a:cubicBezTo>
                    <a:pt x="16216" y="2728"/>
                    <a:pt x="15940" y="2678"/>
                    <a:pt x="15815" y="2577"/>
                  </a:cubicBezTo>
                  <a:cubicBezTo>
                    <a:pt x="15765" y="2502"/>
                    <a:pt x="15715" y="2352"/>
                    <a:pt x="15664" y="2227"/>
                  </a:cubicBezTo>
                  <a:cubicBezTo>
                    <a:pt x="15664" y="2126"/>
                    <a:pt x="15664" y="1901"/>
                    <a:pt x="15715" y="1775"/>
                  </a:cubicBezTo>
                  <a:cubicBezTo>
                    <a:pt x="15715" y="1725"/>
                    <a:pt x="15865" y="1600"/>
                    <a:pt x="15865" y="1550"/>
                  </a:cubicBezTo>
                  <a:cubicBezTo>
                    <a:pt x="15940" y="1450"/>
                    <a:pt x="15815" y="1274"/>
                    <a:pt x="15865" y="1149"/>
                  </a:cubicBezTo>
                  <a:cubicBezTo>
                    <a:pt x="15865" y="1099"/>
                    <a:pt x="15940" y="999"/>
                    <a:pt x="15940" y="873"/>
                  </a:cubicBezTo>
                  <a:cubicBezTo>
                    <a:pt x="15940" y="823"/>
                    <a:pt x="15865" y="598"/>
                    <a:pt x="15865" y="547"/>
                  </a:cubicBezTo>
                  <a:cubicBezTo>
                    <a:pt x="15865" y="422"/>
                    <a:pt x="15865" y="197"/>
                    <a:pt x="15815" y="96"/>
                  </a:cubicBezTo>
                  <a:cubicBezTo>
                    <a:pt x="15743" y="42"/>
                    <a:pt x="15605" y="1"/>
                    <a:pt x="15487" y="1"/>
                  </a:cubicBezTo>
                  <a:close/>
                </a:path>
              </a:pathLst>
            </a:custGeom>
            <a:solidFill>
              <a:schemeClr val="bg1"/>
            </a:solidFill>
            <a:ln>
              <a:noFill/>
            </a:ln>
          </p:spPr>
          <p:txBody>
            <a:bodyPr spcFirstLastPara="1" wrap="square" lIns="121900" tIns="121900" rIns="121900" bIns="121900" anchor="ctr" anchorCtr="0">
              <a:noAutofit/>
            </a:bodyPr>
            <a:lstStyle/>
            <a:p>
              <a:endParaRPr sz="2400"/>
            </a:p>
          </p:txBody>
        </p:sp>
        <p:sp>
          <p:nvSpPr>
            <p:cNvPr id="141" name="Google Shape;198;p16">
              <a:extLst>
                <a:ext uri="{FF2B5EF4-FFF2-40B4-BE49-F238E27FC236}">
                  <a16:creationId xmlns:a16="http://schemas.microsoft.com/office/drawing/2014/main" id="{8CE96243-1B24-93CF-D6E2-E6B5D36ED38C}"/>
                </a:ext>
              </a:extLst>
            </p:cNvPr>
            <p:cNvSpPr/>
            <p:nvPr/>
          </p:nvSpPr>
          <p:spPr>
            <a:xfrm>
              <a:off x="1284346" y="1254726"/>
              <a:ext cx="622588" cy="835235"/>
            </a:xfrm>
            <a:custGeom>
              <a:avLst/>
              <a:gdLst/>
              <a:ahLst/>
              <a:cxnLst/>
              <a:rect l="l" t="t" r="r" b="b"/>
              <a:pathLst>
                <a:path w="22307" h="29926" fill="none" extrusionOk="0">
                  <a:moveTo>
                    <a:pt x="22181" y="22608"/>
                  </a:moveTo>
                  <a:cubicBezTo>
                    <a:pt x="22231" y="22608"/>
                    <a:pt x="22231" y="22708"/>
                    <a:pt x="22306" y="22833"/>
                  </a:cubicBezTo>
                  <a:cubicBezTo>
                    <a:pt x="22231" y="22933"/>
                    <a:pt x="22181" y="23059"/>
                    <a:pt x="22131" y="23109"/>
                  </a:cubicBezTo>
                  <a:cubicBezTo>
                    <a:pt x="22080" y="23234"/>
                    <a:pt x="21905" y="23385"/>
                    <a:pt x="21855" y="23560"/>
                  </a:cubicBezTo>
                  <a:lnTo>
                    <a:pt x="21629" y="23560"/>
                  </a:lnTo>
                  <a:cubicBezTo>
                    <a:pt x="21504" y="23560"/>
                    <a:pt x="21228" y="23510"/>
                    <a:pt x="21178" y="23460"/>
                  </a:cubicBezTo>
                  <a:cubicBezTo>
                    <a:pt x="21053" y="23334"/>
                    <a:pt x="20953" y="23109"/>
                    <a:pt x="20877" y="23009"/>
                  </a:cubicBezTo>
                  <a:cubicBezTo>
                    <a:pt x="20827" y="22933"/>
                    <a:pt x="20652" y="22883"/>
                    <a:pt x="20602" y="22833"/>
                  </a:cubicBezTo>
                  <a:cubicBezTo>
                    <a:pt x="20426" y="22783"/>
                    <a:pt x="20151" y="22783"/>
                    <a:pt x="20050" y="22783"/>
                  </a:cubicBezTo>
                  <a:cubicBezTo>
                    <a:pt x="19925" y="22833"/>
                    <a:pt x="19649" y="22833"/>
                    <a:pt x="19599" y="22933"/>
                  </a:cubicBezTo>
                  <a:cubicBezTo>
                    <a:pt x="19474" y="23009"/>
                    <a:pt x="19474" y="23284"/>
                    <a:pt x="19424" y="23385"/>
                  </a:cubicBezTo>
                  <a:cubicBezTo>
                    <a:pt x="19374" y="23610"/>
                    <a:pt x="19198" y="24011"/>
                    <a:pt x="19023" y="24136"/>
                  </a:cubicBezTo>
                  <a:cubicBezTo>
                    <a:pt x="18923" y="24237"/>
                    <a:pt x="18572" y="24237"/>
                    <a:pt x="18421" y="24237"/>
                  </a:cubicBezTo>
                  <a:cubicBezTo>
                    <a:pt x="18346" y="24287"/>
                    <a:pt x="18196" y="24362"/>
                    <a:pt x="18070" y="24287"/>
                  </a:cubicBezTo>
                  <a:cubicBezTo>
                    <a:pt x="18020" y="24237"/>
                    <a:pt x="18070" y="23961"/>
                    <a:pt x="17970" y="23836"/>
                  </a:cubicBezTo>
                  <a:cubicBezTo>
                    <a:pt x="17895" y="23786"/>
                    <a:pt x="17745" y="23786"/>
                    <a:pt x="17669" y="23735"/>
                  </a:cubicBezTo>
                  <a:cubicBezTo>
                    <a:pt x="17519" y="23735"/>
                    <a:pt x="17218" y="23786"/>
                    <a:pt x="17068" y="23836"/>
                  </a:cubicBezTo>
                  <a:cubicBezTo>
                    <a:pt x="16993" y="23836"/>
                    <a:pt x="16842" y="23961"/>
                    <a:pt x="16767" y="24011"/>
                  </a:cubicBezTo>
                  <a:cubicBezTo>
                    <a:pt x="16667" y="24061"/>
                    <a:pt x="16617" y="24287"/>
                    <a:pt x="16491" y="24362"/>
                  </a:cubicBezTo>
                  <a:cubicBezTo>
                    <a:pt x="16316" y="24462"/>
                    <a:pt x="15940" y="24462"/>
                    <a:pt x="15715" y="24512"/>
                  </a:cubicBezTo>
                  <a:cubicBezTo>
                    <a:pt x="15589" y="24512"/>
                    <a:pt x="15364" y="24412"/>
                    <a:pt x="15263" y="24462"/>
                  </a:cubicBezTo>
                  <a:cubicBezTo>
                    <a:pt x="15138" y="24512"/>
                    <a:pt x="15038" y="24688"/>
                    <a:pt x="14988" y="24813"/>
                  </a:cubicBezTo>
                  <a:cubicBezTo>
                    <a:pt x="14913" y="24863"/>
                    <a:pt x="14862" y="25089"/>
                    <a:pt x="14812" y="25139"/>
                  </a:cubicBezTo>
                  <a:cubicBezTo>
                    <a:pt x="14762" y="25189"/>
                    <a:pt x="14687" y="25365"/>
                    <a:pt x="14587" y="25415"/>
                  </a:cubicBezTo>
                  <a:cubicBezTo>
                    <a:pt x="14461" y="25415"/>
                    <a:pt x="14236" y="25365"/>
                    <a:pt x="14136" y="25264"/>
                  </a:cubicBezTo>
                  <a:cubicBezTo>
                    <a:pt x="14010" y="25189"/>
                    <a:pt x="13960" y="24863"/>
                    <a:pt x="13860" y="24738"/>
                  </a:cubicBezTo>
                  <a:cubicBezTo>
                    <a:pt x="13860" y="24688"/>
                    <a:pt x="13684" y="24638"/>
                    <a:pt x="13634" y="24638"/>
                  </a:cubicBezTo>
                  <a:cubicBezTo>
                    <a:pt x="13509" y="24638"/>
                    <a:pt x="13409" y="24813"/>
                    <a:pt x="13334" y="24863"/>
                  </a:cubicBezTo>
                  <a:cubicBezTo>
                    <a:pt x="13233" y="25039"/>
                    <a:pt x="13183" y="25490"/>
                    <a:pt x="13108" y="25640"/>
                  </a:cubicBezTo>
                  <a:cubicBezTo>
                    <a:pt x="13058" y="25866"/>
                    <a:pt x="12882" y="26267"/>
                    <a:pt x="12782" y="26442"/>
                  </a:cubicBezTo>
                  <a:cubicBezTo>
                    <a:pt x="12657" y="26542"/>
                    <a:pt x="12331" y="26768"/>
                    <a:pt x="12206" y="26893"/>
                  </a:cubicBezTo>
                  <a:cubicBezTo>
                    <a:pt x="12156" y="26943"/>
                    <a:pt x="12105" y="27069"/>
                    <a:pt x="12105" y="27169"/>
                  </a:cubicBezTo>
                  <a:cubicBezTo>
                    <a:pt x="12105" y="27219"/>
                    <a:pt x="12156" y="27344"/>
                    <a:pt x="12206" y="27395"/>
                  </a:cubicBezTo>
                  <a:cubicBezTo>
                    <a:pt x="12206" y="27445"/>
                    <a:pt x="12281" y="27620"/>
                    <a:pt x="12281" y="27670"/>
                  </a:cubicBezTo>
                  <a:cubicBezTo>
                    <a:pt x="12281" y="27796"/>
                    <a:pt x="12105" y="27971"/>
                    <a:pt x="12105" y="28071"/>
                  </a:cubicBezTo>
                  <a:lnTo>
                    <a:pt x="12105" y="28347"/>
                  </a:lnTo>
                  <a:cubicBezTo>
                    <a:pt x="12156" y="28472"/>
                    <a:pt x="12156" y="28698"/>
                    <a:pt x="12105" y="28798"/>
                  </a:cubicBezTo>
                  <a:cubicBezTo>
                    <a:pt x="12055" y="28923"/>
                    <a:pt x="11830" y="28923"/>
                    <a:pt x="11755" y="28974"/>
                  </a:cubicBezTo>
                  <a:cubicBezTo>
                    <a:pt x="11654" y="29099"/>
                    <a:pt x="11429" y="29199"/>
                    <a:pt x="11303" y="29324"/>
                  </a:cubicBezTo>
                  <a:cubicBezTo>
                    <a:pt x="11253" y="29375"/>
                    <a:pt x="11253" y="29550"/>
                    <a:pt x="11203" y="29600"/>
                  </a:cubicBezTo>
                  <a:cubicBezTo>
                    <a:pt x="11103" y="29650"/>
                    <a:pt x="10877" y="29650"/>
                    <a:pt x="10752" y="29650"/>
                  </a:cubicBezTo>
                  <a:cubicBezTo>
                    <a:pt x="10652" y="29650"/>
                    <a:pt x="10426" y="29550"/>
                    <a:pt x="10251" y="29550"/>
                  </a:cubicBezTo>
                  <a:lnTo>
                    <a:pt x="9975" y="29550"/>
                  </a:lnTo>
                  <a:cubicBezTo>
                    <a:pt x="9850" y="29475"/>
                    <a:pt x="9750" y="29249"/>
                    <a:pt x="9624" y="29249"/>
                  </a:cubicBezTo>
                  <a:cubicBezTo>
                    <a:pt x="9524" y="29249"/>
                    <a:pt x="9349" y="29425"/>
                    <a:pt x="9298" y="29475"/>
                  </a:cubicBezTo>
                  <a:cubicBezTo>
                    <a:pt x="9223" y="29600"/>
                    <a:pt x="9223" y="29776"/>
                    <a:pt x="9173" y="29826"/>
                  </a:cubicBezTo>
                  <a:cubicBezTo>
                    <a:pt x="9073" y="29876"/>
                    <a:pt x="8897" y="29926"/>
                    <a:pt x="8847" y="29876"/>
                  </a:cubicBezTo>
                  <a:cubicBezTo>
                    <a:pt x="8772" y="29876"/>
                    <a:pt x="8722" y="29826"/>
                    <a:pt x="8672" y="29776"/>
                  </a:cubicBezTo>
                  <a:cubicBezTo>
                    <a:pt x="8772" y="29700"/>
                    <a:pt x="8948" y="29600"/>
                    <a:pt x="8948" y="29550"/>
                  </a:cubicBezTo>
                  <a:cubicBezTo>
                    <a:pt x="8998" y="29425"/>
                    <a:pt x="8998" y="29199"/>
                    <a:pt x="8998" y="29099"/>
                  </a:cubicBezTo>
                  <a:cubicBezTo>
                    <a:pt x="8948" y="28974"/>
                    <a:pt x="8772" y="28873"/>
                    <a:pt x="8722" y="28798"/>
                  </a:cubicBezTo>
                  <a:cubicBezTo>
                    <a:pt x="8672" y="28748"/>
                    <a:pt x="8547" y="28573"/>
                    <a:pt x="8547" y="28522"/>
                  </a:cubicBezTo>
                  <a:cubicBezTo>
                    <a:pt x="8622" y="28422"/>
                    <a:pt x="8722" y="28297"/>
                    <a:pt x="8722" y="28197"/>
                  </a:cubicBezTo>
                  <a:cubicBezTo>
                    <a:pt x="8722" y="28121"/>
                    <a:pt x="8672" y="28071"/>
                    <a:pt x="8622" y="28071"/>
                  </a:cubicBezTo>
                  <a:cubicBezTo>
                    <a:pt x="8547" y="28021"/>
                    <a:pt x="8446" y="27971"/>
                    <a:pt x="8396" y="28021"/>
                  </a:cubicBezTo>
                  <a:cubicBezTo>
                    <a:pt x="8321" y="28021"/>
                    <a:pt x="8321" y="28247"/>
                    <a:pt x="8271" y="28297"/>
                  </a:cubicBezTo>
                  <a:cubicBezTo>
                    <a:pt x="8095" y="28347"/>
                    <a:pt x="7820" y="28247"/>
                    <a:pt x="7719" y="28247"/>
                  </a:cubicBezTo>
                  <a:cubicBezTo>
                    <a:pt x="7544" y="28247"/>
                    <a:pt x="7318" y="28347"/>
                    <a:pt x="7143" y="28472"/>
                  </a:cubicBezTo>
                  <a:cubicBezTo>
                    <a:pt x="7093" y="28522"/>
                    <a:pt x="6968" y="28698"/>
                    <a:pt x="6867" y="28698"/>
                  </a:cubicBezTo>
                  <a:cubicBezTo>
                    <a:pt x="6817" y="28698"/>
                    <a:pt x="6642" y="28573"/>
                    <a:pt x="6542" y="28573"/>
                  </a:cubicBezTo>
                  <a:cubicBezTo>
                    <a:pt x="6466" y="28522"/>
                    <a:pt x="6241" y="28573"/>
                    <a:pt x="6191" y="28573"/>
                  </a:cubicBezTo>
                  <a:cubicBezTo>
                    <a:pt x="6090" y="28573"/>
                    <a:pt x="5915" y="28698"/>
                    <a:pt x="5865" y="28698"/>
                  </a:cubicBezTo>
                  <a:cubicBezTo>
                    <a:pt x="5740" y="28648"/>
                    <a:pt x="5639" y="28472"/>
                    <a:pt x="5514" y="28472"/>
                  </a:cubicBezTo>
                  <a:cubicBezTo>
                    <a:pt x="5414" y="28422"/>
                    <a:pt x="5238" y="28422"/>
                    <a:pt x="5113" y="28347"/>
                  </a:cubicBezTo>
                  <a:cubicBezTo>
                    <a:pt x="5063" y="28297"/>
                    <a:pt x="4963" y="28121"/>
                    <a:pt x="4887" y="28071"/>
                  </a:cubicBezTo>
                  <a:cubicBezTo>
                    <a:pt x="4787" y="28021"/>
                    <a:pt x="4612" y="28021"/>
                    <a:pt x="4511" y="27971"/>
                  </a:cubicBezTo>
                  <a:cubicBezTo>
                    <a:pt x="4436" y="27896"/>
                    <a:pt x="4336" y="27846"/>
                    <a:pt x="4286" y="27796"/>
                  </a:cubicBezTo>
                  <a:cubicBezTo>
                    <a:pt x="4286" y="27745"/>
                    <a:pt x="4211" y="27620"/>
                    <a:pt x="4161" y="27570"/>
                  </a:cubicBezTo>
                  <a:cubicBezTo>
                    <a:pt x="4161" y="27570"/>
                    <a:pt x="4060" y="27445"/>
                    <a:pt x="3985" y="27445"/>
                  </a:cubicBezTo>
                  <a:cubicBezTo>
                    <a:pt x="3985" y="27520"/>
                    <a:pt x="3935" y="27570"/>
                    <a:pt x="3935" y="27570"/>
                  </a:cubicBezTo>
                  <a:cubicBezTo>
                    <a:pt x="3835" y="27570"/>
                    <a:pt x="3659" y="27395"/>
                    <a:pt x="3609" y="27344"/>
                  </a:cubicBezTo>
                  <a:cubicBezTo>
                    <a:pt x="3484" y="27294"/>
                    <a:pt x="3384" y="27219"/>
                    <a:pt x="3258" y="27219"/>
                  </a:cubicBezTo>
                  <a:cubicBezTo>
                    <a:pt x="3208" y="27169"/>
                    <a:pt x="2983" y="27294"/>
                    <a:pt x="2857" y="27294"/>
                  </a:cubicBezTo>
                  <a:cubicBezTo>
                    <a:pt x="2807" y="27294"/>
                    <a:pt x="2757" y="27119"/>
                    <a:pt x="2707" y="27069"/>
                  </a:cubicBezTo>
                  <a:cubicBezTo>
                    <a:pt x="2632" y="26994"/>
                    <a:pt x="2707" y="26768"/>
                    <a:pt x="2707" y="26668"/>
                  </a:cubicBezTo>
                  <a:lnTo>
                    <a:pt x="2707" y="26492"/>
                  </a:lnTo>
                  <a:cubicBezTo>
                    <a:pt x="2707" y="26392"/>
                    <a:pt x="2531" y="26217"/>
                    <a:pt x="2481" y="26167"/>
                  </a:cubicBezTo>
                  <a:cubicBezTo>
                    <a:pt x="2356" y="26091"/>
                    <a:pt x="2130" y="26091"/>
                    <a:pt x="2080" y="26041"/>
                  </a:cubicBezTo>
                  <a:cubicBezTo>
                    <a:pt x="1955" y="25941"/>
                    <a:pt x="1905" y="25590"/>
                    <a:pt x="1905" y="25490"/>
                  </a:cubicBezTo>
                  <a:cubicBezTo>
                    <a:pt x="1855" y="25365"/>
                    <a:pt x="1855" y="25139"/>
                    <a:pt x="1905" y="25039"/>
                  </a:cubicBezTo>
                  <a:cubicBezTo>
                    <a:pt x="1905" y="24913"/>
                    <a:pt x="1905" y="24813"/>
                    <a:pt x="1955" y="24738"/>
                  </a:cubicBezTo>
                  <a:cubicBezTo>
                    <a:pt x="2030" y="24688"/>
                    <a:pt x="2130" y="24638"/>
                    <a:pt x="2181" y="24588"/>
                  </a:cubicBezTo>
                  <a:lnTo>
                    <a:pt x="2181" y="24412"/>
                  </a:lnTo>
                  <a:cubicBezTo>
                    <a:pt x="2181" y="24362"/>
                    <a:pt x="1955" y="24237"/>
                    <a:pt x="1905" y="24187"/>
                  </a:cubicBezTo>
                  <a:cubicBezTo>
                    <a:pt x="1855" y="24136"/>
                    <a:pt x="1755" y="23961"/>
                    <a:pt x="1755" y="23911"/>
                  </a:cubicBezTo>
                  <a:cubicBezTo>
                    <a:pt x="1679" y="23786"/>
                    <a:pt x="1755" y="23510"/>
                    <a:pt x="1755" y="23385"/>
                  </a:cubicBezTo>
                  <a:cubicBezTo>
                    <a:pt x="1805" y="23284"/>
                    <a:pt x="1855" y="23159"/>
                    <a:pt x="1905" y="23109"/>
                  </a:cubicBezTo>
                  <a:cubicBezTo>
                    <a:pt x="1955" y="23059"/>
                    <a:pt x="2080" y="23009"/>
                    <a:pt x="2130" y="22933"/>
                  </a:cubicBezTo>
                  <a:cubicBezTo>
                    <a:pt x="2256" y="22833"/>
                    <a:pt x="2356" y="22608"/>
                    <a:pt x="2481" y="22482"/>
                  </a:cubicBezTo>
                  <a:cubicBezTo>
                    <a:pt x="2531" y="22432"/>
                    <a:pt x="2632" y="22257"/>
                    <a:pt x="2632" y="22156"/>
                  </a:cubicBezTo>
                  <a:cubicBezTo>
                    <a:pt x="2707" y="22031"/>
                    <a:pt x="2531" y="21881"/>
                    <a:pt x="2582" y="21755"/>
                  </a:cubicBezTo>
                  <a:cubicBezTo>
                    <a:pt x="2582" y="21655"/>
                    <a:pt x="2707" y="21530"/>
                    <a:pt x="2757" y="21480"/>
                  </a:cubicBezTo>
                  <a:cubicBezTo>
                    <a:pt x="2807" y="21480"/>
                    <a:pt x="2983" y="21354"/>
                    <a:pt x="3083" y="21430"/>
                  </a:cubicBezTo>
                  <a:cubicBezTo>
                    <a:pt x="3158" y="21430"/>
                    <a:pt x="3208" y="21530"/>
                    <a:pt x="3258" y="21580"/>
                  </a:cubicBezTo>
                  <a:cubicBezTo>
                    <a:pt x="3384" y="21655"/>
                    <a:pt x="3534" y="21705"/>
                    <a:pt x="3609" y="21655"/>
                  </a:cubicBezTo>
                  <a:cubicBezTo>
                    <a:pt x="3659" y="21530"/>
                    <a:pt x="3484" y="21254"/>
                    <a:pt x="3484" y="21154"/>
                  </a:cubicBezTo>
                  <a:cubicBezTo>
                    <a:pt x="3434" y="21029"/>
                    <a:pt x="3208" y="20803"/>
                    <a:pt x="3208" y="20628"/>
                  </a:cubicBezTo>
                  <a:cubicBezTo>
                    <a:pt x="3158" y="20578"/>
                    <a:pt x="3158" y="20352"/>
                    <a:pt x="3208" y="20252"/>
                  </a:cubicBezTo>
                  <a:cubicBezTo>
                    <a:pt x="3208" y="20126"/>
                    <a:pt x="3258" y="19901"/>
                    <a:pt x="3208" y="19851"/>
                  </a:cubicBezTo>
                  <a:cubicBezTo>
                    <a:pt x="3208" y="19725"/>
                    <a:pt x="2983" y="19625"/>
                    <a:pt x="2857" y="19500"/>
                  </a:cubicBezTo>
                  <a:cubicBezTo>
                    <a:pt x="2807" y="19450"/>
                    <a:pt x="2757" y="19349"/>
                    <a:pt x="2707" y="19274"/>
                  </a:cubicBezTo>
                  <a:lnTo>
                    <a:pt x="2481" y="19274"/>
                  </a:lnTo>
                  <a:cubicBezTo>
                    <a:pt x="2406" y="19349"/>
                    <a:pt x="2356" y="19450"/>
                    <a:pt x="2306" y="19500"/>
                  </a:cubicBezTo>
                  <a:cubicBezTo>
                    <a:pt x="2256" y="19575"/>
                    <a:pt x="2130" y="19575"/>
                    <a:pt x="2080" y="19575"/>
                  </a:cubicBezTo>
                  <a:cubicBezTo>
                    <a:pt x="1955" y="19500"/>
                    <a:pt x="1955" y="19349"/>
                    <a:pt x="1905" y="19349"/>
                  </a:cubicBezTo>
                  <a:cubicBezTo>
                    <a:pt x="1805" y="19274"/>
                    <a:pt x="1629" y="19274"/>
                    <a:pt x="1529" y="19224"/>
                  </a:cubicBezTo>
                  <a:cubicBezTo>
                    <a:pt x="1404" y="19224"/>
                    <a:pt x="1303" y="19049"/>
                    <a:pt x="1228" y="18999"/>
                  </a:cubicBezTo>
                  <a:cubicBezTo>
                    <a:pt x="1178" y="18948"/>
                    <a:pt x="1078" y="18823"/>
                    <a:pt x="1003" y="18773"/>
                  </a:cubicBezTo>
                  <a:lnTo>
                    <a:pt x="1003" y="18447"/>
                  </a:lnTo>
                  <a:cubicBezTo>
                    <a:pt x="1003" y="18372"/>
                    <a:pt x="1078" y="18272"/>
                    <a:pt x="1078" y="18222"/>
                  </a:cubicBezTo>
                  <a:cubicBezTo>
                    <a:pt x="1128" y="18146"/>
                    <a:pt x="1003" y="17996"/>
                    <a:pt x="1003" y="17921"/>
                  </a:cubicBezTo>
                  <a:cubicBezTo>
                    <a:pt x="1003" y="17871"/>
                    <a:pt x="953" y="17695"/>
                    <a:pt x="953" y="17645"/>
                  </a:cubicBezTo>
                  <a:cubicBezTo>
                    <a:pt x="953" y="17595"/>
                    <a:pt x="1003" y="17470"/>
                    <a:pt x="953" y="17420"/>
                  </a:cubicBezTo>
                  <a:lnTo>
                    <a:pt x="852" y="17319"/>
                  </a:lnTo>
                  <a:cubicBezTo>
                    <a:pt x="727" y="17319"/>
                    <a:pt x="627" y="17369"/>
                    <a:pt x="552" y="17369"/>
                  </a:cubicBezTo>
                  <a:cubicBezTo>
                    <a:pt x="501" y="17319"/>
                    <a:pt x="326" y="17319"/>
                    <a:pt x="326" y="17244"/>
                  </a:cubicBezTo>
                  <a:cubicBezTo>
                    <a:pt x="276" y="17144"/>
                    <a:pt x="276" y="16968"/>
                    <a:pt x="276" y="16918"/>
                  </a:cubicBezTo>
                  <a:cubicBezTo>
                    <a:pt x="226" y="16793"/>
                    <a:pt x="100" y="16693"/>
                    <a:pt x="50" y="16643"/>
                  </a:cubicBezTo>
                  <a:cubicBezTo>
                    <a:pt x="50" y="16567"/>
                    <a:pt x="0" y="16417"/>
                    <a:pt x="0" y="16342"/>
                  </a:cubicBezTo>
                  <a:cubicBezTo>
                    <a:pt x="0" y="16242"/>
                    <a:pt x="176" y="16016"/>
                    <a:pt x="226" y="15966"/>
                  </a:cubicBezTo>
                  <a:cubicBezTo>
                    <a:pt x="276" y="15891"/>
                    <a:pt x="451" y="15841"/>
                    <a:pt x="501" y="15841"/>
                  </a:cubicBezTo>
                  <a:cubicBezTo>
                    <a:pt x="627" y="15791"/>
                    <a:pt x="777" y="15966"/>
                    <a:pt x="852" y="15966"/>
                  </a:cubicBezTo>
                  <a:cubicBezTo>
                    <a:pt x="902" y="15891"/>
                    <a:pt x="953" y="15891"/>
                    <a:pt x="1003" y="15841"/>
                  </a:cubicBezTo>
                  <a:cubicBezTo>
                    <a:pt x="1078" y="15841"/>
                    <a:pt x="1128" y="15740"/>
                    <a:pt x="1178" y="15665"/>
                  </a:cubicBezTo>
                  <a:cubicBezTo>
                    <a:pt x="1228" y="15665"/>
                    <a:pt x="1404" y="15740"/>
                    <a:pt x="1454" y="15740"/>
                  </a:cubicBezTo>
                  <a:cubicBezTo>
                    <a:pt x="1529" y="15791"/>
                    <a:pt x="1579" y="15966"/>
                    <a:pt x="1629" y="16016"/>
                  </a:cubicBezTo>
                  <a:cubicBezTo>
                    <a:pt x="1679" y="16016"/>
                    <a:pt x="1855" y="15966"/>
                    <a:pt x="1905" y="15966"/>
                  </a:cubicBezTo>
                  <a:cubicBezTo>
                    <a:pt x="1955" y="15891"/>
                    <a:pt x="2080" y="15841"/>
                    <a:pt x="2130" y="15791"/>
                  </a:cubicBezTo>
                  <a:cubicBezTo>
                    <a:pt x="2181" y="15791"/>
                    <a:pt x="2181" y="15665"/>
                    <a:pt x="2181" y="15615"/>
                  </a:cubicBezTo>
                  <a:cubicBezTo>
                    <a:pt x="2306" y="15565"/>
                    <a:pt x="2481" y="15665"/>
                    <a:pt x="2531" y="15615"/>
                  </a:cubicBezTo>
                  <a:cubicBezTo>
                    <a:pt x="2632" y="15615"/>
                    <a:pt x="2757" y="15565"/>
                    <a:pt x="2807" y="15515"/>
                  </a:cubicBezTo>
                  <a:cubicBezTo>
                    <a:pt x="2807" y="15390"/>
                    <a:pt x="2632" y="15214"/>
                    <a:pt x="2707" y="15164"/>
                  </a:cubicBezTo>
                  <a:cubicBezTo>
                    <a:pt x="2757" y="15064"/>
                    <a:pt x="2932" y="14989"/>
                    <a:pt x="2983" y="14938"/>
                  </a:cubicBezTo>
                  <a:cubicBezTo>
                    <a:pt x="3083" y="14938"/>
                    <a:pt x="3384" y="14888"/>
                    <a:pt x="3484" y="14888"/>
                  </a:cubicBezTo>
                  <a:cubicBezTo>
                    <a:pt x="3609" y="14888"/>
                    <a:pt x="3709" y="14938"/>
                    <a:pt x="3760" y="14938"/>
                  </a:cubicBezTo>
                  <a:lnTo>
                    <a:pt x="3985" y="14938"/>
                  </a:lnTo>
                  <a:cubicBezTo>
                    <a:pt x="4060" y="14888"/>
                    <a:pt x="4060" y="14838"/>
                    <a:pt x="4110" y="14763"/>
                  </a:cubicBezTo>
                  <a:cubicBezTo>
                    <a:pt x="4110" y="14713"/>
                    <a:pt x="4336" y="14713"/>
                    <a:pt x="4336" y="14663"/>
                  </a:cubicBezTo>
                  <a:cubicBezTo>
                    <a:pt x="4386" y="14537"/>
                    <a:pt x="4386" y="14312"/>
                    <a:pt x="4336" y="14262"/>
                  </a:cubicBezTo>
                  <a:cubicBezTo>
                    <a:pt x="4336" y="14161"/>
                    <a:pt x="4161" y="13986"/>
                    <a:pt x="4110" y="13936"/>
                  </a:cubicBezTo>
                  <a:cubicBezTo>
                    <a:pt x="4110" y="13811"/>
                    <a:pt x="3985" y="13635"/>
                    <a:pt x="4060" y="13585"/>
                  </a:cubicBezTo>
                  <a:cubicBezTo>
                    <a:pt x="4060" y="13485"/>
                    <a:pt x="4211" y="13359"/>
                    <a:pt x="4336" y="13309"/>
                  </a:cubicBezTo>
                  <a:cubicBezTo>
                    <a:pt x="4386" y="13259"/>
                    <a:pt x="4511" y="13309"/>
                    <a:pt x="4562" y="13309"/>
                  </a:cubicBezTo>
                  <a:cubicBezTo>
                    <a:pt x="4612" y="13259"/>
                    <a:pt x="4787" y="13259"/>
                    <a:pt x="4837" y="13184"/>
                  </a:cubicBezTo>
                  <a:cubicBezTo>
                    <a:pt x="4887" y="13134"/>
                    <a:pt x="4837" y="12908"/>
                    <a:pt x="4787" y="12858"/>
                  </a:cubicBezTo>
                  <a:cubicBezTo>
                    <a:pt x="4787" y="12808"/>
                    <a:pt x="4662" y="12683"/>
                    <a:pt x="4662" y="12633"/>
                  </a:cubicBezTo>
                  <a:cubicBezTo>
                    <a:pt x="4662" y="12582"/>
                    <a:pt x="4612" y="12507"/>
                    <a:pt x="4612" y="12457"/>
                  </a:cubicBezTo>
                  <a:lnTo>
                    <a:pt x="4837" y="12457"/>
                  </a:lnTo>
                  <a:cubicBezTo>
                    <a:pt x="4887" y="12507"/>
                    <a:pt x="5013" y="12633"/>
                    <a:pt x="5113" y="12633"/>
                  </a:cubicBezTo>
                  <a:cubicBezTo>
                    <a:pt x="5188" y="12633"/>
                    <a:pt x="5339" y="12507"/>
                    <a:pt x="5414" y="12457"/>
                  </a:cubicBezTo>
                  <a:cubicBezTo>
                    <a:pt x="5414" y="12407"/>
                    <a:pt x="5464" y="12282"/>
                    <a:pt x="5514" y="12282"/>
                  </a:cubicBezTo>
                  <a:cubicBezTo>
                    <a:pt x="5639" y="12181"/>
                    <a:pt x="5865" y="12006"/>
                    <a:pt x="5965" y="11956"/>
                  </a:cubicBezTo>
                  <a:cubicBezTo>
                    <a:pt x="6090" y="11956"/>
                    <a:pt x="6241" y="12006"/>
                    <a:pt x="6366" y="11956"/>
                  </a:cubicBezTo>
                  <a:cubicBezTo>
                    <a:pt x="6466" y="11906"/>
                    <a:pt x="6642" y="11780"/>
                    <a:pt x="6742" y="11680"/>
                  </a:cubicBezTo>
                  <a:cubicBezTo>
                    <a:pt x="6817" y="11605"/>
                    <a:pt x="6917" y="11455"/>
                    <a:pt x="6968" y="11379"/>
                  </a:cubicBezTo>
                  <a:cubicBezTo>
                    <a:pt x="7043" y="11329"/>
                    <a:pt x="7143" y="11154"/>
                    <a:pt x="7193" y="11154"/>
                  </a:cubicBezTo>
                  <a:cubicBezTo>
                    <a:pt x="7268" y="11104"/>
                    <a:pt x="7494" y="11104"/>
                    <a:pt x="7594" y="11104"/>
                  </a:cubicBezTo>
                  <a:cubicBezTo>
                    <a:pt x="7644" y="11104"/>
                    <a:pt x="7820" y="11229"/>
                    <a:pt x="7945" y="11229"/>
                  </a:cubicBezTo>
                  <a:cubicBezTo>
                    <a:pt x="8095" y="11279"/>
                    <a:pt x="8396" y="11229"/>
                    <a:pt x="8496" y="11229"/>
                  </a:cubicBezTo>
                  <a:cubicBezTo>
                    <a:pt x="8622" y="11229"/>
                    <a:pt x="8772" y="11329"/>
                    <a:pt x="8897" y="11329"/>
                  </a:cubicBezTo>
                  <a:cubicBezTo>
                    <a:pt x="8948" y="11329"/>
                    <a:pt x="9173" y="11379"/>
                    <a:pt x="9298" y="11379"/>
                  </a:cubicBezTo>
                  <a:cubicBezTo>
                    <a:pt x="9399" y="11329"/>
                    <a:pt x="9574" y="11229"/>
                    <a:pt x="9624" y="11154"/>
                  </a:cubicBezTo>
                  <a:cubicBezTo>
                    <a:pt x="9674" y="11104"/>
                    <a:pt x="9800" y="10828"/>
                    <a:pt x="9900" y="10778"/>
                  </a:cubicBezTo>
                  <a:cubicBezTo>
                    <a:pt x="10025" y="10703"/>
                    <a:pt x="10201" y="10828"/>
                    <a:pt x="10301" y="10778"/>
                  </a:cubicBezTo>
                  <a:cubicBezTo>
                    <a:pt x="10426" y="10778"/>
                    <a:pt x="10652" y="10653"/>
                    <a:pt x="10702" y="10603"/>
                  </a:cubicBezTo>
                  <a:cubicBezTo>
                    <a:pt x="10752" y="10552"/>
                    <a:pt x="10702" y="10327"/>
                    <a:pt x="10702" y="10252"/>
                  </a:cubicBezTo>
                  <a:cubicBezTo>
                    <a:pt x="10652" y="10202"/>
                    <a:pt x="10527" y="10101"/>
                    <a:pt x="10476" y="10026"/>
                  </a:cubicBezTo>
                  <a:cubicBezTo>
                    <a:pt x="10476" y="9976"/>
                    <a:pt x="10426" y="9926"/>
                    <a:pt x="10426" y="9876"/>
                  </a:cubicBezTo>
                  <a:cubicBezTo>
                    <a:pt x="10476" y="9801"/>
                    <a:pt x="10652" y="9750"/>
                    <a:pt x="10652" y="9700"/>
                  </a:cubicBezTo>
                  <a:cubicBezTo>
                    <a:pt x="10702" y="9575"/>
                    <a:pt x="10652" y="9475"/>
                    <a:pt x="10652" y="9425"/>
                  </a:cubicBezTo>
                  <a:cubicBezTo>
                    <a:pt x="10577" y="9299"/>
                    <a:pt x="10301" y="9124"/>
                    <a:pt x="10251" y="9024"/>
                  </a:cubicBezTo>
                  <a:cubicBezTo>
                    <a:pt x="10126" y="8973"/>
                    <a:pt x="9975" y="8798"/>
                    <a:pt x="9900" y="8673"/>
                  </a:cubicBezTo>
                  <a:cubicBezTo>
                    <a:pt x="9900" y="8572"/>
                    <a:pt x="9975" y="8347"/>
                    <a:pt x="10025" y="8222"/>
                  </a:cubicBezTo>
                  <a:cubicBezTo>
                    <a:pt x="10075" y="8121"/>
                    <a:pt x="10301" y="7946"/>
                    <a:pt x="10301" y="7846"/>
                  </a:cubicBezTo>
                  <a:cubicBezTo>
                    <a:pt x="10301" y="7720"/>
                    <a:pt x="10126" y="7620"/>
                    <a:pt x="10075" y="7545"/>
                  </a:cubicBezTo>
                  <a:cubicBezTo>
                    <a:pt x="10025" y="7445"/>
                    <a:pt x="9900" y="7269"/>
                    <a:pt x="9850" y="7169"/>
                  </a:cubicBezTo>
                  <a:lnTo>
                    <a:pt x="9850" y="6818"/>
                  </a:lnTo>
                  <a:lnTo>
                    <a:pt x="9850" y="6542"/>
                  </a:lnTo>
                  <a:lnTo>
                    <a:pt x="10075" y="6542"/>
                  </a:lnTo>
                  <a:cubicBezTo>
                    <a:pt x="10126" y="6542"/>
                    <a:pt x="10251" y="6542"/>
                    <a:pt x="10301" y="6592"/>
                  </a:cubicBezTo>
                  <a:cubicBezTo>
                    <a:pt x="10351" y="6592"/>
                    <a:pt x="10527" y="6643"/>
                    <a:pt x="10577" y="6643"/>
                  </a:cubicBezTo>
                  <a:cubicBezTo>
                    <a:pt x="10652" y="6643"/>
                    <a:pt x="10752" y="6542"/>
                    <a:pt x="10802" y="6542"/>
                  </a:cubicBezTo>
                  <a:cubicBezTo>
                    <a:pt x="10877" y="6417"/>
                    <a:pt x="10802" y="6191"/>
                    <a:pt x="10802" y="6091"/>
                  </a:cubicBezTo>
                  <a:cubicBezTo>
                    <a:pt x="10877" y="5966"/>
                    <a:pt x="11028" y="5765"/>
                    <a:pt x="11153" y="5690"/>
                  </a:cubicBezTo>
                  <a:cubicBezTo>
                    <a:pt x="11253" y="5590"/>
                    <a:pt x="11604" y="5640"/>
                    <a:pt x="11755" y="5540"/>
                  </a:cubicBezTo>
                  <a:cubicBezTo>
                    <a:pt x="11830" y="5540"/>
                    <a:pt x="12055" y="5364"/>
                    <a:pt x="12105" y="5239"/>
                  </a:cubicBezTo>
                  <a:cubicBezTo>
                    <a:pt x="12156" y="5139"/>
                    <a:pt x="12105" y="4738"/>
                    <a:pt x="12156" y="4562"/>
                  </a:cubicBezTo>
                  <a:cubicBezTo>
                    <a:pt x="12206" y="4462"/>
                    <a:pt x="12381" y="4237"/>
                    <a:pt x="12506" y="4186"/>
                  </a:cubicBezTo>
                  <a:cubicBezTo>
                    <a:pt x="12607" y="4186"/>
                    <a:pt x="12782" y="4237"/>
                    <a:pt x="12882" y="4186"/>
                  </a:cubicBezTo>
                  <a:cubicBezTo>
                    <a:pt x="12882" y="4111"/>
                    <a:pt x="12882" y="3961"/>
                    <a:pt x="12958" y="3886"/>
                  </a:cubicBezTo>
                  <a:cubicBezTo>
                    <a:pt x="13008" y="3886"/>
                    <a:pt x="13183" y="3886"/>
                    <a:pt x="13233" y="3836"/>
                  </a:cubicBezTo>
                  <a:cubicBezTo>
                    <a:pt x="13283" y="3785"/>
                    <a:pt x="13409" y="3560"/>
                    <a:pt x="13409" y="3510"/>
                  </a:cubicBezTo>
                  <a:cubicBezTo>
                    <a:pt x="13409" y="3384"/>
                    <a:pt x="13283" y="3284"/>
                    <a:pt x="13233" y="3159"/>
                  </a:cubicBezTo>
                  <a:cubicBezTo>
                    <a:pt x="13233" y="3059"/>
                    <a:pt x="13233" y="2833"/>
                    <a:pt x="13183" y="2758"/>
                  </a:cubicBezTo>
                  <a:cubicBezTo>
                    <a:pt x="13108" y="2708"/>
                    <a:pt x="13058" y="2708"/>
                    <a:pt x="13008" y="2658"/>
                  </a:cubicBezTo>
                  <a:cubicBezTo>
                    <a:pt x="12958" y="2607"/>
                    <a:pt x="12832" y="2482"/>
                    <a:pt x="12832" y="2432"/>
                  </a:cubicBezTo>
                  <a:lnTo>
                    <a:pt x="12832" y="2257"/>
                  </a:lnTo>
                  <a:cubicBezTo>
                    <a:pt x="12882" y="2156"/>
                    <a:pt x="13108" y="2156"/>
                    <a:pt x="13183" y="2031"/>
                  </a:cubicBezTo>
                  <a:lnTo>
                    <a:pt x="13183" y="1931"/>
                  </a:lnTo>
                  <a:cubicBezTo>
                    <a:pt x="13283" y="1856"/>
                    <a:pt x="13509" y="1981"/>
                    <a:pt x="13559" y="1931"/>
                  </a:cubicBezTo>
                  <a:cubicBezTo>
                    <a:pt x="13684" y="1931"/>
                    <a:pt x="13785" y="1805"/>
                    <a:pt x="13860" y="1755"/>
                  </a:cubicBezTo>
                  <a:cubicBezTo>
                    <a:pt x="13860" y="1705"/>
                    <a:pt x="13860" y="1530"/>
                    <a:pt x="13910" y="1480"/>
                  </a:cubicBezTo>
                  <a:cubicBezTo>
                    <a:pt x="13960" y="1404"/>
                    <a:pt x="14136" y="1530"/>
                    <a:pt x="14186" y="1480"/>
                  </a:cubicBezTo>
                  <a:cubicBezTo>
                    <a:pt x="14236" y="1404"/>
                    <a:pt x="14186" y="1179"/>
                    <a:pt x="14311" y="1129"/>
                  </a:cubicBezTo>
                  <a:cubicBezTo>
                    <a:pt x="14361" y="1079"/>
                    <a:pt x="14587" y="1179"/>
                    <a:pt x="14637" y="1129"/>
                  </a:cubicBezTo>
                  <a:cubicBezTo>
                    <a:pt x="14687" y="1079"/>
                    <a:pt x="14637" y="903"/>
                    <a:pt x="14637" y="853"/>
                  </a:cubicBezTo>
                  <a:cubicBezTo>
                    <a:pt x="14637" y="728"/>
                    <a:pt x="14537" y="577"/>
                    <a:pt x="14537" y="502"/>
                  </a:cubicBezTo>
                  <a:cubicBezTo>
                    <a:pt x="14587" y="402"/>
                    <a:pt x="14812" y="352"/>
                    <a:pt x="14862" y="352"/>
                  </a:cubicBezTo>
                  <a:cubicBezTo>
                    <a:pt x="15038" y="227"/>
                    <a:pt x="15263" y="51"/>
                    <a:pt x="15364" y="51"/>
                  </a:cubicBezTo>
                  <a:cubicBezTo>
                    <a:pt x="15489" y="1"/>
                    <a:pt x="15715" y="51"/>
                    <a:pt x="15815" y="126"/>
                  </a:cubicBezTo>
                  <a:cubicBezTo>
                    <a:pt x="15865" y="227"/>
                    <a:pt x="15865" y="452"/>
                    <a:pt x="15865" y="577"/>
                  </a:cubicBezTo>
                  <a:cubicBezTo>
                    <a:pt x="15865" y="628"/>
                    <a:pt x="15940" y="853"/>
                    <a:pt x="15940" y="903"/>
                  </a:cubicBezTo>
                  <a:cubicBezTo>
                    <a:pt x="15940" y="1029"/>
                    <a:pt x="15865" y="1129"/>
                    <a:pt x="15865" y="1179"/>
                  </a:cubicBezTo>
                  <a:cubicBezTo>
                    <a:pt x="15815" y="1304"/>
                    <a:pt x="15940" y="1480"/>
                    <a:pt x="15865" y="1580"/>
                  </a:cubicBezTo>
                  <a:cubicBezTo>
                    <a:pt x="15865" y="1630"/>
                    <a:pt x="15715" y="1755"/>
                    <a:pt x="15715" y="1805"/>
                  </a:cubicBezTo>
                  <a:cubicBezTo>
                    <a:pt x="15664" y="1931"/>
                    <a:pt x="15664" y="2156"/>
                    <a:pt x="15664" y="2257"/>
                  </a:cubicBezTo>
                  <a:cubicBezTo>
                    <a:pt x="15715" y="2382"/>
                    <a:pt x="15765" y="2532"/>
                    <a:pt x="15815" y="2607"/>
                  </a:cubicBezTo>
                  <a:cubicBezTo>
                    <a:pt x="15940" y="2708"/>
                    <a:pt x="16216" y="2758"/>
                    <a:pt x="16266" y="2883"/>
                  </a:cubicBezTo>
                  <a:cubicBezTo>
                    <a:pt x="16316" y="2933"/>
                    <a:pt x="16391" y="3159"/>
                    <a:pt x="16441" y="3209"/>
                  </a:cubicBezTo>
                  <a:cubicBezTo>
                    <a:pt x="16491" y="3284"/>
                    <a:pt x="16667" y="3384"/>
                    <a:pt x="16717" y="3435"/>
                  </a:cubicBezTo>
                  <a:cubicBezTo>
                    <a:pt x="16767" y="3435"/>
                    <a:pt x="16892" y="3560"/>
                    <a:pt x="16943" y="3610"/>
                  </a:cubicBezTo>
                  <a:cubicBezTo>
                    <a:pt x="16993" y="3660"/>
                    <a:pt x="17168" y="3785"/>
                    <a:pt x="17218" y="3836"/>
                  </a:cubicBezTo>
                  <a:cubicBezTo>
                    <a:pt x="17293" y="3886"/>
                    <a:pt x="17344" y="4061"/>
                    <a:pt x="17444" y="4111"/>
                  </a:cubicBezTo>
                  <a:cubicBezTo>
                    <a:pt x="17394" y="4237"/>
                    <a:pt x="17293" y="4337"/>
                    <a:pt x="17218" y="4412"/>
                  </a:cubicBezTo>
                  <a:cubicBezTo>
                    <a:pt x="17168" y="4462"/>
                    <a:pt x="17168" y="4638"/>
                    <a:pt x="17168" y="4688"/>
                  </a:cubicBezTo>
                  <a:cubicBezTo>
                    <a:pt x="17118" y="4863"/>
                    <a:pt x="17293" y="5139"/>
                    <a:pt x="17293" y="5314"/>
                  </a:cubicBezTo>
                  <a:cubicBezTo>
                    <a:pt x="17293" y="5465"/>
                    <a:pt x="17293" y="5866"/>
                    <a:pt x="17218" y="5966"/>
                  </a:cubicBezTo>
                  <a:cubicBezTo>
                    <a:pt x="17168" y="6141"/>
                    <a:pt x="16892" y="6367"/>
                    <a:pt x="16842" y="6542"/>
                  </a:cubicBezTo>
                  <a:cubicBezTo>
                    <a:pt x="16767" y="6643"/>
                    <a:pt x="16667" y="6993"/>
                    <a:pt x="16542" y="7094"/>
                  </a:cubicBezTo>
                  <a:cubicBezTo>
                    <a:pt x="16491" y="7219"/>
                    <a:pt x="16316" y="7445"/>
                    <a:pt x="16266" y="7545"/>
                  </a:cubicBezTo>
                  <a:cubicBezTo>
                    <a:pt x="16166" y="7720"/>
                    <a:pt x="16166" y="8171"/>
                    <a:pt x="16090" y="8397"/>
                  </a:cubicBezTo>
                  <a:cubicBezTo>
                    <a:pt x="16040" y="8572"/>
                    <a:pt x="15865" y="8973"/>
                    <a:pt x="15865" y="9124"/>
                  </a:cubicBezTo>
                  <a:cubicBezTo>
                    <a:pt x="15865" y="9199"/>
                    <a:pt x="15940" y="9349"/>
                    <a:pt x="15990" y="9425"/>
                  </a:cubicBezTo>
                  <a:cubicBezTo>
                    <a:pt x="16040" y="9525"/>
                    <a:pt x="16316" y="9650"/>
                    <a:pt x="16391" y="9700"/>
                  </a:cubicBezTo>
                  <a:cubicBezTo>
                    <a:pt x="16491" y="9750"/>
                    <a:pt x="16617" y="9926"/>
                    <a:pt x="16667" y="9976"/>
                  </a:cubicBezTo>
                  <a:cubicBezTo>
                    <a:pt x="16717" y="10101"/>
                    <a:pt x="16717" y="10327"/>
                    <a:pt x="16767" y="10427"/>
                  </a:cubicBezTo>
                  <a:cubicBezTo>
                    <a:pt x="16842" y="10552"/>
                    <a:pt x="17068" y="10653"/>
                    <a:pt x="17118" y="10778"/>
                  </a:cubicBezTo>
                  <a:cubicBezTo>
                    <a:pt x="17218" y="10878"/>
                    <a:pt x="17293" y="11154"/>
                    <a:pt x="17344" y="11279"/>
                  </a:cubicBezTo>
                  <a:cubicBezTo>
                    <a:pt x="17394" y="11505"/>
                    <a:pt x="17444" y="11831"/>
                    <a:pt x="17519" y="12006"/>
                  </a:cubicBezTo>
                  <a:cubicBezTo>
                    <a:pt x="17569" y="12181"/>
                    <a:pt x="17745" y="12457"/>
                    <a:pt x="17845" y="12582"/>
                  </a:cubicBezTo>
                  <a:cubicBezTo>
                    <a:pt x="17895" y="12683"/>
                    <a:pt x="18121" y="12858"/>
                    <a:pt x="18246" y="12958"/>
                  </a:cubicBezTo>
                  <a:cubicBezTo>
                    <a:pt x="18296" y="13084"/>
                    <a:pt x="18471" y="13410"/>
                    <a:pt x="18471" y="13585"/>
                  </a:cubicBezTo>
                  <a:cubicBezTo>
                    <a:pt x="18471" y="13710"/>
                    <a:pt x="18421" y="13861"/>
                    <a:pt x="18346" y="13986"/>
                  </a:cubicBezTo>
                  <a:cubicBezTo>
                    <a:pt x="18246" y="14036"/>
                    <a:pt x="18070" y="14086"/>
                    <a:pt x="18020" y="14161"/>
                  </a:cubicBezTo>
                  <a:cubicBezTo>
                    <a:pt x="17970" y="14161"/>
                    <a:pt x="17795" y="14161"/>
                    <a:pt x="17745" y="14212"/>
                  </a:cubicBezTo>
                  <a:cubicBezTo>
                    <a:pt x="17669" y="14262"/>
                    <a:pt x="17745" y="14437"/>
                    <a:pt x="17745" y="14537"/>
                  </a:cubicBezTo>
                  <a:lnTo>
                    <a:pt x="17745" y="14838"/>
                  </a:lnTo>
                  <a:cubicBezTo>
                    <a:pt x="17669" y="14888"/>
                    <a:pt x="17569" y="15114"/>
                    <a:pt x="17444" y="15114"/>
                  </a:cubicBezTo>
                  <a:cubicBezTo>
                    <a:pt x="17394" y="15114"/>
                    <a:pt x="17218" y="14989"/>
                    <a:pt x="17168" y="14888"/>
                  </a:cubicBezTo>
                  <a:cubicBezTo>
                    <a:pt x="17118" y="14838"/>
                    <a:pt x="17118" y="14713"/>
                    <a:pt x="17068" y="14663"/>
                  </a:cubicBezTo>
                  <a:cubicBezTo>
                    <a:pt x="16943" y="14613"/>
                    <a:pt x="16717" y="14613"/>
                    <a:pt x="16617" y="14613"/>
                  </a:cubicBezTo>
                  <a:cubicBezTo>
                    <a:pt x="16542" y="14613"/>
                    <a:pt x="16391" y="14713"/>
                    <a:pt x="16266" y="14763"/>
                  </a:cubicBezTo>
                  <a:cubicBezTo>
                    <a:pt x="16166" y="14838"/>
                    <a:pt x="15940" y="14763"/>
                    <a:pt x="15865" y="14838"/>
                  </a:cubicBezTo>
                  <a:cubicBezTo>
                    <a:pt x="15815" y="14938"/>
                    <a:pt x="15765" y="15114"/>
                    <a:pt x="15765" y="15214"/>
                  </a:cubicBezTo>
                  <a:lnTo>
                    <a:pt x="16040" y="15515"/>
                  </a:lnTo>
                  <a:cubicBezTo>
                    <a:pt x="16090" y="15615"/>
                    <a:pt x="16166" y="15841"/>
                    <a:pt x="16166" y="15966"/>
                  </a:cubicBezTo>
                  <a:cubicBezTo>
                    <a:pt x="16166" y="16066"/>
                    <a:pt x="16040" y="16242"/>
                    <a:pt x="16040" y="16342"/>
                  </a:cubicBezTo>
                  <a:cubicBezTo>
                    <a:pt x="16040" y="16517"/>
                    <a:pt x="15990" y="16793"/>
                    <a:pt x="16040" y="16968"/>
                  </a:cubicBezTo>
                  <a:cubicBezTo>
                    <a:pt x="16090" y="17019"/>
                    <a:pt x="16216" y="17094"/>
                    <a:pt x="16266" y="17144"/>
                  </a:cubicBezTo>
                  <a:cubicBezTo>
                    <a:pt x="16316" y="17194"/>
                    <a:pt x="16391" y="17369"/>
                    <a:pt x="16441" y="17420"/>
                  </a:cubicBezTo>
                  <a:cubicBezTo>
                    <a:pt x="16491" y="17470"/>
                    <a:pt x="16542" y="17695"/>
                    <a:pt x="16617" y="17821"/>
                  </a:cubicBezTo>
                  <a:cubicBezTo>
                    <a:pt x="16717" y="17921"/>
                    <a:pt x="16943" y="18096"/>
                    <a:pt x="17068" y="18146"/>
                  </a:cubicBezTo>
                  <a:cubicBezTo>
                    <a:pt x="17168" y="18272"/>
                    <a:pt x="17444" y="18372"/>
                    <a:pt x="17619" y="18372"/>
                  </a:cubicBezTo>
                  <a:cubicBezTo>
                    <a:pt x="17745" y="18372"/>
                    <a:pt x="17895" y="18222"/>
                    <a:pt x="17970" y="18146"/>
                  </a:cubicBezTo>
                  <a:cubicBezTo>
                    <a:pt x="18020" y="18096"/>
                    <a:pt x="18070" y="17921"/>
                    <a:pt x="18196" y="17921"/>
                  </a:cubicBezTo>
                  <a:cubicBezTo>
                    <a:pt x="18246" y="17871"/>
                    <a:pt x="18471" y="17921"/>
                    <a:pt x="18522" y="17921"/>
                  </a:cubicBezTo>
                  <a:cubicBezTo>
                    <a:pt x="18572" y="17996"/>
                    <a:pt x="18697" y="18046"/>
                    <a:pt x="18697" y="18096"/>
                  </a:cubicBezTo>
                  <a:cubicBezTo>
                    <a:pt x="18747" y="18146"/>
                    <a:pt x="18797" y="18372"/>
                    <a:pt x="18797" y="18447"/>
                  </a:cubicBezTo>
                  <a:cubicBezTo>
                    <a:pt x="18872" y="18547"/>
                    <a:pt x="18923" y="18723"/>
                    <a:pt x="18923" y="18773"/>
                  </a:cubicBezTo>
                  <a:cubicBezTo>
                    <a:pt x="18973" y="18823"/>
                    <a:pt x="19098" y="18948"/>
                    <a:pt x="19148" y="18999"/>
                  </a:cubicBezTo>
                  <a:cubicBezTo>
                    <a:pt x="19198" y="18999"/>
                    <a:pt x="19374" y="18898"/>
                    <a:pt x="19424" y="18898"/>
                  </a:cubicBezTo>
                  <a:cubicBezTo>
                    <a:pt x="19474" y="18898"/>
                    <a:pt x="19649" y="18948"/>
                    <a:pt x="19649" y="18999"/>
                  </a:cubicBezTo>
                  <a:cubicBezTo>
                    <a:pt x="19775" y="18999"/>
                    <a:pt x="19775" y="19224"/>
                    <a:pt x="19825" y="19274"/>
                  </a:cubicBezTo>
                  <a:cubicBezTo>
                    <a:pt x="19875" y="19349"/>
                    <a:pt x="20100" y="19450"/>
                    <a:pt x="20151" y="19500"/>
                  </a:cubicBezTo>
                  <a:cubicBezTo>
                    <a:pt x="20226" y="19575"/>
                    <a:pt x="20326" y="19725"/>
                    <a:pt x="20326" y="19851"/>
                  </a:cubicBezTo>
                  <a:cubicBezTo>
                    <a:pt x="20326" y="19901"/>
                    <a:pt x="20276" y="20076"/>
                    <a:pt x="20276" y="20126"/>
                  </a:cubicBezTo>
                  <a:cubicBezTo>
                    <a:pt x="20276" y="20302"/>
                    <a:pt x="20326" y="20578"/>
                    <a:pt x="20376" y="20703"/>
                  </a:cubicBezTo>
                  <a:cubicBezTo>
                    <a:pt x="20426" y="20803"/>
                    <a:pt x="20602" y="20979"/>
                    <a:pt x="20727" y="20979"/>
                  </a:cubicBezTo>
                  <a:cubicBezTo>
                    <a:pt x="20827" y="21029"/>
                    <a:pt x="21103" y="20928"/>
                    <a:pt x="21228" y="20979"/>
                  </a:cubicBezTo>
                  <a:cubicBezTo>
                    <a:pt x="21278" y="20979"/>
                    <a:pt x="21454" y="21029"/>
                    <a:pt x="21454" y="21029"/>
                  </a:cubicBezTo>
                  <a:cubicBezTo>
                    <a:pt x="21554" y="21154"/>
                    <a:pt x="21504" y="21354"/>
                    <a:pt x="21554" y="21480"/>
                  </a:cubicBezTo>
                  <a:cubicBezTo>
                    <a:pt x="21629" y="21580"/>
                    <a:pt x="21780" y="21806"/>
                    <a:pt x="21855" y="21931"/>
                  </a:cubicBezTo>
                  <a:cubicBezTo>
                    <a:pt x="21855" y="22031"/>
                    <a:pt x="21780" y="22332"/>
                    <a:pt x="21905" y="22382"/>
                  </a:cubicBezTo>
                  <a:cubicBezTo>
                    <a:pt x="21905" y="22482"/>
                    <a:pt x="22131" y="22482"/>
                    <a:pt x="22181" y="22608"/>
                  </a:cubicBezTo>
                  <a:close/>
                </a:path>
              </a:pathLst>
            </a:custGeom>
            <a:solidFill>
              <a:schemeClr val="bg1"/>
            </a:solid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142" name="Google Shape;199;p16">
              <a:extLst>
                <a:ext uri="{FF2B5EF4-FFF2-40B4-BE49-F238E27FC236}">
                  <a16:creationId xmlns:a16="http://schemas.microsoft.com/office/drawing/2014/main" id="{E7CEC045-9376-2D33-06FB-1568F16D0A5E}"/>
                </a:ext>
              </a:extLst>
            </p:cNvPr>
            <p:cNvSpPr/>
            <p:nvPr/>
          </p:nvSpPr>
          <p:spPr>
            <a:xfrm>
              <a:off x="1480888" y="1890600"/>
              <a:ext cx="625379" cy="283314"/>
            </a:xfrm>
            <a:custGeom>
              <a:avLst/>
              <a:gdLst/>
              <a:ahLst/>
              <a:cxnLst/>
              <a:rect l="l" t="t" r="r" b="b"/>
              <a:pathLst>
                <a:path w="22407" h="10151" extrusionOk="0">
                  <a:moveTo>
                    <a:pt x="14838" y="802"/>
                  </a:moveTo>
                  <a:cubicBezTo>
                    <a:pt x="14888" y="802"/>
                    <a:pt x="15013" y="727"/>
                    <a:pt x="15064" y="727"/>
                  </a:cubicBezTo>
                  <a:lnTo>
                    <a:pt x="15465" y="727"/>
                  </a:lnTo>
                  <a:cubicBezTo>
                    <a:pt x="15565" y="802"/>
                    <a:pt x="15740" y="902"/>
                    <a:pt x="15790" y="902"/>
                  </a:cubicBezTo>
                  <a:cubicBezTo>
                    <a:pt x="15866" y="952"/>
                    <a:pt x="16016" y="1078"/>
                    <a:pt x="16141" y="1078"/>
                  </a:cubicBezTo>
                  <a:cubicBezTo>
                    <a:pt x="16241" y="1028"/>
                    <a:pt x="16417" y="902"/>
                    <a:pt x="16467" y="902"/>
                  </a:cubicBezTo>
                  <a:cubicBezTo>
                    <a:pt x="16592" y="852"/>
                    <a:pt x="16768" y="852"/>
                    <a:pt x="16868" y="852"/>
                  </a:cubicBezTo>
                  <a:lnTo>
                    <a:pt x="17094" y="1078"/>
                  </a:lnTo>
                  <a:cubicBezTo>
                    <a:pt x="17219" y="1253"/>
                    <a:pt x="17444" y="1479"/>
                    <a:pt x="17495" y="1629"/>
                  </a:cubicBezTo>
                  <a:cubicBezTo>
                    <a:pt x="17545" y="1754"/>
                    <a:pt x="17595" y="2030"/>
                    <a:pt x="17595" y="2206"/>
                  </a:cubicBezTo>
                  <a:cubicBezTo>
                    <a:pt x="17595" y="2256"/>
                    <a:pt x="17545" y="2481"/>
                    <a:pt x="17545" y="2607"/>
                  </a:cubicBezTo>
                  <a:cubicBezTo>
                    <a:pt x="17495" y="2657"/>
                    <a:pt x="17319" y="2832"/>
                    <a:pt x="17319" y="2882"/>
                  </a:cubicBezTo>
                  <a:cubicBezTo>
                    <a:pt x="17319" y="2932"/>
                    <a:pt x="17319" y="3108"/>
                    <a:pt x="17369" y="3158"/>
                  </a:cubicBezTo>
                  <a:cubicBezTo>
                    <a:pt x="17444" y="3158"/>
                    <a:pt x="17595" y="3108"/>
                    <a:pt x="17670" y="3058"/>
                  </a:cubicBezTo>
                  <a:cubicBezTo>
                    <a:pt x="17770" y="3058"/>
                    <a:pt x="17946" y="2882"/>
                    <a:pt x="18046" y="2832"/>
                  </a:cubicBezTo>
                  <a:lnTo>
                    <a:pt x="18397" y="2832"/>
                  </a:lnTo>
                  <a:cubicBezTo>
                    <a:pt x="18497" y="2832"/>
                    <a:pt x="18673" y="2832"/>
                    <a:pt x="18723" y="2882"/>
                  </a:cubicBezTo>
                  <a:cubicBezTo>
                    <a:pt x="18848" y="2932"/>
                    <a:pt x="18948" y="3233"/>
                    <a:pt x="19074" y="3333"/>
                  </a:cubicBezTo>
                  <a:cubicBezTo>
                    <a:pt x="19074" y="3384"/>
                    <a:pt x="19124" y="3459"/>
                    <a:pt x="19174" y="3509"/>
                  </a:cubicBezTo>
                  <a:cubicBezTo>
                    <a:pt x="19249" y="3609"/>
                    <a:pt x="19299" y="3684"/>
                    <a:pt x="19299" y="3684"/>
                  </a:cubicBezTo>
                  <a:cubicBezTo>
                    <a:pt x="19399" y="3785"/>
                    <a:pt x="19525" y="3960"/>
                    <a:pt x="19625" y="4010"/>
                  </a:cubicBezTo>
                  <a:cubicBezTo>
                    <a:pt x="19700" y="4060"/>
                    <a:pt x="19926" y="4135"/>
                    <a:pt x="20026" y="4186"/>
                  </a:cubicBezTo>
                  <a:cubicBezTo>
                    <a:pt x="20076" y="4286"/>
                    <a:pt x="20201" y="4587"/>
                    <a:pt x="20252" y="4687"/>
                  </a:cubicBezTo>
                  <a:cubicBezTo>
                    <a:pt x="20302" y="4812"/>
                    <a:pt x="20377" y="5138"/>
                    <a:pt x="20477" y="5263"/>
                  </a:cubicBezTo>
                  <a:cubicBezTo>
                    <a:pt x="20527" y="5363"/>
                    <a:pt x="20703" y="5414"/>
                    <a:pt x="20778" y="5489"/>
                  </a:cubicBezTo>
                  <a:cubicBezTo>
                    <a:pt x="20878" y="5539"/>
                    <a:pt x="21003" y="5714"/>
                    <a:pt x="21054" y="5815"/>
                  </a:cubicBezTo>
                  <a:cubicBezTo>
                    <a:pt x="21154" y="5865"/>
                    <a:pt x="21379" y="6040"/>
                    <a:pt x="21505" y="6090"/>
                  </a:cubicBezTo>
                  <a:cubicBezTo>
                    <a:pt x="21605" y="6165"/>
                    <a:pt x="21830" y="6216"/>
                    <a:pt x="21906" y="6266"/>
                  </a:cubicBezTo>
                  <a:cubicBezTo>
                    <a:pt x="22006" y="6316"/>
                    <a:pt x="22231" y="6491"/>
                    <a:pt x="22282" y="6617"/>
                  </a:cubicBezTo>
                  <a:cubicBezTo>
                    <a:pt x="22357" y="6767"/>
                    <a:pt x="22407" y="7118"/>
                    <a:pt x="22407" y="7293"/>
                  </a:cubicBezTo>
                  <a:lnTo>
                    <a:pt x="22407" y="7444"/>
                  </a:lnTo>
                  <a:cubicBezTo>
                    <a:pt x="22357" y="7444"/>
                    <a:pt x="22231" y="7394"/>
                    <a:pt x="22181" y="7394"/>
                  </a:cubicBezTo>
                  <a:cubicBezTo>
                    <a:pt x="22056" y="7343"/>
                    <a:pt x="21780" y="7293"/>
                    <a:pt x="21680" y="7218"/>
                  </a:cubicBezTo>
                  <a:cubicBezTo>
                    <a:pt x="21605" y="7168"/>
                    <a:pt x="21505" y="7068"/>
                    <a:pt x="21379" y="6942"/>
                  </a:cubicBezTo>
                  <a:cubicBezTo>
                    <a:pt x="21329" y="6892"/>
                    <a:pt x="21229" y="6767"/>
                    <a:pt x="21154" y="6717"/>
                  </a:cubicBezTo>
                  <a:cubicBezTo>
                    <a:pt x="21104" y="6717"/>
                    <a:pt x="21003" y="6767"/>
                    <a:pt x="20928" y="6717"/>
                  </a:cubicBezTo>
                  <a:cubicBezTo>
                    <a:pt x="20878" y="6667"/>
                    <a:pt x="20828" y="6491"/>
                    <a:pt x="20778" y="6441"/>
                  </a:cubicBezTo>
                  <a:cubicBezTo>
                    <a:pt x="20778" y="6391"/>
                    <a:pt x="20653" y="6266"/>
                    <a:pt x="20602" y="6266"/>
                  </a:cubicBezTo>
                  <a:cubicBezTo>
                    <a:pt x="20527" y="6266"/>
                    <a:pt x="20377" y="6391"/>
                    <a:pt x="20377" y="6441"/>
                  </a:cubicBezTo>
                  <a:cubicBezTo>
                    <a:pt x="20377" y="6441"/>
                    <a:pt x="20427" y="6541"/>
                    <a:pt x="20477" y="6617"/>
                  </a:cubicBezTo>
                  <a:cubicBezTo>
                    <a:pt x="20477" y="6667"/>
                    <a:pt x="20602" y="6767"/>
                    <a:pt x="20653" y="6842"/>
                  </a:cubicBezTo>
                  <a:cubicBezTo>
                    <a:pt x="20653" y="6892"/>
                    <a:pt x="20602" y="6993"/>
                    <a:pt x="20527" y="6993"/>
                  </a:cubicBezTo>
                  <a:cubicBezTo>
                    <a:pt x="20477" y="7068"/>
                    <a:pt x="20252" y="6942"/>
                    <a:pt x="20201" y="6892"/>
                  </a:cubicBezTo>
                  <a:cubicBezTo>
                    <a:pt x="20026" y="6842"/>
                    <a:pt x="19750" y="6717"/>
                    <a:pt x="19625" y="6617"/>
                  </a:cubicBezTo>
                  <a:cubicBezTo>
                    <a:pt x="19525" y="6541"/>
                    <a:pt x="19475" y="6266"/>
                    <a:pt x="19399" y="6165"/>
                  </a:cubicBezTo>
                  <a:cubicBezTo>
                    <a:pt x="19349" y="6090"/>
                    <a:pt x="19174" y="5940"/>
                    <a:pt x="19124" y="5940"/>
                  </a:cubicBezTo>
                  <a:cubicBezTo>
                    <a:pt x="19074" y="5940"/>
                    <a:pt x="18898" y="5940"/>
                    <a:pt x="18898" y="5990"/>
                  </a:cubicBezTo>
                  <a:cubicBezTo>
                    <a:pt x="18848" y="5990"/>
                    <a:pt x="18848" y="6040"/>
                    <a:pt x="18848" y="6040"/>
                  </a:cubicBezTo>
                  <a:cubicBezTo>
                    <a:pt x="18723" y="6040"/>
                    <a:pt x="18622" y="5940"/>
                    <a:pt x="18572" y="5865"/>
                  </a:cubicBezTo>
                  <a:cubicBezTo>
                    <a:pt x="18497" y="5815"/>
                    <a:pt x="18497" y="5639"/>
                    <a:pt x="18497" y="5589"/>
                  </a:cubicBezTo>
                  <a:cubicBezTo>
                    <a:pt x="18447" y="5539"/>
                    <a:pt x="18397" y="5414"/>
                    <a:pt x="18347" y="5363"/>
                  </a:cubicBezTo>
                  <a:cubicBezTo>
                    <a:pt x="18272" y="5313"/>
                    <a:pt x="18171" y="5263"/>
                    <a:pt x="18121" y="5263"/>
                  </a:cubicBezTo>
                  <a:cubicBezTo>
                    <a:pt x="17996" y="5188"/>
                    <a:pt x="17820" y="5138"/>
                    <a:pt x="17720" y="5088"/>
                  </a:cubicBezTo>
                  <a:cubicBezTo>
                    <a:pt x="17670" y="5038"/>
                    <a:pt x="17595" y="4912"/>
                    <a:pt x="17545" y="4862"/>
                  </a:cubicBezTo>
                  <a:cubicBezTo>
                    <a:pt x="17495" y="4862"/>
                    <a:pt x="17369" y="4812"/>
                    <a:pt x="17269" y="4812"/>
                  </a:cubicBezTo>
                  <a:cubicBezTo>
                    <a:pt x="17269" y="4812"/>
                    <a:pt x="17144" y="4862"/>
                    <a:pt x="17144" y="4812"/>
                  </a:cubicBezTo>
                  <a:cubicBezTo>
                    <a:pt x="17094" y="4812"/>
                    <a:pt x="16993" y="4812"/>
                    <a:pt x="16993" y="4737"/>
                  </a:cubicBezTo>
                  <a:cubicBezTo>
                    <a:pt x="16918" y="4737"/>
                    <a:pt x="16918" y="4637"/>
                    <a:pt x="16868" y="4587"/>
                  </a:cubicBezTo>
                  <a:cubicBezTo>
                    <a:pt x="16818" y="4587"/>
                    <a:pt x="16693" y="4637"/>
                    <a:pt x="16693" y="4587"/>
                  </a:cubicBezTo>
                  <a:cubicBezTo>
                    <a:pt x="16592" y="4511"/>
                    <a:pt x="16642" y="4361"/>
                    <a:pt x="16592" y="4286"/>
                  </a:cubicBezTo>
                  <a:cubicBezTo>
                    <a:pt x="16542" y="4186"/>
                    <a:pt x="16367" y="4135"/>
                    <a:pt x="16241" y="4010"/>
                  </a:cubicBezTo>
                  <a:cubicBezTo>
                    <a:pt x="16241" y="4010"/>
                    <a:pt x="16241" y="3835"/>
                    <a:pt x="16191" y="3785"/>
                  </a:cubicBezTo>
                  <a:cubicBezTo>
                    <a:pt x="16141" y="3734"/>
                    <a:pt x="15966" y="3785"/>
                    <a:pt x="15866" y="3785"/>
                  </a:cubicBezTo>
                  <a:cubicBezTo>
                    <a:pt x="15790" y="3785"/>
                    <a:pt x="15565" y="3734"/>
                    <a:pt x="15515" y="3684"/>
                  </a:cubicBezTo>
                  <a:cubicBezTo>
                    <a:pt x="15465" y="3609"/>
                    <a:pt x="15414" y="3559"/>
                    <a:pt x="15339" y="3559"/>
                  </a:cubicBezTo>
                  <a:cubicBezTo>
                    <a:pt x="15289" y="3509"/>
                    <a:pt x="15189" y="3509"/>
                    <a:pt x="15114" y="3559"/>
                  </a:cubicBezTo>
                  <a:cubicBezTo>
                    <a:pt x="15064" y="3559"/>
                    <a:pt x="15064" y="3684"/>
                    <a:pt x="15064" y="3734"/>
                  </a:cubicBezTo>
                  <a:cubicBezTo>
                    <a:pt x="15064" y="3785"/>
                    <a:pt x="15114" y="3910"/>
                    <a:pt x="15114" y="3960"/>
                  </a:cubicBezTo>
                  <a:cubicBezTo>
                    <a:pt x="15064" y="4010"/>
                    <a:pt x="15064" y="4135"/>
                    <a:pt x="15013" y="4135"/>
                  </a:cubicBezTo>
                  <a:cubicBezTo>
                    <a:pt x="14963" y="4135"/>
                    <a:pt x="14838" y="4135"/>
                    <a:pt x="14788" y="4060"/>
                  </a:cubicBezTo>
                  <a:cubicBezTo>
                    <a:pt x="14738" y="4060"/>
                    <a:pt x="14738" y="3960"/>
                    <a:pt x="14738" y="3910"/>
                  </a:cubicBezTo>
                  <a:cubicBezTo>
                    <a:pt x="14663" y="3835"/>
                    <a:pt x="14562" y="3835"/>
                    <a:pt x="14562" y="3785"/>
                  </a:cubicBezTo>
                  <a:cubicBezTo>
                    <a:pt x="14512" y="3734"/>
                    <a:pt x="14437" y="3609"/>
                    <a:pt x="14437" y="3559"/>
                  </a:cubicBezTo>
                  <a:cubicBezTo>
                    <a:pt x="14437" y="3509"/>
                    <a:pt x="14512" y="3384"/>
                    <a:pt x="14437" y="3333"/>
                  </a:cubicBezTo>
                  <a:cubicBezTo>
                    <a:pt x="14437" y="3283"/>
                    <a:pt x="14287" y="3283"/>
                    <a:pt x="14211" y="3283"/>
                  </a:cubicBezTo>
                  <a:cubicBezTo>
                    <a:pt x="14111" y="3158"/>
                    <a:pt x="13760" y="3008"/>
                    <a:pt x="13585" y="3008"/>
                  </a:cubicBezTo>
                  <a:cubicBezTo>
                    <a:pt x="13485" y="2932"/>
                    <a:pt x="13084" y="2932"/>
                    <a:pt x="12908" y="2882"/>
                  </a:cubicBezTo>
                  <a:cubicBezTo>
                    <a:pt x="12808" y="2882"/>
                    <a:pt x="12632" y="2707"/>
                    <a:pt x="12457" y="2707"/>
                  </a:cubicBezTo>
                  <a:cubicBezTo>
                    <a:pt x="12407" y="2707"/>
                    <a:pt x="12357" y="2782"/>
                    <a:pt x="12307" y="2832"/>
                  </a:cubicBezTo>
                  <a:cubicBezTo>
                    <a:pt x="12231" y="2832"/>
                    <a:pt x="12181" y="2782"/>
                    <a:pt x="12131" y="2707"/>
                  </a:cubicBezTo>
                  <a:cubicBezTo>
                    <a:pt x="12006" y="2707"/>
                    <a:pt x="11906" y="2531"/>
                    <a:pt x="11780" y="2481"/>
                  </a:cubicBezTo>
                  <a:cubicBezTo>
                    <a:pt x="11680" y="2431"/>
                    <a:pt x="11404" y="2431"/>
                    <a:pt x="11279" y="2431"/>
                  </a:cubicBezTo>
                  <a:cubicBezTo>
                    <a:pt x="11179" y="2431"/>
                    <a:pt x="10953" y="2431"/>
                    <a:pt x="10828" y="2481"/>
                  </a:cubicBezTo>
                  <a:cubicBezTo>
                    <a:pt x="10728" y="2481"/>
                    <a:pt x="10552" y="2657"/>
                    <a:pt x="10502" y="2707"/>
                  </a:cubicBezTo>
                  <a:cubicBezTo>
                    <a:pt x="10427" y="2782"/>
                    <a:pt x="10327" y="2832"/>
                    <a:pt x="10277" y="2832"/>
                  </a:cubicBezTo>
                  <a:cubicBezTo>
                    <a:pt x="10201" y="2832"/>
                    <a:pt x="10101" y="2832"/>
                    <a:pt x="10051" y="2882"/>
                  </a:cubicBezTo>
                  <a:cubicBezTo>
                    <a:pt x="9976" y="2932"/>
                    <a:pt x="9876" y="3108"/>
                    <a:pt x="9825" y="3158"/>
                  </a:cubicBezTo>
                  <a:cubicBezTo>
                    <a:pt x="9750" y="3233"/>
                    <a:pt x="9600" y="3233"/>
                    <a:pt x="9475" y="3283"/>
                  </a:cubicBezTo>
                  <a:cubicBezTo>
                    <a:pt x="9424" y="3333"/>
                    <a:pt x="9299" y="3459"/>
                    <a:pt x="9199" y="3509"/>
                  </a:cubicBezTo>
                  <a:cubicBezTo>
                    <a:pt x="9199" y="3509"/>
                    <a:pt x="9074" y="3509"/>
                    <a:pt x="9023" y="3559"/>
                  </a:cubicBezTo>
                  <a:cubicBezTo>
                    <a:pt x="8973" y="3559"/>
                    <a:pt x="8923" y="3684"/>
                    <a:pt x="8848" y="3734"/>
                  </a:cubicBezTo>
                  <a:cubicBezTo>
                    <a:pt x="8748" y="3785"/>
                    <a:pt x="8572" y="3835"/>
                    <a:pt x="8522" y="3910"/>
                  </a:cubicBezTo>
                  <a:cubicBezTo>
                    <a:pt x="8472" y="3960"/>
                    <a:pt x="8397" y="4060"/>
                    <a:pt x="8397" y="4135"/>
                  </a:cubicBezTo>
                  <a:cubicBezTo>
                    <a:pt x="8347" y="4186"/>
                    <a:pt x="8472" y="4286"/>
                    <a:pt x="8472" y="4361"/>
                  </a:cubicBezTo>
                  <a:cubicBezTo>
                    <a:pt x="8472" y="4411"/>
                    <a:pt x="8397" y="4587"/>
                    <a:pt x="8397" y="4637"/>
                  </a:cubicBezTo>
                  <a:cubicBezTo>
                    <a:pt x="8347" y="4687"/>
                    <a:pt x="8246" y="4862"/>
                    <a:pt x="8171" y="4962"/>
                  </a:cubicBezTo>
                  <a:cubicBezTo>
                    <a:pt x="8121" y="5088"/>
                    <a:pt x="7946" y="5313"/>
                    <a:pt x="7845" y="5363"/>
                  </a:cubicBezTo>
                  <a:cubicBezTo>
                    <a:pt x="7795" y="5414"/>
                    <a:pt x="7570" y="5414"/>
                    <a:pt x="7495" y="5489"/>
                  </a:cubicBezTo>
                  <a:cubicBezTo>
                    <a:pt x="7394" y="5489"/>
                    <a:pt x="7269" y="5589"/>
                    <a:pt x="7219" y="5589"/>
                  </a:cubicBezTo>
                  <a:cubicBezTo>
                    <a:pt x="7169" y="5589"/>
                    <a:pt x="7043" y="5589"/>
                    <a:pt x="6993" y="5639"/>
                  </a:cubicBezTo>
                  <a:cubicBezTo>
                    <a:pt x="6868" y="5714"/>
                    <a:pt x="6718" y="5865"/>
                    <a:pt x="6592" y="5990"/>
                  </a:cubicBezTo>
                  <a:cubicBezTo>
                    <a:pt x="6542" y="6090"/>
                    <a:pt x="6492" y="6316"/>
                    <a:pt x="6367" y="6441"/>
                  </a:cubicBezTo>
                  <a:cubicBezTo>
                    <a:pt x="6367" y="6491"/>
                    <a:pt x="6266" y="6617"/>
                    <a:pt x="6266" y="6667"/>
                  </a:cubicBezTo>
                  <a:cubicBezTo>
                    <a:pt x="6191" y="6767"/>
                    <a:pt x="6266" y="6993"/>
                    <a:pt x="6191" y="7068"/>
                  </a:cubicBezTo>
                  <a:cubicBezTo>
                    <a:pt x="6191" y="7118"/>
                    <a:pt x="6091" y="7218"/>
                    <a:pt x="6091" y="7293"/>
                  </a:cubicBezTo>
                  <a:cubicBezTo>
                    <a:pt x="6041" y="7343"/>
                    <a:pt x="5865" y="7444"/>
                    <a:pt x="5865" y="7569"/>
                  </a:cubicBezTo>
                  <a:cubicBezTo>
                    <a:pt x="5815" y="7619"/>
                    <a:pt x="5740" y="7845"/>
                    <a:pt x="5740" y="7970"/>
                  </a:cubicBezTo>
                  <a:cubicBezTo>
                    <a:pt x="5740" y="8020"/>
                    <a:pt x="5815" y="8070"/>
                    <a:pt x="5815" y="8120"/>
                  </a:cubicBezTo>
                  <a:cubicBezTo>
                    <a:pt x="5815" y="8196"/>
                    <a:pt x="5740" y="8246"/>
                    <a:pt x="5690" y="8296"/>
                  </a:cubicBezTo>
                  <a:cubicBezTo>
                    <a:pt x="5640" y="8296"/>
                    <a:pt x="5515" y="8346"/>
                    <a:pt x="5464" y="8421"/>
                  </a:cubicBezTo>
                  <a:cubicBezTo>
                    <a:pt x="5414" y="8471"/>
                    <a:pt x="5364" y="8572"/>
                    <a:pt x="5289" y="8697"/>
                  </a:cubicBezTo>
                  <a:cubicBezTo>
                    <a:pt x="5189" y="8747"/>
                    <a:pt x="5063" y="8922"/>
                    <a:pt x="4963" y="8973"/>
                  </a:cubicBezTo>
                  <a:lnTo>
                    <a:pt x="4738" y="8973"/>
                  </a:lnTo>
                  <a:cubicBezTo>
                    <a:pt x="4688" y="9023"/>
                    <a:pt x="4562" y="9023"/>
                    <a:pt x="4512" y="9098"/>
                  </a:cubicBezTo>
                  <a:cubicBezTo>
                    <a:pt x="4462" y="9148"/>
                    <a:pt x="4337" y="9248"/>
                    <a:pt x="4287" y="9248"/>
                  </a:cubicBezTo>
                  <a:cubicBezTo>
                    <a:pt x="4236" y="9323"/>
                    <a:pt x="4111" y="9323"/>
                    <a:pt x="4061" y="9323"/>
                  </a:cubicBezTo>
                  <a:cubicBezTo>
                    <a:pt x="4011" y="9374"/>
                    <a:pt x="3835" y="9474"/>
                    <a:pt x="3710" y="9474"/>
                  </a:cubicBezTo>
                  <a:cubicBezTo>
                    <a:pt x="3610" y="9549"/>
                    <a:pt x="3384" y="9474"/>
                    <a:pt x="3259" y="9549"/>
                  </a:cubicBezTo>
                  <a:cubicBezTo>
                    <a:pt x="3159" y="9599"/>
                    <a:pt x="2983" y="9775"/>
                    <a:pt x="2883" y="9775"/>
                  </a:cubicBezTo>
                  <a:cubicBezTo>
                    <a:pt x="2758" y="9825"/>
                    <a:pt x="2582" y="9775"/>
                    <a:pt x="2532" y="9825"/>
                  </a:cubicBezTo>
                  <a:cubicBezTo>
                    <a:pt x="2432" y="9825"/>
                    <a:pt x="2256" y="9925"/>
                    <a:pt x="2256" y="9925"/>
                  </a:cubicBezTo>
                  <a:cubicBezTo>
                    <a:pt x="2206" y="9925"/>
                    <a:pt x="2031" y="9925"/>
                    <a:pt x="1906" y="10000"/>
                  </a:cubicBezTo>
                  <a:cubicBezTo>
                    <a:pt x="1855" y="10000"/>
                    <a:pt x="1755" y="10150"/>
                    <a:pt x="1680" y="10150"/>
                  </a:cubicBezTo>
                  <a:lnTo>
                    <a:pt x="1354" y="10150"/>
                  </a:lnTo>
                  <a:cubicBezTo>
                    <a:pt x="1229" y="10100"/>
                    <a:pt x="1078" y="10050"/>
                    <a:pt x="953" y="10050"/>
                  </a:cubicBezTo>
                  <a:cubicBezTo>
                    <a:pt x="903" y="10050"/>
                    <a:pt x="728" y="10100"/>
                    <a:pt x="677" y="10150"/>
                  </a:cubicBezTo>
                  <a:lnTo>
                    <a:pt x="226" y="10150"/>
                  </a:lnTo>
                  <a:cubicBezTo>
                    <a:pt x="226" y="10150"/>
                    <a:pt x="151" y="10000"/>
                    <a:pt x="151" y="9925"/>
                  </a:cubicBezTo>
                  <a:lnTo>
                    <a:pt x="151" y="9549"/>
                  </a:lnTo>
                  <a:cubicBezTo>
                    <a:pt x="151" y="9474"/>
                    <a:pt x="1" y="9374"/>
                    <a:pt x="1" y="9323"/>
                  </a:cubicBezTo>
                  <a:cubicBezTo>
                    <a:pt x="1" y="9248"/>
                    <a:pt x="51" y="9148"/>
                    <a:pt x="101" y="9098"/>
                  </a:cubicBezTo>
                  <a:cubicBezTo>
                    <a:pt x="151" y="9023"/>
                    <a:pt x="327" y="8922"/>
                    <a:pt x="402" y="8872"/>
                  </a:cubicBezTo>
                  <a:cubicBezTo>
                    <a:pt x="452" y="8797"/>
                    <a:pt x="502" y="8697"/>
                    <a:pt x="552" y="8647"/>
                  </a:cubicBezTo>
                  <a:cubicBezTo>
                    <a:pt x="627" y="8521"/>
                    <a:pt x="627" y="8346"/>
                    <a:pt x="677" y="8296"/>
                  </a:cubicBezTo>
                  <a:cubicBezTo>
                    <a:pt x="677" y="8196"/>
                    <a:pt x="778" y="8070"/>
                    <a:pt x="853" y="8020"/>
                  </a:cubicBezTo>
                  <a:cubicBezTo>
                    <a:pt x="953" y="7970"/>
                    <a:pt x="1304" y="7895"/>
                    <a:pt x="1354" y="7845"/>
                  </a:cubicBezTo>
                  <a:cubicBezTo>
                    <a:pt x="1404" y="7795"/>
                    <a:pt x="1530" y="7619"/>
                    <a:pt x="1530" y="7569"/>
                  </a:cubicBezTo>
                  <a:cubicBezTo>
                    <a:pt x="1530" y="7444"/>
                    <a:pt x="1404" y="7343"/>
                    <a:pt x="1454" y="7218"/>
                  </a:cubicBezTo>
                  <a:cubicBezTo>
                    <a:pt x="1454" y="7168"/>
                    <a:pt x="1530" y="7118"/>
                    <a:pt x="1580" y="7068"/>
                  </a:cubicBezTo>
                  <a:lnTo>
                    <a:pt x="1630" y="6993"/>
                  </a:lnTo>
                  <a:cubicBezTo>
                    <a:pt x="1680" y="7068"/>
                    <a:pt x="1755" y="7118"/>
                    <a:pt x="1805" y="7118"/>
                  </a:cubicBezTo>
                  <a:cubicBezTo>
                    <a:pt x="1855" y="7168"/>
                    <a:pt x="2031" y="7118"/>
                    <a:pt x="2131" y="7068"/>
                  </a:cubicBezTo>
                  <a:cubicBezTo>
                    <a:pt x="2206" y="6993"/>
                    <a:pt x="2206" y="6842"/>
                    <a:pt x="2256" y="6717"/>
                  </a:cubicBezTo>
                  <a:cubicBezTo>
                    <a:pt x="2307" y="6667"/>
                    <a:pt x="2482" y="6491"/>
                    <a:pt x="2582" y="6491"/>
                  </a:cubicBezTo>
                  <a:cubicBezTo>
                    <a:pt x="2708" y="6491"/>
                    <a:pt x="2808" y="6717"/>
                    <a:pt x="2933" y="6767"/>
                  </a:cubicBezTo>
                  <a:lnTo>
                    <a:pt x="3209" y="6767"/>
                  </a:lnTo>
                  <a:cubicBezTo>
                    <a:pt x="3384" y="6767"/>
                    <a:pt x="3610" y="6892"/>
                    <a:pt x="3710" y="6892"/>
                  </a:cubicBezTo>
                  <a:cubicBezTo>
                    <a:pt x="3835" y="6892"/>
                    <a:pt x="4061" y="6892"/>
                    <a:pt x="4161" y="6842"/>
                  </a:cubicBezTo>
                  <a:cubicBezTo>
                    <a:pt x="4236" y="6767"/>
                    <a:pt x="4236" y="6617"/>
                    <a:pt x="4287" y="6541"/>
                  </a:cubicBezTo>
                  <a:cubicBezTo>
                    <a:pt x="4387" y="6441"/>
                    <a:pt x="4612" y="6316"/>
                    <a:pt x="4738" y="6216"/>
                  </a:cubicBezTo>
                  <a:cubicBezTo>
                    <a:pt x="4788" y="6165"/>
                    <a:pt x="5013" y="6165"/>
                    <a:pt x="5063" y="6040"/>
                  </a:cubicBezTo>
                  <a:cubicBezTo>
                    <a:pt x="5139" y="5940"/>
                    <a:pt x="5139" y="5714"/>
                    <a:pt x="5063" y="5589"/>
                  </a:cubicBezTo>
                  <a:lnTo>
                    <a:pt x="5063" y="5313"/>
                  </a:lnTo>
                  <a:cubicBezTo>
                    <a:pt x="5063" y="5188"/>
                    <a:pt x="5239" y="5038"/>
                    <a:pt x="5239" y="4912"/>
                  </a:cubicBezTo>
                  <a:cubicBezTo>
                    <a:pt x="5239" y="4862"/>
                    <a:pt x="5189" y="4687"/>
                    <a:pt x="5189" y="4637"/>
                  </a:cubicBezTo>
                  <a:cubicBezTo>
                    <a:pt x="5139" y="4587"/>
                    <a:pt x="5063" y="4461"/>
                    <a:pt x="5063" y="4411"/>
                  </a:cubicBezTo>
                  <a:cubicBezTo>
                    <a:pt x="5063" y="4286"/>
                    <a:pt x="5139" y="4186"/>
                    <a:pt x="5189" y="4135"/>
                  </a:cubicBezTo>
                  <a:cubicBezTo>
                    <a:pt x="5289" y="4010"/>
                    <a:pt x="5640" y="3785"/>
                    <a:pt x="5740" y="3684"/>
                  </a:cubicBezTo>
                  <a:cubicBezTo>
                    <a:pt x="5865" y="3509"/>
                    <a:pt x="6041" y="3108"/>
                    <a:pt x="6091" y="2882"/>
                  </a:cubicBezTo>
                  <a:cubicBezTo>
                    <a:pt x="6141" y="2707"/>
                    <a:pt x="6191" y="2256"/>
                    <a:pt x="6317" y="2080"/>
                  </a:cubicBezTo>
                  <a:cubicBezTo>
                    <a:pt x="6367" y="2030"/>
                    <a:pt x="6492" y="1855"/>
                    <a:pt x="6592" y="1855"/>
                  </a:cubicBezTo>
                  <a:cubicBezTo>
                    <a:pt x="6642" y="1855"/>
                    <a:pt x="6818" y="1930"/>
                    <a:pt x="6818" y="1980"/>
                  </a:cubicBezTo>
                  <a:cubicBezTo>
                    <a:pt x="6943" y="2080"/>
                    <a:pt x="6993" y="2431"/>
                    <a:pt x="7119" y="2481"/>
                  </a:cubicBezTo>
                  <a:cubicBezTo>
                    <a:pt x="7219" y="2607"/>
                    <a:pt x="7444" y="2657"/>
                    <a:pt x="7570" y="2657"/>
                  </a:cubicBezTo>
                  <a:cubicBezTo>
                    <a:pt x="7670" y="2607"/>
                    <a:pt x="7720" y="2431"/>
                    <a:pt x="7795" y="2381"/>
                  </a:cubicBezTo>
                  <a:cubicBezTo>
                    <a:pt x="7845" y="2306"/>
                    <a:pt x="7896" y="2080"/>
                    <a:pt x="7946" y="2030"/>
                  </a:cubicBezTo>
                  <a:cubicBezTo>
                    <a:pt x="8021" y="1930"/>
                    <a:pt x="8121" y="1754"/>
                    <a:pt x="8246" y="1704"/>
                  </a:cubicBezTo>
                  <a:cubicBezTo>
                    <a:pt x="8347" y="1629"/>
                    <a:pt x="8572" y="1754"/>
                    <a:pt x="8698" y="1754"/>
                  </a:cubicBezTo>
                  <a:cubicBezTo>
                    <a:pt x="8923" y="1704"/>
                    <a:pt x="9299" y="1704"/>
                    <a:pt x="9475" y="1579"/>
                  </a:cubicBezTo>
                  <a:cubicBezTo>
                    <a:pt x="9600" y="1529"/>
                    <a:pt x="9650" y="1303"/>
                    <a:pt x="9750" y="1253"/>
                  </a:cubicBezTo>
                  <a:cubicBezTo>
                    <a:pt x="9825" y="1178"/>
                    <a:pt x="9976" y="1078"/>
                    <a:pt x="10051" y="1078"/>
                  </a:cubicBezTo>
                  <a:cubicBezTo>
                    <a:pt x="10201" y="1028"/>
                    <a:pt x="10502" y="952"/>
                    <a:pt x="10652" y="952"/>
                  </a:cubicBezTo>
                  <a:cubicBezTo>
                    <a:pt x="10728" y="1028"/>
                    <a:pt x="10878" y="1028"/>
                    <a:pt x="10953" y="1078"/>
                  </a:cubicBezTo>
                  <a:cubicBezTo>
                    <a:pt x="11053" y="1178"/>
                    <a:pt x="11003" y="1479"/>
                    <a:pt x="11053" y="1529"/>
                  </a:cubicBezTo>
                  <a:cubicBezTo>
                    <a:pt x="11179" y="1579"/>
                    <a:pt x="11329" y="1529"/>
                    <a:pt x="11404" y="1479"/>
                  </a:cubicBezTo>
                  <a:cubicBezTo>
                    <a:pt x="11555" y="1479"/>
                    <a:pt x="11906" y="1479"/>
                    <a:pt x="12006" y="1353"/>
                  </a:cubicBezTo>
                  <a:cubicBezTo>
                    <a:pt x="12181" y="1253"/>
                    <a:pt x="12357" y="852"/>
                    <a:pt x="12407" y="627"/>
                  </a:cubicBezTo>
                  <a:cubicBezTo>
                    <a:pt x="12457" y="501"/>
                    <a:pt x="12457" y="226"/>
                    <a:pt x="12582" y="175"/>
                  </a:cubicBezTo>
                  <a:cubicBezTo>
                    <a:pt x="12632" y="50"/>
                    <a:pt x="12908" y="50"/>
                    <a:pt x="13033" y="0"/>
                  </a:cubicBezTo>
                  <a:cubicBezTo>
                    <a:pt x="13134" y="0"/>
                    <a:pt x="13434" y="0"/>
                    <a:pt x="13585" y="50"/>
                  </a:cubicBezTo>
                  <a:cubicBezTo>
                    <a:pt x="13660" y="125"/>
                    <a:pt x="13835" y="175"/>
                    <a:pt x="13886" y="226"/>
                  </a:cubicBezTo>
                  <a:cubicBezTo>
                    <a:pt x="13936" y="351"/>
                    <a:pt x="14061" y="576"/>
                    <a:pt x="14161" y="677"/>
                  </a:cubicBezTo>
                  <a:cubicBezTo>
                    <a:pt x="14211" y="727"/>
                    <a:pt x="14512" y="802"/>
                    <a:pt x="14612" y="802"/>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143" name="Google Shape;200;p16">
              <a:extLst>
                <a:ext uri="{FF2B5EF4-FFF2-40B4-BE49-F238E27FC236}">
                  <a16:creationId xmlns:a16="http://schemas.microsoft.com/office/drawing/2014/main" id="{A55E156B-7B2E-C29F-4A5C-66743AACA21E}"/>
                </a:ext>
              </a:extLst>
            </p:cNvPr>
            <p:cNvSpPr/>
            <p:nvPr/>
          </p:nvSpPr>
          <p:spPr>
            <a:xfrm>
              <a:off x="1480888" y="1890600"/>
              <a:ext cx="625379" cy="283314"/>
            </a:xfrm>
            <a:custGeom>
              <a:avLst/>
              <a:gdLst/>
              <a:ahLst/>
              <a:cxnLst/>
              <a:rect l="l" t="t" r="r" b="b"/>
              <a:pathLst>
                <a:path w="22407" h="10151" fill="none" extrusionOk="0">
                  <a:moveTo>
                    <a:pt x="14838" y="802"/>
                  </a:moveTo>
                  <a:cubicBezTo>
                    <a:pt x="14888" y="802"/>
                    <a:pt x="15013" y="727"/>
                    <a:pt x="15064" y="727"/>
                  </a:cubicBezTo>
                  <a:lnTo>
                    <a:pt x="15465" y="727"/>
                  </a:lnTo>
                  <a:cubicBezTo>
                    <a:pt x="15565" y="802"/>
                    <a:pt x="15740" y="902"/>
                    <a:pt x="15790" y="902"/>
                  </a:cubicBezTo>
                  <a:cubicBezTo>
                    <a:pt x="15866" y="952"/>
                    <a:pt x="16016" y="1078"/>
                    <a:pt x="16141" y="1078"/>
                  </a:cubicBezTo>
                  <a:cubicBezTo>
                    <a:pt x="16241" y="1028"/>
                    <a:pt x="16417" y="902"/>
                    <a:pt x="16467" y="902"/>
                  </a:cubicBezTo>
                  <a:cubicBezTo>
                    <a:pt x="16592" y="852"/>
                    <a:pt x="16768" y="852"/>
                    <a:pt x="16868" y="852"/>
                  </a:cubicBezTo>
                  <a:lnTo>
                    <a:pt x="17094" y="1078"/>
                  </a:lnTo>
                  <a:cubicBezTo>
                    <a:pt x="17219" y="1253"/>
                    <a:pt x="17444" y="1479"/>
                    <a:pt x="17495" y="1629"/>
                  </a:cubicBezTo>
                  <a:cubicBezTo>
                    <a:pt x="17545" y="1754"/>
                    <a:pt x="17595" y="2030"/>
                    <a:pt x="17595" y="2206"/>
                  </a:cubicBezTo>
                  <a:cubicBezTo>
                    <a:pt x="17595" y="2256"/>
                    <a:pt x="17545" y="2481"/>
                    <a:pt x="17545" y="2607"/>
                  </a:cubicBezTo>
                  <a:cubicBezTo>
                    <a:pt x="17495" y="2657"/>
                    <a:pt x="17319" y="2832"/>
                    <a:pt x="17319" y="2882"/>
                  </a:cubicBezTo>
                  <a:cubicBezTo>
                    <a:pt x="17319" y="2932"/>
                    <a:pt x="17319" y="3108"/>
                    <a:pt x="17369" y="3158"/>
                  </a:cubicBezTo>
                  <a:cubicBezTo>
                    <a:pt x="17444" y="3158"/>
                    <a:pt x="17595" y="3108"/>
                    <a:pt x="17670" y="3058"/>
                  </a:cubicBezTo>
                  <a:cubicBezTo>
                    <a:pt x="17770" y="3058"/>
                    <a:pt x="17946" y="2882"/>
                    <a:pt x="18046" y="2832"/>
                  </a:cubicBezTo>
                  <a:lnTo>
                    <a:pt x="18397" y="2832"/>
                  </a:lnTo>
                  <a:cubicBezTo>
                    <a:pt x="18497" y="2832"/>
                    <a:pt x="18673" y="2832"/>
                    <a:pt x="18723" y="2882"/>
                  </a:cubicBezTo>
                  <a:cubicBezTo>
                    <a:pt x="18848" y="2932"/>
                    <a:pt x="18948" y="3233"/>
                    <a:pt x="19074" y="3333"/>
                  </a:cubicBezTo>
                  <a:cubicBezTo>
                    <a:pt x="19074" y="3384"/>
                    <a:pt x="19124" y="3459"/>
                    <a:pt x="19174" y="3509"/>
                  </a:cubicBezTo>
                  <a:cubicBezTo>
                    <a:pt x="19249" y="3609"/>
                    <a:pt x="19299" y="3684"/>
                    <a:pt x="19299" y="3684"/>
                  </a:cubicBezTo>
                  <a:cubicBezTo>
                    <a:pt x="19399" y="3785"/>
                    <a:pt x="19525" y="3960"/>
                    <a:pt x="19625" y="4010"/>
                  </a:cubicBezTo>
                  <a:cubicBezTo>
                    <a:pt x="19700" y="4060"/>
                    <a:pt x="19926" y="4135"/>
                    <a:pt x="20026" y="4186"/>
                  </a:cubicBezTo>
                  <a:cubicBezTo>
                    <a:pt x="20076" y="4286"/>
                    <a:pt x="20201" y="4587"/>
                    <a:pt x="20252" y="4687"/>
                  </a:cubicBezTo>
                  <a:cubicBezTo>
                    <a:pt x="20302" y="4812"/>
                    <a:pt x="20377" y="5138"/>
                    <a:pt x="20477" y="5263"/>
                  </a:cubicBezTo>
                  <a:cubicBezTo>
                    <a:pt x="20527" y="5363"/>
                    <a:pt x="20703" y="5414"/>
                    <a:pt x="20778" y="5489"/>
                  </a:cubicBezTo>
                  <a:cubicBezTo>
                    <a:pt x="20878" y="5539"/>
                    <a:pt x="21003" y="5714"/>
                    <a:pt x="21054" y="5815"/>
                  </a:cubicBezTo>
                  <a:cubicBezTo>
                    <a:pt x="21154" y="5865"/>
                    <a:pt x="21379" y="6040"/>
                    <a:pt x="21505" y="6090"/>
                  </a:cubicBezTo>
                  <a:cubicBezTo>
                    <a:pt x="21605" y="6165"/>
                    <a:pt x="21830" y="6216"/>
                    <a:pt x="21906" y="6266"/>
                  </a:cubicBezTo>
                  <a:cubicBezTo>
                    <a:pt x="22006" y="6316"/>
                    <a:pt x="22231" y="6491"/>
                    <a:pt x="22282" y="6617"/>
                  </a:cubicBezTo>
                  <a:cubicBezTo>
                    <a:pt x="22357" y="6767"/>
                    <a:pt x="22407" y="7118"/>
                    <a:pt x="22407" y="7293"/>
                  </a:cubicBezTo>
                  <a:lnTo>
                    <a:pt x="22407" y="7444"/>
                  </a:lnTo>
                  <a:cubicBezTo>
                    <a:pt x="22357" y="7444"/>
                    <a:pt x="22231" y="7394"/>
                    <a:pt x="22181" y="7394"/>
                  </a:cubicBezTo>
                  <a:cubicBezTo>
                    <a:pt x="22056" y="7343"/>
                    <a:pt x="21780" y="7293"/>
                    <a:pt x="21680" y="7218"/>
                  </a:cubicBezTo>
                  <a:cubicBezTo>
                    <a:pt x="21605" y="7168"/>
                    <a:pt x="21505" y="7068"/>
                    <a:pt x="21379" y="6942"/>
                  </a:cubicBezTo>
                  <a:cubicBezTo>
                    <a:pt x="21329" y="6892"/>
                    <a:pt x="21229" y="6767"/>
                    <a:pt x="21154" y="6717"/>
                  </a:cubicBezTo>
                  <a:cubicBezTo>
                    <a:pt x="21104" y="6717"/>
                    <a:pt x="21003" y="6767"/>
                    <a:pt x="20928" y="6717"/>
                  </a:cubicBezTo>
                  <a:cubicBezTo>
                    <a:pt x="20878" y="6667"/>
                    <a:pt x="20828" y="6491"/>
                    <a:pt x="20778" y="6441"/>
                  </a:cubicBezTo>
                  <a:cubicBezTo>
                    <a:pt x="20778" y="6391"/>
                    <a:pt x="20653" y="6266"/>
                    <a:pt x="20602" y="6266"/>
                  </a:cubicBezTo>
                  <a:cubicBezTo>
                    <a:pt x="20527" y="6266"/>
                    <a:pt x="20377" y="6391"/>
                    <a:pt x="20377" y="6441"/>
                  </a:cubicBezTo>
                  <a:cubicBezTo>
                    <a:pt x="20377" y="6441"/>
                    <a:pt x="20427" y="6541"/>
                    <a:pt x="20477" y="6617"/>
                  </a:cubicBezTo>
                  <a:cubicBezTo>
                    <a:pt x="20477" y="6667"/>
                    <a:pt x="20602" y="6767"/>
                    <a:pt x="20653" y="6842"/>
                  </a:cubicBezTo>
                  <a:cubicBezTo>
                    <a:pt x="20653" y="6892"/>
                    <a:pt x="20602" y="6993"/>
                    <a:pt x="20527" y="6993"/>
                  </a:cubicBezTo>
                  <a:cubicBezTo>
                    <a:pt x="20477" y="7068"/>
                    <a:pt x="20252" y="6942"/>
                    <a:pt x="20201" y="6892"/>
                  </a:cubicBezTo>
                  <a:cubicBezTo>
                    <a:pt x="20026" y="6842"/>
                    <a:pt x="19750" y="6717"/>
                    <a:pt x="19625" y="6617"/>
                  </a:cubicBezTo>
                  <a:cubicBezTo>
                    <a:pt x="19525" y="6541"/>
                    <a:pt x="19475" y="6266"/>
                    <a:pt x="19399" y="6165"/>
                  </a:cubicBezTo>
                  <a:cubicBezTo>
                    <a:pt x="19349" y="6090"/>
                    <a:pt x="19174" y="5940"/>
                    <a:pt x="19124" y="5940"/>
                  </a:cubicBezTo>
                  <a:cubicBezTo>
                    <a:pt x="19074" y="5940"/>
                    <a:pt x="18898" y="5940"/>
                    <a:pt x="18898" y="5990"/>
                  </a:cubicBezTo>
                  <a:cubicBezTo>
                    <a:pt x="18848" y="5990"/>
                    <a:pt x="18848" y="6040"/>
                    <a:pt x="18848" y="6040"/>
                  </a:cubicBezTo>
                  <a:cubicBezTo>
                    <a:pt x="18723" y="6040"/>
                    <a:pt x="18622" y="5940"/>
                    <a:pt x="18572" y="5865"/>
                  </a:cubicBezTo>
                  <a:cubicBezTo>
                    <a:pt x="18497" y="5815"/>
                    <a:pt x="18497" y="5639"/>
                    <a:pt x="18497" y="5589"/>
                  </a:cubicBezTo>
                  <a:cubicBezTo>
                    <a:pt x="18447" y="5539"/>
                    <a:pt x="18397" y="5414"/>
                    <a:pt x="18347" y="5363"/>
                  </a:cubicBezTo>
                  <a:cubicBezTo>
                    <a:pt x="18272" y="5313"/>
                    <a:pt x="18171" y="5263"/>
                    <a:pt x="18121" y="5263"/>
                  </a:cubicBezTo>
                  <a:cubicBezTo>
                    <a:pt x="17996" y="5188"/>
                    <a:pt x="17820" y="5138"/>
                    <a:pt x="17720" y="5088"/>
                  </a:cubicBezTo>
                  <a:cubicBezTo>
                    <a:pt x="17670" y="5038"/>
                    <a:pt x="17595" y="4912"/>
                    <a:pt x="17545" y="4862"/>
                  </a:cubicBezTo>
                  <a:cubicBezTo>
                    <a:pt x="17495" y="4862"/>
                    <a:pt x="17369" y="4812"/>
                    <a:pt x="17269" y="4812"/>
                  </a:cubicBezTo>
                  <a:cubicBezTo>
                    <a:pt x="17269" y="4812"/>
                    <a:pt x="17144" y="4862"/>
                    <a:pt x="17144" y="4812"/>
                  </a:cubicBezTo>
                  <a:cubicBezTo>
                    <a:pt x="17094" y="4812"/>
                    <a:pt x="16993" y="4812"/>
                    <a:pt x="16993" y="4737"/>
                  </a:cubicBezTo>
                  <a:cubicBezTo>
                    <a:pt x="16918" y="4737"/>
                    <a:pt x="16918" y="4637"/>
                    <a:pt x="16868" y="4587"/>
                  </a:cubicBezTo>
                  <a:cubicBezTo>
                    <a:pt x="16818" y="4587"/>
                    <a:pt x="16693" y="4637"/>
                    <a:pt x="16693" y="4587"/>
                  </a:cubicBezTo>
                  <a:cubicBezTo>
                    <a:pt x="16592" y="4511"/>
                    <a:pt x="16642" y="4361"/>
                    <a:pt x="16592" y="4286"/>
                  </a:cubicBezTo>
                  <a:cubicBezTo>
                    <a:pt x="16542" y="4186"/>
                    <a:pt x="16367" y="4135"/>
                    <a:pt x="16241" y="4010"/>
                  </a:cubicBezTo>
                  <a:cubicBezTo>
                    <a:pt x="16241" y="4010"/>
                    <a:pt x="16241" y="3835"/>
                    <a:pt x="16191" y="3785"/>
                  </a:cubicBezTo>
                  <a:cubicBezTo>
                    <a:pt x="16141" y="3734"/>
                    <a:pt x="15966" y="3785"/>
                    <a:pt x="15866" y="3785"/>
                  </a:cubicBezTo>
                  <a:cubicBezTo>
                    <a:pt x="15790" y="3785"/>
                    <a:pt x="15565" y="3734"/>
                    <a:pt x="15515" y="3684"/>
                  </a:cubicBezTo>
                  <a:cubicBezTo>
                    <a:pt x="15465" y="3609"/>
                    <a:pt x="15414" y="3559"/>
                    <a:pt x="15339" y="3559"/>
                  </a:cubicBezTo>
                  <a:cubicBezTo>
                    <a:pt x="15289" y="3509"/>
                    <a:pt x="15189" y="3509"/>
                    <a:pt x="15114" y="3559"/>
                  </a:cubicBezTo>
                  <a:cubicBezTo>
                    <a:pt x="15064" y="3559"/>
                    <a:pt x="15064" y="3684"/>
                    <a:pt x="15064" y="3734"/>
                  </a:cubicBezTo>
                  <a:cubicBezTo>
                    <a:pt x="15064" y="3785"/>
                    <a:pt x="15114" y="3910"/>
                    <a:pt x="15114" y="3960"/>
                  </a:cubicBezTo>
                  <a:cubicBezTo>
                    <a:pt x="15064" y="4010"/>
                    <a:pt x="15064" y="4135"/>
                    <a:pt x="15013" y="4135"/>
                  </a:cubicBezTo>
                  <a:cubicBezTo>
                    <a:pt x="14963" y="4135"/>
                    <a:pt x="14838" y="4135"/>
                    <a:pt x="14788" y="4060"/>
                  </a:cubicBezTo>
                  <a:cubicBezTo>
                    <a:pt x="14738" y="4060"/>
                    <a:pt x="14738" y="3960"/>
                    <a:pt x="14738" y="3910"/>
                  </a:cubicBezTo>
                  <a:cubicBezTo>
                    <a:pt x="14663" y="3835"/>
                    <a:pt x="14562" y="3835"/>
                    <a:pt x="14562" y="3785"/>
                  </a:cubicBezTo>
                  <a:cubicBezTo>
                    <a:pt x="14512" y="3734"/>
                    <a:pt x="14437" y="3609"/>
                    <a:pt x="14437" y="3559"/>
                  </a:cubicBezTo>
                  <a:cubicBezTo>
                    <a:pt x="14437" y="3509"/>
                    <a:pt x="14512" y="3384"/>
                    <a:pt x="14437" y="3333"/>
                  </a:cubicBezTo>
                  <a:cubicBezTo>
                    <a:pt x="14437" y="3283"/>
                    <a:pt x="14287" y="3283"/>
                    <a:pt x="14211" y="3283"/>
                  </a:cubicBezTo>
                  <a:cubicBezTo>
                    <a:pt x="14111" y="3158"/>
                    <a:pt x="13760" y="3008"/>
                    <a:pt x="13585" y="3008"/>
                  </a:cubicBezTo>
                  <a:cubicBezTo>
                    <a:pt x="13485" y="2932"/>
                    <a:pt x="13084" y="2932"/>
                    <a:pt x="12908" y="2882"/>
                  </a:cubicBezTo>
                  <a:cubicBezTo>
                    <a:pt x="12808" y="2882"/>
                    <a:pt x="12632" y="2707"/>
                    <a:pt x="12457" y="2707"/>
                  </a:cubicBezTo>
                  <a:cubicBezTo>
                    <a:pt x="12407" y="2707"/>
                    <a:pt x="12357" y="2782"/>
                    <a:pt x="12307" y="2832"/>
                  </a:cubicBezTo>
                  <a:cubicBezTo>
                    <a:pt x="12231" y="2832"/>
                    <a:pt x="12181" y="2782"/>
                    <a:pt x="12131" y="2707"/>
                  </a:cubicBezTo>
                  <a:cubicBezTo>
                    <a:pt x="12006" y="2707"/>
                    <a:pt x="11906" y="2531"/>
                    <a:pt x="11780" y="2481"/>
                  </a:cubicBezTo>
                  <a:cubicBezTo>
                    <a:pt x="11680" y="2431"/>
                    <a:pt x="11404" y="2431"/>
                    <a:pt x="11279" y="2431"/>
                  </a:cubicBezTo>
                  <a:cubicBezTo>
                    <a:pt x="11179" y="2431"/>
                    <a:pt x="10953" y="2431"/>
                    <a:pt x="10828" y="2481"/>
                  </a:cubicBezTo>
                  <a:cubicBezTo>
                    <a:pt x="10728" y="2481"/>
                    <a:pt x="10552" y="2657"/>
                    <a:pt x="10502" y="2707"/>
                  </a:cubicBezTo>
                  <a:cubicBezTo>
                    <a:pt x="10427" y="2782"/>
                    <a:pt x="10327" y="2832"/>
                    <a:pt x="10277" y="2832"/>
                  </a:cubicBezTo>
                  <a:cubicBezTo>
                    <a:pt x="10201" y="2832"/>
                    <a:pt x="10101" y="2832"/>
                    <a:pt x="10051" y="2882"/>
                  </a:cubicBezTo>
                  <a:cubicBezTo>
                    <a:pt x="9976" y="2932"/>
                    <a:pt x="9876" y="3108"/>
                    <a:pt x="9825" y="3158"/>
                  </a:cubicBezTo>
                  <a:cubicBezTo>
                    <a:pt x="9750" y="3233"/>
                    <a:pt x="9600" y="3233"/>
                    <a:pt x="9475" y="3283"/>
                  </a:cubicBezTo>
                  <a:cubicBezTo>
                    <a:pt x="9424" y="3333"/>
                    <a:pt x="9299" y="3459"/>
                    <a:pt x="9199" y="3509"/>
                  </a:cubicBezTo>
                  <a:cubicBezTo>
                    <a:pt x="9199" y="3509"/>
                    <a:pt x="9074" y="3509"/>
                    <a:pt x="9023" y="3559"/>
                  </a:cubicBezTo>
                  <a:cubicBezTo>
                    <a:pt x="8973" y="3559"/>
                    <a:pt x="8923" y="3684"/>
                    <a:pt x="8848" y="3734"/>
                  </a:cubicBezTo>
                  <a:cubicBezTo>
                    <a:pt x="8748" y="3785"/>
                    <a:pt x="8572" y="3835"/>
                    <a:pt x="8522" y="3910"/>
                  </a:cubicBezTo>
                  <a:cubicBezTo>
                    <a:pt x="8472" y="3960"/>
                    <a:pt x="8397" y="4060"/>
                    <a:pt x="8397" y="4135"/>
                  </a:cubicBezTo>
                  <a:cubicBezTo>
                    <a:pt x="8347" y="4186"/>
                    <a:pt x="8472" y="4286"/>
                    <a:pt x="8472" y="4361"/>
                  </a:cubicBezTo>
                  <a:cubicBezTo>
                    <a:pt x="8472" y="4411"/>
                    <a:pt x="8397" y="4587"/>
                    <a:pt x="8397" y="4637"/>
                  </a:cubicBezTo>
                  <a:cubicBezTo>
                    <a:pt x="8347" y="4687"/>
                    <a:pt x="8246" y="4862"/>
                    <a:pt x="8171" y="4962"/>
                  </a:cubicBezTo>
                  <a:cubicBezTo>
                    <a:pt x="8121" y="5088"/>
                    <a:pt x="7946" y="5313"/>
                    <a:pt x="7845" y="5363"/>
                  </a:cubicBezTo>
                  <a:cubicBezTo>
                    <a:pt x="7795" y="5414"/>
                    <a:pt x="7570" y="5414"/>
                    <a:pt x="7495" y="5489"/>
                  </a:cubicBezTo>
                  <a:cubicBezTo>
                    <a:pt x="7394" y="5489"/>
                    <a:pt x="7269" y="5589"/>
                    <a:pt x="7219" y="5589"/>
                  </a:cubicBezTo>
                  <a:cubicBezTo>
                    <a:pt x="7169" y="5589"/>
                    <a:pt x="7043" y="5589"/>
                    <a:pt x="6993" y="5639"/>
                  </a:cubicBezTo>
                  <a:cubicBezTo>
                    <a:pt x="6868" y="5714"/>
                    <a:pt x="6718" y="5865"/>
                    <a:pt x="6592" y="5990"/>
                  </a:cubicBezTo>
                  <a:cubicBezTo>
                    <a:pt x="6542" y="6090"/>
                    <a:pt x="6492" y="6316"/>
                    <a:pt x="6367" y="6441"/>
                  </a:cubicBezTo>
                  <a:cubicBezTo>
                    <a:pt x="6367" y="6491"/>
                    <a:pt x="6266" y="6617"/>
                    <a:pt x="6266" y="6667"/>
                  </a:cubicBezTo>
                  <a:cubicBezTo>
                    <a:pt x="6191" y="6767"/>
                    <a:pt x="6266" y="6993"/>
                    <a:pt x="6191" y="7068"/>
                  </a:cubicBezTo>
                  <a:cubicBezTo>
                    <a:pt x="6191" y="7118"/>
                    <a:pt x="6091" y="7218"/>
                    <a:pt x="6091" y="7293"/>
                  </a:cubicBezTo>
                  <a:cubicBezTo>
                    <a:pt x="6041" y="7343"/>
                    <a:pt x="5865" y="7444"/>
                    <a:pt x="5865" y="7569"/>
                  </a:cubicBezTo>
                  <a:cubicBezTo>
                    <a:pt x="5815" y="7619"/>
                    <a:pt x="5740" y="7845"/>
                    <a:pt x="5740" y="7970"/>
                  </a:cubicBezTo>
                  <a:cubicBezTo>
                    <a:pt x="5740" y="8020"/>
                    <a:pt x="5815" y="8070"/>
                    <a:pt x="5815" y="8120"/>
                  </a:cubicBezTo>
                  <a:cubicBezTo>
                    <a:pt x="5815" y="8196"/>
                    <a:pt x="5740" y="8246"/>
                    <a:pt x="5690" y="8296"/>
                  </a:cubicBezTo>
                  <a:cubicBezTo>
                    <a:pt x="5640" y="8296"/>
                    <a:pt x="5515" y="8346"/>
                    <a:pt x="5464" y="8421"/>
                  </a:cubicBezTo>
                  <a:cubicBezTo>
                    <a:pt x="5414" y="8471"/>
                    <a:pt x="5364" y="8572"/>
                    <a:pt x="5289" y="8697"/>
                  </a:cubicBezTo>
                  <a:cubicBezTo>
                    <a:pt x="5189" y="8747"/>
                    <a:pt x="5063" y="8922"/>
                    <a:pt x="4963" y="8973"/>
                  </a:cubicBezTo>
                  <a:lnTo>
                    <a:pt x="4738" y="8973"/>
                  </a:lnTo>
                  <a:cubicBezTo>
                    <a:pt x="4688" y="9023"/>
                    <a:pt x="4562" y="9023"/>
                    <a:pt x="4512" y="9098"/>
                  </a:cubicBezTo>
                  <a:cubicBezTo>
                    <a:pt x="4462" y="9148"/>
                    <a:pt x="4337" y="9248"/>
                    <a:pt x="4287" y="9248"/>
                  </a:cubicBezTo>
                  <a:cubicBezTo>
                    <a:pt x="4236" y="9323"/>
                    <a:pt x="4111" y="9323"/>
                    <a:pt x="4061" y="9323"/>
                  </a:cubicBezTo>
                  <a:cubicBezTo>
                    <a:pt x="4011" y="9374"/>
                    <a:pt x="3835" y="9474"/>
                    <a:pt x="3710" y="9474"/>
                  </a:cubicBezTo>
                  <a:cubicBezTo>
                    <a:pt x="3610" y="9549"/>
                    <a:pt x="3384" y="9474"/>
                    <a:pt x="3259" y="9549"/>
                  </a:cubicBezTo>
                  <a:cubicBezTo>
                    <a:pt x="3159" y="9599"/>
                    <a:pt x="2983" y="9775"/>
                    <a:pt x="2883" y="9775"/>
                  </a:cubicBezTo>
                  <a:cubicBezTo>
                    <a:pt x="2758" y="9825"/>
                    <a:pt x="2582" y="9775"/>
                    <a:pt x="2532" y="9825"/>
                  </a:cubicBezTo>
                  <a:cubicBezTo>
                    <a:pt x="2432" y="9825"/>
                    <a:pt x="2256" y="9925"/>
                    <a:pt x="2256" y="9925"/>
                  </a:cubicBezTo>
                  <a:cubicBezTo>
                    <a:pt x="2206" y="9925"/>
                    <a:pt x="2031" y="9925"/>
                    <a:pt x="1906" y="10000"/>
                  </a:cubicBezTo>
                  <a:cubicBezTo>
                    <a:pt x="1855" y="10000"/>
                    <a:pt x="1755" y="10150"/>
                    <a:pt x="1680" y="10150"/>
                  </a:cubicBezTo>
                  <a:lnTo>
                    <a:pt x="1354" y="10150"/>
                  </a:lnTo>
                  <a:cubicBezTo>
                    <a:pt x="1229" y="10100"/>
                    <a:pt x="1078" y="10050"/>
                    <a:pt x="953" y="10050"/>
                  </a:cubicBezTo>
                  <a:cubicBezTo>
                    <a:pt x="903" y="10050"/>
                    <a:pt x="728" y="10100"/>
                    <a:pt x="677" y="10150"/>
                  </a:cubicBezTo>
                  <a:lnTo>
                    <a:pt x="226" y="10150"/>
                  </a:lnTo>
                  <a:cubicBezTo>
                    <a:pt x="226" y="10150"/>
                    <a:pt x="151" y="10000"/>
                    <a:pt x="151" y="9925"/>
                  </a:cubicBezTo>
                  <a:lnTo>
                    <a:pt x="151" y="9549"/>
                  </a:lnTo>
                  <a:cubicBezTo>
                    <a:pt x="151" y="9474"/>
                    <a:pt x="1" y="9374"/>
                    <a:pt x="1" y="9323"/>
                  </a:cubicBezTo>
                  <a:cubicBezTo>
                    <a:pt x="1" y="9248"/>
                    <a:pt x="51" y="9148"/>
                    <a:pt x="101" y="9098"/>
                  </a:cubicBezTo>
                  <a:cubicBezTo>
                    <a:pt x="151" y="9023"/>
                    <a:pt x="327" y="8922"/>
                    <a:pt x="402" y="8872"/>
                  </a:cubicBezTo>
                  <a:cubicBezTo>
                    <a:pt x="452" y="8797"/>
                    <a:pt x="502" y="8697"/>
                    <a:pt x="552" y="8647"/>
                  </a:cubicBezTo>
                  <a:cubicBezTo>
                    <a:pt x="627" y="8521"/>
                    <a:pt x="627" y="8346"/>
                    <a:pt x="677" y="8296"/>
                  </a:cubicBezTo>
                  <a:cubicBezTo>
                    <a:pt x="677" y="8196"/>
                    <a:pt x="778" y="8070"/>
                    <a:pt x="853" y="8020"/>
                  </a:cubicBezTo>
                  <a:cubicBezTo>
                    <a:pt x="953" y="7970"/>
                    <a:pt x="1304" y="7895"/>
                    <a:pt x="1354" y="7845"/>
                  </a:cubicBezTo>
                  <a:cubicBezTo>
                    <a:pt x="1404" y="7795"/>
                    <a:pt x="1530" y="7619"/>
                    <a:pt x="1530" y="7569"/>
                  </a:cubicBezTo>
                  <a:cubicBezTo>
                    <a:pt x="1530" y="7444"/>
                    <a:pt x="1404" y="7343"/>
                    <a:pt x="1454" y="7218"/>
                  </a:cubicBezTo>
                  <a:cubicBezTo>
                    <a:pt x="1454" y="7168"/>
                    <a:pt x="1530" y="7118"/>
                    <a:pt x="1580" y="7068"/>
                  </a:cubicBezTo>
                  <a:lnTo>
                    <a:pt x="1630" y="6993"/>
                  </a:lnTo>
                  <a:cubicBezTo>
                    <a:pt x="1680" y="7068"/>
                    <a:pt x="1755" y="7118"/>
                    <a:pt x="1805" y="7118"/>
                  </a:cubicBezTo>
                  <a:cubicBezTo>
                    <a:pt x="1855" y="7168"/>
                    <a:pt x="2031" y="7118"/>
                    <a:pt x="2131" y="7068"/>
                  </a:cubicBezTo>
                  <a:cubicBezTo>
                    <a:pt x="2206" y="6993"/>
                    <a:pt x="2206" y="6842"/>
                    <a:pt x="2256" y="6717"/>
                  </a:cubicBezTo>
                  <a:cubicBezTo>
                    <a:pt x="2307" y="6667"/>
                    <a:pt x="2482" y="6491"/>
                    <a:pt x="2582" y="6491"/>
                  </a:cubicBezTo>
                  <a:cubicBezTo>
                    <a:pt x="2708" y="6491"/>
                    <a:pt x="2808" y="6717"/>
                    <a:pt x="2933" y="6767"/>
                  </a:cubicBezTo>
                  <a:lnTo>
                    <a:pt x="3209" y="6767"/>
                  </a:lnTo>
                  <a:cubicBezTo>
                    <a:pt x="3384" y="6767"/>
                    <a:pt x="3610" y="6892"/>
                    <a:pt x="3710" y="6892"/>
                  </a:cubicBezTo>
                  <a:cubicBezTo>
                    <a:pt x="3835" y="6892"/>
                    <a:pt x="4061" y="6892"/>
                    <a:pt x="4161" y="6842"/>
                  </a:cubicBezTo>
                  <a:cubicBezTo>
                    <a:pt x="4236" y="6767"/>
                    <a:pt x="4236" y="6617"/>
                    <a:pt x="4287" y="6541"/>
                  </a:cubicBezTo>
                  <a:cubicBezTo>
                    <a:pt x="4387" y="6441"/>
                    <a:pt x="4612" y="6316"/>
                    <a:pt x="4738" y="6216"/>
                  </a:cubicBezTo>
                  <a:cubicBezTo>
                    <a:pt x="4788" y="6165"/>
                    <a:pt x="5013" y="6165"/>
                    <a:pt x="5063" y="6040"/>
                  </a:cubicBezTo>
                  <a:cubicBezTo>
                    <a:pt x="5139" y="5940"/>
                    <a:pt x="5139" y="5714"/>
                    <a:pt x="5063" y="5589"/>
                  </a:cubicBezTo>
                  <a:lnTo>
                    <a:pt x="5063" y="5313"/>
                  </a:lnTo>
                  <a:cubicBezTo>
                    <a:pt x="5063" y="5188"/>
                    <a:pt x="5239" y="5038"/>
                    <a:pt x="5239" y="4912"/>
                  </a:cubicBezTo>
                  <a:cubicBezTo>
                    <a:pt x="5239" y="4862"/>
                    <a:pt x="5189" y="4687"/>
                    <a:pt x="5189" y="4637"/>
                  </a:cubicBezTo>
                  <a:cubicBezTo>
                    <a:pt x="5139" y="4587"/>
                    <a:pt x="5063" y="4461"/>
                    <a:pt x="5063" y="4411"/>
                  </a:cubicBezTo>
                  <a:cubicBezTo>
                    <a:pt x="5063" y="4286"/>
                    <a:pt x="5139" y="4186"/>
                    <a:pt x="5189" y="4135"/>
                  </a:cubicBezTo>
                  <a:cubicBezTo>
                    <a:pt x="5289" y="4010"/>
                    <a:pt x="5640" y="3785"/>
                    <a:pt x="5740" y="3684"/>
                  </a:cubicBezTo>
                  <a:cubicBezTo>
                    <a:pt x="5865" y="3509"/>
                    <a:pt x="6041" y="3108"/>
                    <a:pt x="6091" y="2882"/>
                  </a:cubicBezTo>
                  <a:cubicBezTo>
                    <a:pt x="6141" y="2707"/>
                    <a:pt x="6191" y="2256"/>
                    <a:pt x="6317" y="2080"/>
                  </a:cubicBezTo>
                  <a:cubicBezTo>
                    <a:pt x="6367" y="2030"/>
                    <a:pt x="6492" y="1855"/>
                    <a:pt x="6592" y="1855"/>
                  </a:cubicBezTo>
                  <a:cubicBezTo>
                    <a:pt x="6642" y="1855"/>
                    <a:pt x="6818" y="1930"/>
                    <a:pt x="6818" y="1980"/>
                  </a:cubicBezTo>
                  <a:cubicBezTo>
                    <a:pt x="6943" y="2080"/>
                    <a:pt x="6993" y="2431"/>
                    <a:pt x="7119" y="2481"/>
                  </a:cubicBezTo>
                  <a:cubicBezTo>
                    <a:pt x="7219" y="2607"/>
                    <a:pt x="7444" y="2657"/>
                    <a:pt x="7570" y="2657"/>
                  </a:cubicBezTo>
                  <a:cubicBezTo>
                    <a:pt x="7670" y="2607"/>
                    <a:pt x="7720" y="2431"/>
                    <a:pt x="7795" y="2381"/>
                  </a:cubicBezTo>
                  <a:cubicBezTo>
                    <a:pt x="7845" y="2306"/>
                    <a:pt x="7896" y="2080"/>
                    <a:pt x="7946" y="2030"/>
                  </a:cubicBezTo>
                  <a:cubicBezTo>
                    <a:pt x="8021" y="1930"/>
                    <a:pt x="8121" y="1754"/>
                    <a:pt x="8246" y="1704"/>
                  </a:cubicBezTo>
                  <a:cubicBezTo>
                    <a:pt x="8347" y="1629"/>
                    <a:pt x="8572" y="1754"/>
                    <a:pt x="8698" y="1754"/>
                  </a:cubicBezTo>
                  <a:cubicBezTo>
                    <a:pt x="8923" y="1704"/>
                    <a:pt x="9299" y="1704"/>
                    <a:pt x="9475" y="1579"/>
                  </a:cubicBezTo>
                  <a:cubicBezTo>
                    <a:pt x="9600" y="1529"/>
                    <a:pt x="9650" y="1303"/>
                    <a:pt x="9750" y="1253"/>
                  </a:cubicBezTo>
                  <a:cubicBezTo>
                    <a:pt x="9825" y="1178"/>
                    <a:pt x="9976" y="1078"/>
                    <a:pt x="10051" y="1078"/>
                  </a:cubicBezTo>
                  <a:cubicBezTo>
                    <a:pt x="10201" y="1028"/>
                    <a:pt x="10502" y="952"/>
                    <a:pt x="10652" y="952"/>
                  </a:cubicBezTo>
                  <a:cubicBezTo>
                    <a:pt x="10728" y="1028"/>
                    <a:pt x="10878" y="1028"/>
                    <a:pt x="10953" y="1078"/>
                  </a:cubicBezTo>
                  <a:cubicBezTo>
                    <a:pt x="11053" y="1178"/>
                    <a:pt x="11003" y="1479"/>
                    <a:pt x="11053" y="1529"/>
                  </a:cubicBezTo>
                  <a:cubicBezTo>
                    <a:pt x="11179" y="1579"/>
                    <a:pt x="11329" y="1529"/>
                    <a:pt x="11404" y="1479"/>
                  </a:cubicBezTo>
                  <a:cubicBezTo>
                    <a:pt x="11555" y="1479"/>
                    <a:pt x="11906" y="1479"/>
                    <a:pt x="12006" y="1353"/>
                  </a:cubicBezTo>
                  <a:cubicBezTo>
                    <a:pt x="12181" y="1253"/>
                    <a:pt x="12357" y="852"/>
                    <a:pt x="12407" y="627"/>
                  </a:cubicBezTo>
                  <a:cubicBezTo>
                    <a:pt x="12457" y="501"/>
                    <a:pt x="12457" y="226"/>
                    <a:pt x="12582" y="175"/>
                  </a:cubicBezTo>
                  <a:cubicBezTo>
                    <a:pt x="12632" y="50"/>
                    <a:pt x="12908" y="50"/>
                    <a:pt x="13033" y="0"/>
                  </a:cubicBezTo>
                  <a:cubicBezTo>
                    <a:pt x="13134" y="0"/>
                    <a:pt x="13434" y="0"/>
                    <a:pt x="13585" y="50"/>
                  </a:cubicBezTo>
                  <a:cubicBezTo>
                    <a:pt x="13660" y="125"/>
                    <a:pt x="13835" y="175"/>
                    <a:pt x="13886" y="226"/>
                  </a:cubicBezTo>
                  <a:cubicBezTo>
                    <a:pt x="13936" y="351"/>
                    <a:pt x="14061" y="576"/>
                    <a:pt x="14161" y="677"/>
                  </a:cubicBezTo>
                  <a:cubicBezTo>
                    <a:pt x="14211" y="727"/>
                    <a:pt x="14512" y="802"/>
                    <a:pt x="14612" y="802"/>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144" name="Google Shape;201;p16">
              <a:extLst>
                <a:ext uri="{FF2B5EF4-FFF2-40B4-BE49-F238E27FC236}">
                  <a16:creationId xmlns:a16="http://schemas.microsoft.com/office/drawing/2014/main" id="{B603DD9A-F482-964D-B5B6-4E3DCAB83F5E}"/>
                </a:ext>
              </a:extLst>
            </p:cNvPr>
            <p:cNvSpPr/>
            <p:nvPr/>
          </p:nvSpPr>
          <p:spPr>
            <a:xfrm>
              <a:off x="1480888" y="1890600"/>
              <a:ext cx="625379" cy="283314"/>
            </a:xfrm>
            <a:custGeom>
              <a:avLst/>
              <a:gdLst/>
              <a:ahLst/>
              <a:cxnLst/>
              <a:rect l="l" t="t" r="r" b="b"/>
              <a:pathLst>
                <a:path w="22407" h="10151" extrusionOk="0">
                  <a:moveTo>
                    <a:pt x="13033" y="0"/>
                  </a:moveTo>
                  <a:cubicBezTo>
                    <a:pt x="12908" y="50"/>
                    <a:pt x="12632" y="50"/>
                    <a:pt x="12582" y="175"/>
                  </a:cubicBezTo>
                  <a:cubicBezTo>
                    <a:pt x="12457" y="226"/>
                    <a:pt x="12457" y="501"/>
                    <a:pt x="12407" y="627"/>
                  </a:cubicBezTo>
                  <a:cubicBezTo>
                    <a:pt x="12357" y="852"/>
                    <a:pt x="12181" y="1253"/>
                    <a:pt x="12006" y="1353"/>
                  </a:cubicBezTo>
                  <a:cubicBezTo>
                    <a:pt x="11906" y="1479"/>
                    <a:pt x="11555" y="1479"/>
                    <a:pt x="11404" y="1479"/>
                  </a:cubicBezTo>
                  <a:cubicBezTo>
                    <a:pt x="11351" y="1514"/>
                    <a:pt x="11260" y="1550"/>
                    <a:pt x="11168" y="1550"/>
                  </a:cubicBezTo>
                  <a:cubicBezTo>
                    <a:pt x="11129" y="1550"/>
                    <a:pt x="11090" y="1544"/>
                    <a:pt x="11053" y="1529"/>
                  </a:cubicBezTo>
                  <a:cubicBezTo>
                    <a:pt x="11003" y="1479"/>
                    <a:pt x="11053" y="1178"/>
                    <a:pt x="10953" y="1078"/>
                  </a:cubicBezTo>
                  <a:cubicBezTo>
                    <a:pt x="10878" y="1028"/>
                    <a:pt x="10728" y="1028"/>
                    <a:pt x="10652" y="952"/>
                  </a:cubicBezTo>
                  <a:cubicBezTo>
                    <a:pt x="10502" y="952"/>
                    <a:pt x="10201" y="1028"/>
                    <a:pt x="10051" y="1078"/>
                  </a:cubicBezTo>
                  <a:cubicBezTo>
                    <a:pt x="9976" y="1078"/>
                    <a:pt x="9825" y="1178"/>
                    <a:pt x="9750" y="1253"/>
                  </a:cubicBezTo>
                  <a:cubicBezTo>
                    <a:pt x="9650" y="1303"/>
                    <a:pt x="9600" y="1529"/>
                    <a:pt x="9475" y="1579"/>
                  </a:cubicBezTo>
                  <a:cubicBezTo>
                    <a:pt x="9299" y="1704"/>
                    <a:pt x="8923" y="1704"/>
                    <a:pt x="8698" y="1754"/>
                  </a:cubicBezTo>
                  <a:cubicBezTo>
                    <a:pt x="8601" y="1754"/>
                    <a:pt x="8445" y="1680"/>
                    <a:pt x="8333" y="1680"/>
                  </a:cubicBezTo>
                  <a:cubicBezTo>
                    <a:pt x="8299" y="1680"/>
                    <a:pt x="8270" y="1687"/>
                    <a:pt x="8246" y="1704"/>
                  </a:cubicBezTo>
                  <a:cubicBezTo>
                    <a:pt x="8121" y="1754"/>
                    <a:pt x="8021" y="1930"/>
                    <a:pt x="7946" y="2030"/>
                  </a:cubicBezTo>
                  <a:cubicBezTo>
                    <a:pt x="7896" y="2080"/>
                    <a:pt x="7845" y="2306"/>
                    <a:pt x="7795" y="2381"/>
                  </a:cubicBezTo>
                  <a:cubicBezTo>
                    <a:pt x="7720" y="2431"/>
                    <a:pt x="7670" y="2607"/>
                    <a:pt x="7570" y="2657"/>
                  </a:cubicBezTo>
                  <a:cubicBezTo>
                    <a:pt x="7444" y="2657"/>
                    <a:pt x="7219" y="2607"/>
                    <a:pt x="7119" y="2481"/>
                  </a:cubicBezTo>
                  <a:cubicBezTo>
                    <a:pt x="6993" y="2431"/>
                    <a:pt x="6943" y="2080"/>
                    <a:pt x="6818" y="1980"/>
                  </a:cubicBezTo>
                  <a:cubicBezTo>
                    <a:pt x="6818" y="1930"/>
                    <a:pt x="6642" y="1855"/>
                    <a:pt x="6592" y="1855"/>
                  </a:cubicBezTo>
                  <a:cubicBezTo>
                    <a:pt x="6492" y="1855"/>
                    <a:pt x="6367" y="2030"/>
                    <a:pt x="6317" y="2080"/>
                  </a:cubicBezTo>
                  <a:cubicBezTo>
                    <a:pt x="6191" y="2256"/>
                    <a:pt x="6141" y="2707"/>
                    <a:pt x="6091" y="2882"/>
                  </a:cubicBezTo>
                  <a:cubicBezTo>
                    <a:pt x="6041" y="3108"/>
                    <a:pt x="5865" y="3509"/>
                    <a:pt x="5740" y="3684"/>
                  </a:cubicBezTo>
                  <a:cubicBezTo>
                    <a:pt x="5640" y="3785"/>
                    <a:pt x="5289" y="4010"/>
                    <a:pt x="5189" y="4135"/>
                  </a:cubicBezTo>
                  <a:cubicBezTo>
                    <a:pt x="5139" y="4186"/>
                    <a:pt x="5063" y="4286"/>
                    <a:pt x="5063" y="4411"/>
                  </a:cubicBezTo>
                  <a:cubicBezTo>
                    <a:pt x="5063" y="4461"/>
                    <a:pt x="5139" y="4587"/>
                    <a:pt x="5189" y="4637"/>
                  </a:cubicBezTo>
                  <a:cubicBezTo>
                    <a:pt x="5189" y="4687"/>
                    <a:pt x="5239" y="4862"/>
                    <a:pt x="5239" y="4912"/>
                  </a:cubicBezTo>
                  <a:cubicBezTo>
                    <a:pt x="5239" y="5038"/>
                    <a:pt x="5063" y="5188"/>
                    <a:pt x="5063" y="5313"/>
                  </a:cubicBezTo>
                  <a:lnTo>
                    <a:pt x="5063" y="5589"/>
                  </a:lnTo>
                  <a:cubicBezTo>
                    <a:pt x="5139" y="5714"/>
                    <a:pt x="5139" y="5940"/>
                    <a:pt x="5063" y="6040"/>
                  </a:cubicBezTo>
                  <a:cubicBezTo>
                    <a:pt x="5013" y="6165"/>
                    <a:pt x="4788" y="6165"/>
                    <a:pt x="4738" y="6216"/>
                  </a:cubicBezTo>
                  <a:cubicBezTo>
                    <a:pt x="4612" y="6316"/>
                    <a:pt x="4387" y="6441"/>
                    <a:pt x="4287" y="6541"/>
                  </a:cubicBezTo>
                  <a:cubicBezTo>
                    <a:pt x="4236" y="6617"/>
                    <a:pt x="4236" y="6767"/>
                    <a:pt x="4161" y="6842"/>
                  </a:cubicBezTo>
                  <a:cubicBezTo>
                    <a:pt x="4061" y="6892"/>
                    <a:pt x="3835" y="6892"/>
                    <a:pt x="3710" y="6892"/>
                  </a:cubicBezTo>
                  <a:cubicBezTo>
                    <a:pt x="3610" y="6892"/>
                    <a:pt x="3384" y="6767"/>
                    <a:pt x="3209" y="6767"/>
                  </a:cubicBezTo>
                  <a:lnTo>
                    <a:pt x="2933" y="6767"/>
                  </a:lnTo>
                  <a:cubicBezTo>
                    <a:pt x="2808" y="6717"/>
                    <a:pt x="2708" y="6491"/>
                    <a:pt x="2582" y="6491"/>
                  </a:cubicBezTo>
                  <a:cubicBezTo>
                    <a:pt x="2482" y="6491"/>
                    <a:pt x="2307" y="6667"/>
                    <a:pt x="2256" y="6717"/>
                  </a:cubicBezTo>
                  <a:cubicBezTo>
                    <a:pt x="2206" y="6842"/>
                    <a:pt x="2206" y="6993"/>
                    <a:pt x="2131" y="7068"/>
                  </a:cubicBezTo>
                  <a:cubicBezTo>
                    <a:pt x="2060" y="7103"/>
                    <a:pt x="1952" y="7139"/>
                    <a:pt x="1877" y="7139"/>
                  </a:cubicBezTo>
                  <a:cubicBezTo>
                    <a:pt x="1845" y="7139"/>
                    <a:pt x="1820" y="7133"/>
                    <a:pt x="1805" y="7118"/>
                  </a:cubicBezTo>
                  <a:cubicBezTo>
                    <a:pt x="1755" y="7118"/>
                    <a:pt x="1680" y="7068"/>
                    <a:pt x="1630" y="6993"/>
                  </a:cubicBezTo>
                  <a:lnTo>
                    <a:pt x="1580" y="7068"/>
                  </a:lnTo>
                  <a:cubicBezTo>
                    <a:pt x="1530" y="7118"/>
                    <a:pt x="1454" y="7168"/>
                    <a:pt x="1454" y="7218"/>
                  </a:cubicBezTo>
                  <a:cubicBezTo>
                    <a:pt x="1404" y="7343"/>
                    <a:pt x="1530" y="7444"/>
                    <a:pt x="1530" y="7569"/>
                  </a:cubicBezTo>
                  <a:cubicBezTo>
                    <a:pt x="1530" y="7619"/>
                    <a:pt x="1404" y="7795"/>
                    <a:pt x="1354" y="7845"/>
                  </a:cubicBezTo>
                  <a:cubicBezTo>
                    <a:pt x="1304" y="7895"/>
                    <a:pt x="953" y="7970"/>
                    <a:pt x="853" y="8020"/>
                  </a:cubicBezTo>
                  <a:cubicBezTo>
                    <a:pt x="778" y="8070"/>
                    <a:pt x="677" y="8196"/>
                    <a:pt x="677" y="8296"/>
                  </a:cubicBezTo>
                  <a:cubicBezTo>
                    <a:pt x="627" y="8346"/>
                    <a:pt x="627" y="8521"/>
                    <a:pt x="552" y="8647"/>
                  </a:cubicBezTo>
                  <a:cubicBezTo>
                    <a:pt x="502" y="8697"/>
                    <a:pt x="452" y="8797"/>
                    <a:pt x="402" y="8872"/>
                  </a:cubicBezTo>
                  <a:cubicBezTo>
                    <a:pt x="327" y="8922"/>
                    <a:pt x="151" y="9023"/>
                    <a:pt x="101" y="9098"/>
                  </a:cubicBezTo>
                  <a:cubicBezTo>
                    <a:pt x="51" y="9148"/>
                    <a:pt x="1" y="9248"/>
                    <a:pt x="1" y="9323"/>
                  </a:cubicBezTo>
                  <a:cubicBezTo>
                    <a:pt x="1" y="9374"/>
                    <a:pt x="151" y="9474"/>
                    <a:pt x="151" y="9549"/>
                  </a:cubicBezTo>
                  <a:lnTo>
                    <a:pt x="151" y="9925"/>
                  </a:lnTo>
                  <a:cubicBezTo>
                    <a:pt x="151" y="10000"/>
                    <a:pt x="226" y="10150"/>
                    <a:pt x="226" y="10150"/>
                  </a:cubicBezTo>
                  <a:lnTo>
                    <a:pt x="677" y="10150"/>
                  </a:lnTo>
                  <a:cubicBezTo>
                    <a:pt x="728" y="10100"/>
                    <a:pt x="903" y="10050"/>
                    <a:pt x="953" y="10050"/>
                  </a:cubicBezTo>
                  <a:cubicBezTo>
                    <a:pt x="1078" y="10050"/>
                    <a:pt x="1229" y="10100"/>
                    <a:pt x="1354" y="10150"/>
                  </a:cubicBezTo>
                  <a:lnTo>
                    <a:pt x="1680" y="10150"/>
                  </a:lnTo>
                  <a:cubicBezTo>
                    <a:pt x="1755" y="10150"/>
                    <a:pt x="1855" y="10000"/>
                    <a:pt x="1906" y="10000"/>
                  </a:cubicBezTo>
                  <a:cubicBezTo>
                    <a:pt x="2031" y="9925"/>
                    <a:pt x="2206" y="9925"/>
                    <a:pt x="2256" y="9925"/>
                  </a:cubicBezTo>
                  <a:cubicBezTo>
                    <a:pt x="2256" y="9925"/>
                    <a:pt x="2432" y="9825"/>
                    <a:pt x="2532" y="9825"/>
                  </a:cubicBezTo>
                  <a:cubicBezTo>
                    <a:pt x="2557" y="9800"/>
                    <a:pt x="2614" y="9800"/>
                    <a:pt x="2679" y="9800"/>
                  </a:cubicBezTo>
                  <a:cubicBezTo>
                    <a:pt x="2745" y="9800"/>
                    <a:pt x="2820" y="9800"/>
                    <a:pt x="2883" y="9775"/>
                  </a:cubicBezTo>
                  <a:cubicBezTo>
                    <a:pt x="2983" y="9775"/>
                    <a:pt x="3159" y="9599"/>
                    <a:pt x="3259" y="9549"/>
                  </a:cubicBezTo>
                  <a:cubicBezTo>
                    <a:pt x="3322" y="9511"/>
                    <a:pt x="3409" y="9511"/>
                    <a:pt x="3494" y="9511"/>
                  </a:cubicBezTo>
                  <a:cubicBezTo>
                    <a:pt x="3578" y="9511"/>
                    <a:pt x="3660" y="9511"/>
                    <a:pt x="3710" y="9474"/>
                  </a:cubicBezTo>
                  <a:cubicBezTo>
                    <a:pt x="3835" y="9474"/>
                    <a:pt x="4011" y="9374"/>
                    <a:pt x="4061" y="9323"/>
                  </a:cubicBezTo>
                  <a:cubicBezTo>
                    <a:pt x="4111" y="9323"/>
                    <a:pt x="4236" y="9323"/>
                    <a:pt x="4287" y="9248"/>
                  </a:cubicBezTo>
                  <a:cubicBezTo>
                    <a:pt x="4337" y="9248"/>
                    <a:pt x="4462" y="9148"/>
                    <a:pt x="4512" y="9098"/>
                  </a:cubicBezTo>
                  <a:cubicBezTo>
                    <a:pt x="4562" y="9023"/>
                    <a:pt x="4688" y="9023"/>
                    <a:pt x="4738" y="8973"/>
                  </a:cubicBezTo>
                  <a:lnTo>
                    <a:pt x="4963" y="8973"/>
                  </a:lnTo>
                  <a:cubicBezTo>
                    <a:pt x="5063" y="8922"/>
                    <a:pt x="5189" y="8747"/>
                    <a:pt x="5289" y="8697"/>
                  </a:cubicBezTo>
                  <a:cubicBezTo>
                    <a:pt x="5364" y="8572"/>
                    <a:pt x="5414" y="8471"/>
                    <a:pt x="5464" y="8421"/>
                  </a:cubicBezTo>
                  <a:cubicBezTo>
                    <a:pt x="5515" y="8346"/>
                    <a:pt x="5640" y="8296"/>
                    <a:pt x="5690" y="8296"/>
                  </a:cubicBezTo>
                  <a:cubicBezTo>
                    <a:pt x="5740" y="8246"/>
                    <a:pt x="5815" y="8196"/>
                    <a:pt x="5815" y="8120"/>
                  </a:cubicBezTo>
                  <a:cubicBezTo>
                    <a:pt x="5815" y="8070"/>
                    <a:pt x="5740" y="8020"/>
                    <a:pt x="5740" y="7970"/>
                  </a:cubicBezTo>
                  <a:cubicBezTo>
                    <a:pt x="5740" y="7845"/>
                    <a:pt x="5815" y="7619"/>
                    <a:pt x="5865" y="7569"/>
                  </a:cubicBezTo>
                  <a:cubicBezTo>
                    <a:pt x="5865" y="7444"/>
                    <a:pt x="6041" y="7343"/>
                    <a:pt x="6091" y="7293"/>
                  </a:cubicBezTo>
                  <a:cubicBezTo>
                    <a:pt x="6091" y="7218"/>
                    <a:pt x="6191" y="7118"/>
                    <a:pt x="6191" y="7068"/>
                  </a:cubicBezTo>
                  <a:cubicBezTo>
                    <a:pt x="6266" y="6993"/>
                    <a:pt x="6191" y="6767"/>
                    <a:pt x="6266" y="6667"/>
                  </a:cubicBezTo>
                  <a:cubicBezTo>
                    <a:pt x="6266" y="6617"/>
                    <a:pt x="6367" y="6491"/>
                    <a:pt x="6367" y="6441"/>
                  </a:cubicBezTo>
                  <a:cubicBezTo>
                    <a:pt x="6492" y="6316"/>
                    <a:pt x="6542" y="6090"/>
                    <a:pt x="6592" y="5990"/>
                  </a:cubicBezTo>
                  <a:cubicBezTo>
                    <a:pt x="6718" y="5865"/>
                    <a:pt x="6868" y="5714"/>
                    <a:pt x="6993" y="5639"/>
                  </a:cubicBezTo>
                  <a:cubicBezTo>
                    <a:pt x="7043" y="5589"/>
                    <a:pt x="7169" y="5589"/>
                    <a:pt x="7219" y="5589"/>
                  </a:cubicBezTo>
                  <a:cubicBezTo>
                    <a:pt x="7269" y="5589"/>
                    <a:pt x="7394" y="5489"/>
                    <a:pt x="7495" y="5489"/>
                  </a:cubicBezTo>
                  <a:cubicBezTo>
                    <a:pt x="7570" y="5414"/>
                    <a:pt x="7795" y="5414"/>
                    <a:pt x="7845" y="5363"/>
                  </a:cubicBezTo>
                  <a:cubicBezTo>
                    <a:pt x="7946" y="5313"/>
                    <a:pt x="8121" y="5088"/>
                    <a:pt x="8171" y="4962"/>
                  </a:cubicBezTo>
                  <a:cubicBezTo>
                    <a:pt x="8246" y="4862"/>
                    <a:pt x="8347" y="4687"/>
                    <a:pt x="8397" y="4637"/>
                  </a:cubicBezTo>
                  <a:cubicBezTo>
                    <a:pt x="8397" y="4587"/>
                    <a:pt x="8472" y="4411"/>
                    <a:pt x="8472" y="4361"/>
                  </a:cubicBezTo>
                  <a:cubicBezTo>
                    <a:pt x="8472" y="4286"/>
                    <a:pt x="8347" y="4186"/>
                    <a:pt x="8397" y="4135"/>
                  </a:cubicBezTo>
                  <a:cubicBezTo>
                    <a:pt x="8397" y="4060"/>
                    <a:pt x="8472" y="3960"/>
                    <a:pt x="8522" y="3910"/>
                  </a:cubicBezTo>
                  <a:cubicBezTo>
                    <a:pt x="8572" y="3835"/>
                    <a:pt x="8748" y="3785"/>
                    <a:pt x="8848" y="3734"/>
                  </a:cubicBezTo>
                  <a:cubicBezTo>
                    <a:pt x="8923" y="3684"/>
                    <a:pt x="8973" y="3559"/>
                    <a:pt x="9023" y="3559"/>
                  </a:cubicBezTo>
                  <a:cubicBezTo>
                    <a:pt x="9074" y="3509"/>
                    <a:pt x="9199" y="3509"/>
                    <a:pt x="9199" y="3509"/>
                  </a:cubicBezTo>
                  <a:cubicBezTo>
                    <a:pt x="9299" y="3459"/>
                    <a:pt x="9424" y="3333"/>
                    <a:pt x="9475" y="3283"/>
                  </a:cubicBezTo>
                  <a:cubicBezTo>
                    <a:pt x="9600" y="3233"/>
                    <a:pt x="9750" y="3233"/>
                    <a:pt x="9825" y="3158"/>
                  </a:cubicBezTo>
                  <a:cubicBezTo>
                    <a:pt x="9876" y="3108"/>
                    <a:pt x="9976" y="2932"/>
                    <a:pt x="10051" y="2882"/>
                  </a:cubicBezTo>
                  <a:cubicBezTo>
                    <a:pt x="10101" y="2832"/>
                    <a:pt x="10201" y="2832"/>
                    <a:pt x="10277" y="2832"/>
                  </a:cubicBezTo>
                  <a:cubicBezTo>
                    <a:pt x="10327" y="2832"/>
                    <a:pt x="10427" y="2782"/>
                    <a:pt x="10502" y="2707"/>
                  </a:cubicBezTo>
                  <a:cubicBezTo>
                    <a:pt x="10552" y="2657"/>
                    <a:pt x="10728" y="2481"/>
                    <a:pt x="10828" y="2481"/>
                  </a:cubicBezTo>
                  <a:cubicBezTo>
                    <a:pt x="10953" y="2431"/>
                    <a:pt x="11179" y="2431"/>
                    <a:pt x="11279" y="2431"/>
                  </a:cubicBezTo>
                  <a:cubicBezTo>
                    <a:pt x="11404" y="2431"/>
                    <a:pt x="11680" y="2431"/>
                    <a:pt x="11780" y="2481"/>
                  </a:cubicBezTo>
                  <a:cubicBezTo>
                    <a:pt x="11906" y="2531"/>
                    <a:pt x="12006" y="2707"/>
                    <a:pt x="12131" y="2707"/>
                  </a:cubicBezTo>
                  <a:cubicBezTo>
                    <a:pt x="12181" y="2782"/>
                    <a:pt x="12231" y="2832"/>
                    <a:pt x="12307" y="2832"/>
                  </a:cubicBezTo>
                  <a:cubicBezTo>
                    <a:pt x="12357" y="2782"/>
                    <a:pt x="12407" y="2707"/>
                    <a:pt x="12457" y="2707"/>
                  </a:cubicBezTo>
                  <a:cubicBezTo>
                    <a:pt x="12632" y="2707"/>
                    <a:pt x="12808" y="2882"/>
                    <a:pt x="12908" y="2882"/>
                  </a:cubicBezTo>
                  <a:cubicBezTo>
                    <a:pt x="13084" y="2932"/>
                    <a:pt x="13485" y="2932"/>
                    <a:pt x="13585" y="3008"/>
                  </a:cubicBezTo>
                  <a:cubicBezTo>
                    <a:pt x="13760" y="3008"/>
                    <a:pt x="14111" y="3158"/>
                    <a:pt x="14211" y="3283"/>
                  </a:cubicBezTo>
                  <a:cubicBezTo>
                    <a:pt x="14287" y="3283"/>
                    <a:pt x="14437" y="3283"/>
                    <a:pt x="14437" y="3333"/>
                  </a:cubicBezTo>
                  <a:cubicBezTo>
                    <a:pt x="14512" y="3384"/>
                    <a:pt x="14437" y="3509"/>
                    <a:pt x="14437" y="3559"/>
                  </a:cubicBezTo>
                  <a:cubicBezTo>
                    <a:pt x="14437" y="3609"/>
                    <a:pt x="14512" y="3734"/>
                    <a:pt x="14562" y="3785"/>
                  </a:cubicBezTo>
                  <a:cubicBezTo>
                    <a:pt x="14562" y="3835"/>
                    <a:pt x="14663" y="3835"/>
                    <a:pt x="14738" y="3910"/>
                  </a:cubicBezTo>
                  <a:cubicBezTo>
                    <a:pt x="14738" y="3960"/>
                    <a:pt x="14738" y="4060"/>
                    <a:pt x="14788" y="4060"/>
                  </a:cubicBezTo>
                  <a:cubicBezTo>
                    <a:pt x="14838" y="4135"/>
                    <a:pt x="14963" y="4135"/>
                    <a:pt x="15013" y="4135"/>
                  </a:cubicBezTo>
                  <a:cubicBezTo>
                    <a:pt x="15064" y="4135"/>
                    <a:pt x="15064" y="4010"/>
                    <a:pt x="15114" y="3960"/>
                  </a:cubicBezTo>
                  <a:cubicBezTo>
                    <a:pt x="15114" y="3910"/>
                    <a:pt x="15064" y="3785"/>
                    <a:pt x="15064" y="3734"/>
                  </a:cubicBezTo>
                  <a:cubicBezTo>
                    <a:pt x="15064" y="3684"/>
                    <a:pt x="15064" y="3559"/>
                    <a:pt x="15114" y="3559"/>
                  </a:cubicBezTo>
                  <a:cubicBezTo>
                    <a:pt x="15151" y="3534"/>
                    <a:pt x="15195" y="3521"/>
                    <a:pt x="15236" y="3521"/>
                  </a:cubicBezTo>
                  <a:cubicBezTo>
                    <a:pt x="15277" y="3521"/>
                    <a:pt x="15314" y="3534"/>
                    <a:pt x="15339" y="3559"/>
                  </a:cubicBezTo>
                  <a:cubicBezTo>
                    <a:pt x="15414" y="3559"/>
                    <a:pt x="15465" y="3609"/>
                    <a:pt x="15515" y="3684"/>
                  </a:cubicBezTo>
                  <a:cubicBezTo>
                    <a:pt x="15565" y="3734"/>
                    <a:pt x="15790" y="3785"/>
                    <a:pt x="15866" y="3785"/>
                  </a:cubicBezTo>
                  <a:cubicBezTo>
                    <a:pt x="15932" y="3785"/>
                    <a:pt x="16033" y="3762"/>
                    <a:pt x="16107" y="3762"/>
                  </a:cubicBezTo>
                  <a:cubicBezTo>
                    <a:pt x="16144" y="3762"/>
                    <a:pt x="16175" y="3768"/>
                    <a:pt x="16191" y="3785"/>
                  </a:cubicBezTo>
                  <a:cubicBezTo>
                    <a:pt x="16241" y="3835"/>
                    <a:pt x="16241" y="4010"/>
                    <a:pt x="16241" y="4010"/>
                  </a:cubicBezTo>
                  <a:cubicBezTo>
                    <a:pt x="16367" y="4135"/>
                    <a:pt x="16542" y="4186"/>
                    <a:pt x="16592" y="4286"/>
                  </a:cubicBezTo>
                  <a:cubicBezTo>
                    <a:pt x="16642" y="4361"/>
                    <a:pt x="16592" y="4511"/>
                    <a:pt x="16693" y="4587"/>
                  </a:cubicBezTo>
                  <a:cubicBezTo>
                    <a:pt x="16693" y="4603"/>
                    <a:pt x="16707" y="4609"/>
                    <a:pt x="16727" y="4609"/>
                  </a:cubicBezTo>
                  <a:cubicBezTo>
                    <a:pt x="16768" y="4609"/>
                    <a:pt x="16835" y="4587"/>
                    <a:pt x="16868" y="4587"/>
                  </a:cubicBezTo>
                  <a:cubicBezTo>
                    <a:pt x="16918" y="4637"/>
                    <a:pt x="16918" y="4737"/>
                    <a:pt x="16993" y="4737"/>
                  </a:cubicBezTo>
                  <a:cubicBezTo>
                    <a:pt x="16993" y="4812"/>
                    <a:pt x="17094" y="4812"/>
                    <a:pt x="17144" y="4812"/>
                  </a:cubicBezTo>
                  <a:cubicBezTo>
                    <a:pt x="17144" y="4829"/>
                    <a:pt x="17158" y="4834"/>
                    <a:pt x="17176" y="4834"/>
                  </a:cubicBezTo>
                  <a:cubicBezTo>
                    <a:pt x="17213" y="4834"/>
                    <a:pt x="17269" y="4812"/>
                    <a:pt x="17269" y="4812"/>
                  </a:cubicBezTo>
                  <a:cubicBezTo>
                    <a:pt x="17369" y="4812"/>
                    <a:pt x="17495" y="4862"/>
                    <a:pt x="17545" y="4862"/>
                  </a:cubicBezTo>
                  <a:cubicBezTo>
                    <a:pt x="17595" y="4912"/>
                    <a:pt x="17670" y="5038"/>
                    <a:pt x="17720" y="5088"/>
                  </a:cubicBezTo>
                  <a:cubicBezTo>
                    <a:pt x="17820" y="5138"/>
                    <a:pt x="17996" y="5188"/>
                    <a:pt x="18121" y="5263"/>
                  </a:cubicBezTo>
                  <a:cubicBezTo>
                    <a:pt x="18171" y="5263"/>
                    <a:pt x="18272" y="5313"/>
                    <a:pt x="18347" y="5363"/>
                  </a:cubicBezTo>
                  <a:cubicBezTo>
                    <a:pt x="18397" y="5414"/>
                    <a:pt x="18447" y="5539"/>
                    <a:pt x="18497" y="5589"/>
                  </a:cubicBezTo>
                  <a:cubicBezTo>
                    <a:pt x="18497" y="5639"/>
                    <a:pt x="18497" y="5815"/>
                    <a:pt x="18572" y="5865"/>
                  </a:cubicBezTo>
                  <a:cubicBezTo>
                    <a:pt x="18622" y="5940"/>
                    <a:pt x="18723" y="6040"/>
                    <a:pt x="18848" y="6040"/>
                  </a:cubicBezTo>
                  <a:cubicBezTo>
                    <a:pt x="18848" y="6040"/>
                    <a:pt x="18848" y="5990"/>
                    <a:pt x="18898" y="5990"/>
                  </a:cubicBezTo>
                  <a:cubicBezTo>
                    <a:pt x="18898" y="5940"/>
                    <a:pt x="19074" y="5940"/>
                    <a:pt x="19124" y="5940"/>
                  </a:cubicBezTo>
                  <a:cubicBezTo>
                    <a:pt x="19174" y="5940"/>
                    <a:pt x="19349" y="6090"/>
                    <a:pt x="19399" y="6165"/>
                  </a:cubicBezTo>
                  <a:cubicBezTo>
                    <a:pt x="19475" y="6266"/>
                    <a:pt x="19525" y="6541"/>
                    <a:pt x="19625" y="6617"/>
                  </a:cubicBezTo>
                  <a:cubicBezTo>
                    <a:pt x="19750" y="6717"/>
                    <a:pt x="20026" y="6842"/>
                    <a:pt x="20201" y="6892"/>
                  </a:cubicBezTo>
                  <a:cubicBezTo>
                    <a:pt x="20240" y="6931"/>
                    <a:pt x="20386" y="7016"/>
                    <a:pt x="20472" y="7016"/>
                  </a:cubicBezTo>
                  <a:cubicBezTo>
                    <a:pt x="20496" y="7016"/>
                    <a:pt x="20516" y="7009"/>
                    <a:pt x="20527" y="6993"/>
                  </a:cubicBezTo>
                  <a:cubicBezTo>
                    <a:pt x="20602" y="6993"/>
                    <a:pt x="20653" y="6892"/>
                    <a:pt x="20653" y="6842"/>
                  </a:cubicBezTo>
                  <a:cubicBezTo>
                    <a:pt x="20602" y="6767"/>
                    <a:pt x="20477" y="6667"/>
                    <a:pt x="20477" y="6617"/>
                  </a:cubicBezTo>
                  <a:cubicBezTo>
                    <a:pt x="20427" y="6541"/>
                    <a:pt x="20377" y="6441"/>
                    <a:pt x="20377" y="6441"/>
                  </a:cubicBezTo>
                  <a:cubicBezTo>
                    <a:pt x="20377" y="6391"/>
                    <a:pt x="20527" y="6266"/>
                    <a:pt x="20602" y="6266"/>
                  </a:cubicBezTo>
                  <a:cubicBezTo>
                    <a:pt x="20653" y="6266"/>
                    <a:pt x="20778" y="6391"/>
                    <a:pt x="20778" y="6441"/>
                  </a:cubicBezTo>
                  <a:cubicBezTo>
                    <a:pt x="20828" y="6491"/>
                    <a:pt x="20878" y="6667"/>
                    <a:pt x="20928" y="6717"/>
                  </a:cubicBezTo>
                  <a:cubicBezTo>
                    <a:pt x="20953" y="6734"/>
                    <a:pt x="20981" y="6739"/>
                    <a:pt x="21009" y="6739"/>
                  </a:cubicBezTo>
                  <a:cubicBezTo>
                    <a:pt x="21065" y="6739"/>
                    <a:pt x="21120" y="6717"/>
                    <a:pt x="21154" y="6717"/>
                  </a:cubicBezTo>
                  <a:cubicBezTo>
                    <a:pt x="21229" y="6767"/>
                    <a:pt x="21329" y="6892"/>
                    <a:pt x="21379" y="6942"/>
                  </a:cubicBezTo>
                  <a:cubicBezTo>
                    <a:pt x="21505" y="7068"/>
                    <a:pt x="21605" y="7168"/>
                    <a:pt x="21680" y="7218"/>
                  </a:cubicBezTo>
                  <a:cubicBezTo>
                    <a:pt x="21780" y="7293"/>
                    <a:pt x="22056" y="7343"/>
                    <a:pt x="22181" y="7394"/>
                  </a:cubicBezTo>
                  <a:cubicBezTo>
                    <a:pt x="22231" y="7394"/>
                    <a:pt x="22357" y="7444"/>
                    <a:pt x="22407" y="7444"/>
                  </a:cubicBezTo>
                  <a:lnTo>
                    <a:pt x="22407" y="7293"/>
                  </a:lnTo>
                  <a:cubicBezTo>
                    <a:pt x="22407" y="7118"/>
                    <a:pt x="22357" y="6767"/>
                    <a:pt x="22282" y="6617"/>
                  </a:cubicBezTo>
                  <a:cubicBezTo>
                    <a:pt x="22231" y="6491"/>
                    <a:pt x="22006" y="6316"/>
                    <a:pt x="21906" y="6266"/>
                  </a:cubicBezTo>
                  <a:cubicBezTo>
                    <a:pt x="21830" y="6216"/>
                    <a:pt x="21605" y="6165"/>
                    <a:pt x="21505" y="6090"/>
                  </a:cubicBezTo>
                  <a:cubicBezTo>
                    <a:pt x="21379" y="6040"/>
                    <a:pt x="21154" y="5865"/>
                    <a:pt x="21054" y="5815"/>
                  </a:cubicBezTo>
                  <a:cubicBezTo>
                    <a:pt x="21003" y="5714"/>
                    <a:pt x="20878" y="5539"/>
                    <a:pt x="20778" y="5489"/>
                  </a:cubicBezTo>
                  <a:cubicBezTo>
                    <a:pt x="20703" y="5414"/>
                    <a:pt x="20527" y="5363"/>
                    <a:pt x="20477" y="5263"/>
                  </a:cubicBezTo>
                  <a:cubicBezTo>
                    <a:pt x="20377" y="5138"/>
                    <a:pt x="20302" y="4812"/>
                    <a:pt x="20252" y="4687"/>
                  </a:cubicBezTo>
                  <a:cubicBezTo>
                    <a:pt x="20201" y="4587"/>
                    <a:pt x="20076" y="4286"/>
                    <a:pt x="20026" y="4186"/>
                  </a:cubicBezTo>
                  <a:cubicBezTo>
                    <a:pt x="19926" y="4135"/>
                    <a:pt x="19700" y="4060"/>
                    <a:pt x="19625" y="4010"/>
                  </a:cubicBezTo>
                  <a:cubicBezTo>
                    <a:pt x="19525" y="3960"/>
                    <a:pt x="19399" y="3785"/>
                    <a:pt x="19299" y="3684"/>
                  </a:cubicBezTo>
                  <a:cubicBezTo>
                    <a:pt x="19299" y="3684"/>
                    <a:pt x="19249" y="3609"/>
                    <a:pt x="19174" y="3509"/>
                  </a:cubicBezTo>
                  <a:cubicBezTo>
                    <a:pt x="19124" y="3459"/>
                    <a:pt x="19074" y="3384"/>
                    <a:pt x="19074" y="3333"/>
                  </a:cubicBezTo>
                  <a:cubicBezTo>
                    <a:pt x="18948" y="3233"/>
                    <a:pt x="18848" y="2932"/>
                    <a:pt x="18723" y="2882"/>
                  </a:cubicBezTo>
                  <a:cubicBezTo>
                    <a:pt x="18673" y="2832"/>
                    <a:pt x="18497" y="2832"/>
                    <a:pt x="18397" y="2832"/>
                  </a:cubicBezTo>
                  <a:lnTo>
                    <a:pt x="18046" y="2832"/>
                  </a:lnTo>
                  <a:cubicBezTo>
                    <a:pt x="17946" y="2882"/>
                    <a:pt x="17770" y="3058"/>
                    <a:pt x="17670" y="3058"/>
                  </a:cubicBezTo>
                  <a:cubicBezTo>
                    <a:pt x="17595" y="3108"/>
                    <a:pt x="17444" y="3158"/>
                    <a:pt x="17369" y="3158"/>
                  </a:cubicBezTo>
                  <a:cubicBezTo>
                    <a:pt x="17319" y="3108"/>
                    <a:pt x="17319" y="2932"/>
                    <a:pt x="17319" y="2882"/>
                  </a:cubicBezTo>
                  <a:cubicBezTo>
                    <a:pt x="17319" y="2832"/>
                    <a:pt x="17495" y="2657"/>
                    <a:pt x="17545" y="2607"/>
                  </a:cubicBezTo>
                  <a:cubicBezTo>
                    <a:pt x="17545" y="2481"/>
                    <a:pt x="17595" y="2256"/>
                    <a:pt x="17595" y="2206"/>
                  </a:cubicBezTo>
                  <a:cubicBezTo>
                    <a:pt x="17595" y="2030"/>
                    <a:pt x="17545" y="1754"/>
                    <a:pt x="17495" y="1629"/>
                  </a:cubicBezTo>
                  <a:cubicBezTo>
                    <a:pt x="17444" y="1479"/>
                    <a:pt x="17219" y="1253"/>
                    <a:pt x="17094" y="1078"/>
                  </a:cubicBezTo>
                  <a:lnTo>
                    <a:pt x="16868" y="852"/>
                  </a:lnTo>
                  <a:cubicBezTo>
                    <a:pt x="16768" y="852"/>
                    <a:pt x="16592" y="852"/>
                    <a:pt x="16467" y="902"/>
                  </a:cubicBezTo>
                  <a:cubicBezTo>
                    <a:pt x="16417" y="902"/>
                    <a:pt x="16241" y="1028"/>
                    <a:pt x="16141" y="1078"/>
                  </a:cubicBezTo>
                  <a:cubicBezTo>
                    <a:pt x="16016" y="1078"/>
                    <a:pt x="15866" y="952"/>
                    <a:pt x="15790" y="902"/>
                  </a:cubicBezTo>
                  <a:cubicBezTo>
                    <a:pt x="15740" y="902"/>
                    <a:pt x="15565" y="802"/>
                    <a:pt x="15465" y="727"/>
                  </a:cubicBezTo>
                  <a:lnTo>
                    <a:pt x="15064" y="727"/>
                  </a:lnTo>
                  <a:cubicBezTo>
                    <a:pt x="15013" y="727"/>
                    <a:pt x="14888" y="802"/>
                    <a:pt x="14838" y="802"/>
                  </a:cubicBezTo>
                  <a:lnTo>
                    <a:pt x="14612" y="802"/>
                  </a:lnTo>
                  <a:cubicBezTo>
                    <a:pt x="14512" y="802"/>
                    <a:pt x="14211" y="727"/>
                    <a:pt x="14161" y="677"/>
                  </a:cubicBezTo>
                  <a:cubicBezTo>
                    <a:pt x="14061" y="576"/>
                    <a:pt x="13936" y="351"/>
                    <a:pt x="13886" y="226"/>
                  </a:cubicBezTo>
                  <a:cubicBezTo>
                    <a:pt x="13835" y="175"/>
                    <a:pt x="13660" y="125"/>
                    <a:pt x="13585" y="50"/>
                  </a:cubicBezTo>
                  <a:cubicBezTo>
                    <a:pt x="13434" y="0"/>
                    <a:pt x="13134" y="0"/>
                    <a:pt x="13033" y="0"/>
                  </a:cubicBezTo>
                  <a:close/>
                </a:path>
              </a:pathLst>
            </a:custGeom>
            <a:solidFill>
              <a:srgbClr val="F17385"/>
            </a:solidFill>
            <a:ln>
              <a:noFill/>
            </a:ln>
          </p:spPr>
          <p:txBody>
            <a:bodyPr spcFirstLastPara="1" wrap="square" lIns="121900" tIns="121900" rIns="121900" bIns="121900" anchor="ctr" anchorCtr="0">
              <a:noAutofit/>
            </a:bodyPr>
            <a:lstStyle/>
            <a:p>
              <a:endParaRPr sz="2400"/>
            </a:p>
          </p:txBody>
        </p:sp>
        <p:sp>
          <p:nvSpPr>
            <p:cNvPr id="145" name="Google Shape;202;p16">
              <a:extLst>
                <a:ext uri="{FF2B5EF4-FFF2-40B4-BE49-F238E27FC236}">
                  <a16:creationId xmlns:a16="http://schemas.microsoft.com/office/drawing/2014/main" id="{75BB0A87-A31D-715B-652B-943F19E7B18B}"/>
                </a:ext>
              </a:extLst>
            </p:cNvPr>
            <p:cNvSpPr/>
            <p:nvPr/>
          </p:nvSpPr>
          <p:spPr>
            <a:xfrm>
              <a:off x="1480888" y="1890600"/>
              <a:ext cx="625379" cy="283314"/>
            </a:xfrm>
            <a:custGeom>
              <a:avLst/>
              <a:gdLst/>
              <a:ahLst/>
              <a:cxnLst/>
              <a:rect l="l" t="t" r="r" b="b"/>
              <a:pathLst>
                <a:path w="22407" h="10151" fill="none" extrusionOk="0">
                  <a:moveTo>
                    <a:pt x="14838" y="802"/>
                  </a:moveTo>
                  <a:cubicBezTo>
                    <a:pt x="14888" y="802"/>
                    <a:pt x="15013" y="727"/>
                    <a:pt x="15064" y="727"/>
                  </a:cubicBezTo>
                  <a:lnTo>
                    <a:pt x="15465" y="727"/>
                  </a:lnTo>
                  <a:cubicBezTo>
                    <a:pt x="15565" y="802"/>
                    <a:pt x="15740" y="902"/>
                    <a:pt x="15790" y="902"/>
                  </a:cubicBezTo>
                  <a:cubicBezTo>
                    <a:pt x="15866" y="952"/>
                    <a:pt x="16016" y="1078"/>
                    <a:pt x="16141" y="1078"/>
                  </a:cubicBezTo>
                  <a:cubicBezTo>
                    <a:pt x="16241" y="1028"/>
                    <a:pt x="16417" y="902"/>
                    <a:pt x="16467" y="902"/>
                  </a:cubicBezTo>
                  <a:cubicBezTo>
                    <a:pt x="16592" y="852"/>
                    <a:pt x="16768" y="852"/>
                    <a:pt x="16868" y="852"/>
                  </a:cubicBezTo>
                  <a:lnTo>
                    <a:pt x="17094" y="1078"/>
                  </a:lnTo>
                  <a:cubicBezTo>
                    <a:pt x="17219" y="1253"/>
                    <a:pt x="17444" y="1479"/>
                    <a:pt x="17495" y="1629"/>
                  </a:cubicBezTo>
                  <a:cubicBezTo>
                    <a:pt x="17545" y="1754"/>
                    <a:pt x="17595" y="2030"/>
                    <a:pt x="17595" y="2206"/>
                  </a:cubicBezTo>
                  <a:cubicBezTo>
                    <a:pt x="17595" y="2256"/>
                    <a:pt x="17545" y="2481"/>
                    <a:pt x="17545" y="2607"/>
                  </a:cubicBezTo>
                  <a:cubicBezTo>
                    <a:pt x="17495" y="2657"/>
                    <a:pt x="17319" y="2832"/>
                    <a:pt x="17319" y="2882"/>
                  </a:cubicBezTo>
                  <a:cubicBezTo>
                    <a:pt x="17319" y="2932"/>
                    <a:pt x="17319" y="3108"/>
                    <a:pt x="17369" y="3158"/>
                  </a:cubicBezTo>
                  <a:cubicBezTo>
                    <a:pt x="17444" y="3158"/>
                    <a:pt x="17595" y="3108"/>
                    <a:pt x="17670" y="3058"/>
                  </a:cubicBezTo>
                  <a:cubicBezTo>
                    <a:pt x="17770" y="3058"/>
                    <a:pt x="17946" y="2882"/>
                    <a:pt x="18046" y="2832"/>
                  </a:cubicBezTo>
                  <a:lnTo>
                    <a:pt x="18397" y="2832"/>
                  </a:lnTo>
                  <a:cubicBezTo>
                    <a:pt x="18497" y="2832"/>
                    <a:pt x="18673" y="2832"/>
                    <a:pt x="18723" y="2882"/>
                  </a:cubicBezTo>
                  <a:cubicBezTo>
                    <a:pt x="18848" y="2932"/>
                    <a:pt x="18948" y="3233"/>
                    <a:pt x="19074" y="3333"/>
                  </a:cubicBezTo>
                  <a:cubicBezTo>
                    <a:pt x="19074" y="3384"/>
                    <a:pt x="19124" y="3459"/>
                    <a:pt x="19174" y="3509"/>
                  </a:cubicBezTo>
                  <a:cubicBezTo>
                    <a:pt x="19249" y="3609"/>
                    <a:pt x="19299" y="3684"/>
                    <a:pt x="19299" y="3684"/>
                  </a:cubicBezTo>
                  <a:cubicBezTo>
                    <a:pt x="19399" y="3785"/>
                    <a:pt x="19525" y="3960"/>
                    <a:pt x="19625" y="4010"/>
                  </a:cubicBezTo>
                  <a:cubicBezTo>
                    <a:pt x="19700" y="4060"/>
                    <a:pt x="19926" y="4135"/>
                    <a:pt x="20026" y="4186"/>
                  </a:cubicBezTo>
                  <a:cubicBezTo>
                    <a:pt x="20076" y="4286"/>
                    <a:pt x="20201" y="4587"/>
                    <a:pt x="20252" y="4687"/>
                  </a:cubicBezTo>
                  <a:cubicBezTo>
                    <a:pt x="20302" y="4812"/>
                    <a:pt x="20377" y="5138"/>
                    <a:pt x="20477" y="5263"/>
                  </a:cubicBezTo>
                  <a:cubicBezTo>
                    <a:pt x="20527" y="5363"/>
                    <a:pt x="20703" y="5414"/>
                    <a:pt x="20778" y="5489"/>
                  </a:cubicBezTo>
                  <a:cubicBezTo>
                    <a:pt x="20878" y="5539"/>
                    <a:pt x="21003" y="5714"/>
                    <a:pt x="21054" y="5815"/>
                  </a:cubicBezTo>
                  <a:cubicBezTo>
                    <a:pt x="21154" y="5865"/>
                    <a:pt x="21379" y="6040"/>
                    <a:pt x="21505" y="6090"/>
                  </a:cubicBezTo>
                  <a:cubicBezTo>
                    <a:pt x="21605" y="6165"/>
                    <a:pt x="21830" y="6216"/>
                    <a:pt x="21906" y="6266"/>
                  </a:cubicBezTo>
                  <a:cubicBezTo>
                    <a:pt x="22006" y="6316"/>
                    <a:pt x="22231" y="6491"/>
                    <a:pt x="22282" y="6617"/>
                  </a:cubicBezTo>
                  <a:cubicBezTo>
                    <a:pt x="22357" y="6767"/>
                    <a:pt x="22407" y="7118"/>
                    <a:pt x="22407" y="7293"/>
                  </a:cubicBezTo>
                  <a:lnTo>
                    <a:pt x="22407" y="7444"/>
                  </a:lnTo>
                  <a:cubicBezTo>
                    <a:pt x="22357" y="7444"/>
                    <a:pt x="22231" y="7394"/>
                    <a:pt x="22181" y="7394"/>
                  </a:cubicBezTo>
                  <a:cubicBezTo>
                    <a:pt x="22056" y="7343"/>
                    <a:pt x="21780" y="7293"/>
                    <a:pt x="21680" y="7218"/>
                  </a:cubicBezTo>
                  <a:cubicBezTo>
                    <a:pt x="21605" y="7168"/>
                    <a:pt x="21505" y="7068"/>
                    <a:pt x="21379" y="6942"/>
                  </a:cubicBezTo>
                  <a:cubicBezTo>
                    <a:pt x="21329" y="6892"/>
                    <a:pt x="21229" y="6767"/>
                    <a:pt x="21154" y="6717"/>
                  </a:cubicBezTo>
                  <a:cubicBezTo>
                    <a:pt x="21104" y="6717"/>
                    <a:pt x="21003" y="6767"/>
                    <a:pt x="20928" y="6717"/>
                  </a:cubicBezTo>
                  <a:cubicBezTo>
                    <a:pt x="20878" y="6667"/>
                    <a:pt x="20828" y="6491"/>
                    <a:pt x="20778" y="6441"/>
                  </a:cubicBezTo>
                  <a:cubicBezTo>
                    <a:pt x="20778" y="6391"/>
                    <a:pt x="20653" y="6266"/>
                    <a:pt x="20602" y="6266"/>
                  </a:cubicBezTo>
                  <a:cubicBezTo>
                    <a:pt x="20527" y="6266"/>
                    <a:pt x="20377" y="6391"/>
                    <a:pt x="20377" y="6441"/>
                  </a:cubicBezTo>
                  <a:cubicBezTo>
                    <a:pt x="20377" y="6441"/>
                    <a:pt x="20427" y="6541"/>
                    <a:pt x="20477" y="6617"/>
                  </a:cubicBezTo>
                  <a:cubicBezTo>
                    <a:pt x="20477" y="6667"/>
                    <a:pt x="20602" y="6767"/>
                    <a:pt x="20653" y="6842"/>
                  </a:cubicBezTo>
                  <a:cubicBezTo>
                    <a:pt x="20653" y="6892"/>
                    <a:pt x="20602" y="6993"/>
                    <a:pt x="20527" y="6993"/>
                  </a:cubicBezTo>
                  <a:cubicBezTo>
                    <a:pt x="20477" y="7068"/>
                    <a:pt x="20252" y="6942"/>
                    <a:pt x="20201" y="6892"/>
                  </a:cubicBezTo>
                  <a:cubicBezTo>
                    <a:pt x="20026" y="6842"/>
                    <a:pt x="19750" y="6717"/>
                    <a:pt x="19625" y="6617"/>
                  </a:cubicBezTo>
                  <a:cubicBezTo>
                    <a:pt x="19525" y="6541"/>
                    <a:pt x="19475" y="6266"/>
                    <a:pt x="19399" y="6165"/>
                  </a:cubicBezTo>
                  <a:cubicBezTo>
                    <a:pt x="19349" y="6090"/>
                    <a:pt x="19174" y="5940"/>
                    <a:pt x="19124" y="5940"/>
                  </a:cubicBezTo>
                  <a:cubicBezTo>
                    <a:pt x="19074" y="5940"/>
                    <a:pt x="18898" y="5940"/>
                    <a:pt x="18898" y="5990"/>
                  </a:cubicBezTo>
                  <a:cubicBezTo>
                    <a:pt x="18848" y="5990"/>
                    <a:pt x="18848" y="6040"/>
                    <a:pt x="18848" y="6040"/>
                  </a:cubicBezTo>
                  <a:cubicBezTo>
                    <a:pt x="18723" y="6040"/>
                    <a:pt x="18622" y="5940"/>
                    <a:pt x="18572" y="5865"/>
                  </a:cubicBezTo>
                  <a:cubicBezTo>
                    <a:pt x="18497" y="5815"/>
                    <a:pt x="18497" y="5639"/>
                    <a:pt x="18497" y="5589"/>
                  </a:cubicBezTo>
                  <a:cubicBezTo>
                    <a:pt x="18447" y="5539"/>
                    <a:pt x="18397" y="5414"/>
                    <a:pt x="18347" y="5363"/>
                  </a:cubicBezTo>
                  <a:cubicBezTo>
                    <a:pt x="18272" y="5313"/>
                    <a:pt x="18171" y="5263"/>
                    <a:pt x="18121" y="5263"/>
                  </a:cubicBezTo>
                  <a:cubicBezTo>
                    <a:pt x="17996" y="5188"/>
                    <a:pt x="17820" y="5138"/>
                    <a:pt x="17720" y="5088"/>
                  </a:cubicBezTo>
                  <a:cubicBezTo>
                    <a:pt x="17670" y="5038"/>
                    <a:pt x="17595" y="4912"/>
                    <a:pt x="17545" y="4862"/>
                  </a:cubicBezTo>
                  <a:cubicBezTo>
                    <a:pt x="17495" y="4862"/>
                    <a:pt x="17369" y="4812"/>
                    <a:pt x="17269" y="4812"/>
                  </a:cubicBezTo>
                  <a:cubicBezTo>
                    <a:pt x="17269" y="4812"/>
                    <a:pt x="17144" y="4862"/>
                    <a:pt x="17144" y="4812"/>
                  </a:cubicBezTo>
                  <a:cubicBezTo>
                    <a:pt x="17094" y="4812"/>
                    <a:pt x="16993" y="4812"/>
                    <a:pt x="16993" y="4737"/>
                  </a:cubicBezTo>
                  <a:cubicBezTo>
                    <a:pt x="16918" y="4737"/>
                    <a:pt x="16918" y="4637"/>
                    <a:pt x="16868" y="4587"/>
                  </a:cubicBezTo>
                  <a:cubicBezTo>
                    <a:pt x="16818" y="4587"/>
                    <a:pt x="16693" y="4637"/>
                    <a:pt x="16693" y="4587"/>
                  </a:cubicBezTo>
                  <a:cubicBezTo>
                    <a:pt x="16592" y="4511"/>
                    <a:pt x="16642" y="4361"/>
                    <a:pt x="16592" y="4286"/>
                  </a:cubicBezTo>
                  <a:cubicBezTo>
                    <a:pt x="16542" y="4186"/>
                    <a:pt x="16367" y="4135"/>
                    <a:pt x="16241" y="4010"/>
                  </a:cubicBezTo>
                  <a:cubicBezTo>
                    <a:pt x="16241" y="4010"/>
                    <a:pt x="16241" y="3835"/>
                    <a:pt x="16191" y="3785"/>
                  </a:cubicBezTo>
                  <a:cubicBezTo>
                    <a:pt x="16141" y="3734"/>
                    <a:pt x="15966" y="3785"/>
                    <a:pt x="15866" y="3785"/>
                  </a:cubicBezTo>
                  <a:cubicBezTo>
                    <a:pt x="15790" y="3785"/>
                    <a:pt x="15565" y="3734"/>
                    <a:pt x="15515" y="3684"/>
                  </a:cubicBezTo>
                  <a:cubicBezTo>
                    <a:pt x="15465" y="3609"/>
                    <a:pt x="15414" y="3559"/>
                    <a:pt x="15339" y="3559"/>
                  </a:cubicBezTo>
                  <a:cubicBezTo>
                    <a:pt x="15289" y="3509"/>
                    <a:pt x="15189" y="3509"/>
                    <a:pt x="15114" y="3559"/>
                  </a:cubicBezTo>
                  <a:cubicBezTo>
                    <a:pt x="15064" y="3559"/>
                    <a:pt x="15064" y="3684"/>
                    <a:pt x="15064" y="3734"/>
                  </a:cubicBezTo>
                  <a:cubicBezTo>
                    <a:pt x="15064" y="3785"/>
                    <a:pt x="15114" y="3910"/>
                    <a:pt x="15114" y="3960"/>
                  </a:cubicBezTo>
                  <a:cubicBezTo>
                    <a:pt x="15064" y="4010"/>
                    <a:pt x="15064" y="4135"/>
                    <a:pt x="15013" y="4135"/>
                  </a:cubicBezTo>
                  <a:cubicBezTo>
                    <a:pt x="14963" y="4135"/>
                    <a:pt x="14838" y="4135"/>
                    <a:pt x="14788" y="4060"/>
                  </a:cubicBezTo>
                  <a:cubicBezTo>
                    <a:pt x="14738" y="4060"/>
                    <a:pt x="14738" y="3960"/>
                    <a:pt x="14738" y="3910"/>
                  </a:cubicBezTo>
                  <a:cubicBezTo>
                    <a:pt x="14663" y="3835"/>
                    <a:pt x="14562" y="3835"/>
                    <a:pt x="14562" y="3785"/>
                  </a:cubicBezTo>
                  <a:cubicBezTo>
                    <a:pt x="14512" y="3734"/>
                    <a:pt x="14437" y="3609"/>
                    <a:pt x="14437" y="3559"/>
                  </a:cubicBezTo>
                  <a:cubicBezTo>
                    <a:pt x="14437" y="3509"/>
                    <a:pt x="14512" y="3384"/>
                    <a:pt x="14437" y="3333"/>
                  </a:cubicBezTo>
                  <a:cubicBezTo>
                    <a:pt x="14437" y="3283"/>
                    <a:pt x="14287" y="3283"/>
                    <a:pt x="14211" y="3283"/>
                  </a:cubicBezTo>
                  <a:cubicBezTo>
                    <a:pt x="14111" y="3158"/>
                    <a:pt x="13760" y="3008"/>
                    <a:pt x="13585" y="3008"/>
                  </a:cubicBezTo>
                  <a:cubicBezTo>
                    <a:pt x="13485" y="2932"/>
                    <a:pt x="13084" y="2932"/>
                    <a:pt x="12908" y="2882"/>
                  </a:cubicBezTo>
                  <a:cubicBezTo>
                    <a:pt x="12808" y="2882"/>
                    <a:pt x="12632" y="2707"/>
                    <a:pt x="12457" y="2707"/>
                  </a:cubicBezTo>
                  <a:cubicBezTo>
                    <a:pt x="12407" y="2707"/>
                    <a:pt x="12357" y="2782"/>
                    <a:pt x="12307" y="2832"/>
                  </a:cubicBezTo>
                  <a:cubicBezTo>
                    <a:pt x="12231" y="2832"/>
                    <a:pt x="12181" y="2782"/>
                    <a:pt x="12131" y="2707"/>
                  </a:cubicBezTo>
                  <a:cubicBezTo>
                    <a:pt x="12006" y="2707"/>
                    <a:pt x="11906" y="2531"/>
                    <a:pt x="11780" y="2481"/>
                  </a:cubicBezTo>
                  <a:cubicBezTo>
                    <a:pt x="11680" y="2431"/>
                    <a:pt x="11404" y="2431"/>
                    <a:pt x="11279" y="2431"/>
                  </a:cubicBezTo>
                  <a:cubicBezTo>
                    <a:pt x="11179" y="2431"/>
                    <a:pt x="10953" y="2431"/>
                    <a:pt x="10828" y="2481"/>
                  </a:cubicBezTo>
                  <a:cubicBezTo>
                    <a:pt x="10728" y="2481"/>
                    <a:pt x="10552" y="2657"/>
                    <a:pt x="10502" y="2707"/>
                  </a:cubicBezTo>
                  <a:cubicBezTo>
                    <a:pt x="10427" y="2782"/>
                    <a:pt x="10327" y="2832"/>
                    <a:pt x="10277" y="2832"/>
                  </a:cubicBezTo>
                  <a:cubicBezTo>
                    <a:pt x="10201" y="2832"/>
                    <a:pt x="10101" y="2832"/>
                    <a:pt x="10051" y="2882"/>
                  </a:cubicBezTo>
                  <a:cubicBezTo>
                    <a:pt x="9976" y="2932"/>
                    <a:pt x="9876" y="3108"/>
                    <a:pt x="9825" y="3158"/>
                  </a:cubicBezTo>
                  <a:cubicBezTo>
                    <a:pt x="9750" y="3233"/>
                    <a:pt x="9600" y="3233"/>
                    <a:pt x="9475" y="3283"/>
                  </a:cubicBezTo>
                  <a:cubicBezTo>
                    <a:pt x="9424" y="3333"/>
                    <a:pt x="9299" y="3459"/>
                    <a:pt x="9199" y="3509"/>
                  </a:cubicBezTo>
                  <a:cubicBezTo>
                    <a:pt x="9199" y="3509"/>
                    <a:pt x="9074" y="3509"/>
                    <a:pt x="9023" y="3559"/>
                  </a:cubicBezTo>
                  <a:cubicBezTo>
                    <a:pt x="8973" y="3559"/>
                    <a:pt x="8923" y="3684"/>
                    <a:pt x="8848" y="3734"/>
                  </a:cubicBezTo>
                  <a:cubicBezTo>
                    <a:pt x="8748" y="3785"/>
                    <a:pt x="8572" y="3835"/>
                    <a:pt x="8522" y="3910"/>
                  </a:cubicBezTo>
                  <a:cubicBezTo>
                    <a:pt x="8472" y="3960"/>
                    <a:pt x="8397" y="4060"/>
                    <a:pt x="8397" y="4135"/>
                  </a:cubicBezTo>
                  <a:cubicBezTo>
                    <a:pt x="8347" y="4186"/>
                    <a:pt x="8472" y="4286"/>
                    <a:pt x="8472" y="4361"/>
                  </a:cubicBezTo>
                  <a:cubicBezTo>
                    <a:pt x="8472" y="4411"/>
                    <a:pt x="8397" y="4587"/>
                    <a:pt x="8397" y="4637"/>
                  </a:cubicBezTo>
                  <a:cubicBezTo>
                    <a:pt x="8347" y="4687"/>
                    <a:pt x="8246" y="4862"/>
                    <a:pt x="8171" y="4962"/>
                  </a:cubicBezTo>
                  <a:cubicBezTo>
                    <a:pt x="8121" y="5088"/>
                    <a:pt x="7946" y="5313"/>
                    <a:pt x="7845" y="5363"/>
                  </a:cubicBezTo>
                  <a:cubicBezTo>
                    <a:pt x="7795" y="5414"/>
                    <a:pt x="7570" y="5414"/>
                    <a:pt x="7495" y="5489"/>
                  </a:cubicBezTo>
                  <a:cubicBezTo>
                    <a:pt x="7394" y="5489"/>
                    <a:pt x="7269" y="5589"/>
                    <a:pt x="7219" y="5589"/>
                  </a:cubicBezTo>
                  <a:cubicBezTo>
                    <a:pt x="7169" y="5589"/>
                    <a:pt x="7043" y="5589"/>
                    <a:pt x="6993" y="5639"/>
                  </a:cubicBezTo>
                  <a:cubicBezTo>
                    <a:pt x="6868" y="5714"/>
                    <a:pt x="6718" y="5865"/>
                    <a:pt x="6592" y="5990"/>
                  </a:cubicBezTo>
                  <a:cubicBezTo>
                    <a:pt x="6542" y="6090"/>
                    <a:pt x="6492" y="6316"/>
                    <a:pt x="6367" y="6441"/>
                  </a:cubicBezTo>
                  <a:cubicBezTo>
                    <a:pt x="6367" y="6491"/>
                    <a:pt x="6266" y="6617"/>
                    <a:pt x="6266" y="6667"/>
                  </a:cubicBezTo>
                  <a:cubicBezTo>
                    <a:pt x="6191" y="6767"/>
                    <a:pt x="6266" y="6993"/>
                    <a:pt x="6191" y="7068"/>
                  </a:cubicBezTo>
                  <a:cubicBezTo>
                    <a:pt x="6191" y="7118"/>
                    <a:pt x="6091" y="7218"/>
                    <a:pt x="6091" y="7293"/>
                  </a:cubicBezTo>
                  <a:cubicBezTo>
                    <a:pt x="6041" y="7343"/>
                    <a:pt x="5865" y="7444"/>
                    <a:pt x="5865" y="7569"/>
                  </a:cubicBezTo>
                  <a:cubicBezTo>
                    <a:pt x="5815" y="7619"/>
                    <a:pt x="5740" y="7845"/>
                    <a:pt x="5740" y="7970"/>
                  </a:cubicBezTo>
                  <a:cubicBezTo>
                    <a:pt x="5740" y="8020"/>
                    <a:pt x="5815" y="8070"/>
                    <a:pt x="5815" y="8120"/>
                  </a:cubicBezTo>
                  <a:cubicBezTo>
                    <a:pt x="5815" y="8196"/>
                    <a:pt x="5740" y="8246"/>
                    <a:pt x="5690" y="8296"/>
                  </a:cubicBezTo>
                  <a:cubicBezTo>
                    <a:pt x="5640" y="8296"/>
                    <a:pt x="5515" y="8346"/>
                    <a:pt x="5464" y="8421"/>
                  </a:cubicBezTo>
                  <a:cubicBezTo>
                    <a:pt x="5414" y="8471"/>
                    <a:pt x="5364" y="8572"/>
                    <a:pt x="5289" y="8697"/>
                  </a:cubicBezTo>
                  <a:cubicBezTo>
                    <a:pt x="5189" y="8747"/>
                    <a:pt x="5063" y="8922"/>
                    <a:pt x="4963" y="8973"/>
                  </a:cubicBezTo>
                  <a:lnTo>
                    <a:pt x="4738" y="8973"/>
                  </a:lnTo>
                  <a:cubicBezTo>
                    <a:pt x="4688" y="9023"/>
                    <a:pt x="4562" y="9023"/>
                    <a:pt x="4512" y="9098"/>
                  </a:cubicBezTo>
                  <a:cubicBezTo>
                    <a:pt x="4462" y="9148"/>
                    <a:pt x="4337" y="9248"/>
                    <a:pt x="4287" y="9248"/>
                  </a:cubicBezTo>
                  <a:cubicBezTo>
                    <a:pt x="4236" y="9323"/>
                    <a:pt x="4111" y="9323"/>
                    <a:pt x="4061" y="9323"/>
                  </a:cubicBezTo>
                  <a:cubicBezTo>
                    <a:pt x="4011" y="9374"/>
                    <a:pt x="3835" y="9474"/>
                    <a:pt x="3710" y="9474"/>
                  </a:cubicBezTo>
                  <a:cubicBezTo>
                    <a:pt x="3610" y="9549"/>
                    <a:pt x="3384" y="9474"/>
                    <a:pt x="3259" y="9549"/>
                  </a:cubicBezTo>
                  <a:cubicBezTo>
                    <a:pt x="3159" y="9599"/>
                    <a:pt x="2983" y="9775"/>
                    <a:pt x="2883" y="9775"/>
                  </a:cubicBezTo>
                  <a:cubicBezTo>
                    <a:pt x="2758" y="9825"/>
                    <a:pt x="2582" y="9775"/>
                    <a:pt x="2532" y="9825"/>
                  </a:cubicBezTo>
                  <a:cubicBezTo>
                    <a:pt x="2432" y="9825"/>
                    <a:pt x="2256" y="9925"/>
                    <a:pt x="2256" y="9925"/>
                  </a:cubicBezTo>
                  <a:cubicBezTo>
                    <a:pt x="2206" y="9925"/>
                    <a:pt x="2031" y="9925"/>
                    <a:pt x="1906" y="10000"/>
                  </a:cubicBezTo>
                  <a:cubicBezTo>
                    <a:pt x="1855" y="10000"/>
                    <a:pt x="1755" y="10150"/>
                    <a:pt x="1680" y="10150"/>
                  </a:cubicBezTo>
                  <a:lnTo>
                    <a:pt x="1354" y="10150"/>
                  </a:lnTo>
                  <a:cubicBezTo>
                    <a:pt x="1229" y="10100"/>
                    <a:pt x="1078" y="10050"/>
                    <a:pt x="953" y="10050"/>
                  </a:cubicBezTo>
                  <a:cubicBezTo>
                    <a:pt x="903" y="10050"/>
                    <a:pt x="728" y="10100"/>
                    <a:pt x="677" y="10150"/>
                  </a:cubicBezTo>
                  <a:lnTo>
                    <a:pt x="226" y="10150"/>
                  </a:lnTo>
                  <a:cubicBezTo>
                    <a:pt x="226" y="10150"/>
                    <a:pt x="151" y="10000"/>
                    <a:pt x="151" y="9925"/>
                  </a:cubicBezTo>
                  <a:lnTo>
                    <a:pt x="151" y="9549"/>
                  </a:lnTo>
                  <a:cubicBezTo>
                    <a:pt x="151" y="9474"/>
                    <a:pt x="1" y="9374"/>
                    <a:pt x="1" y="9323"/>
                  </a:cubicBezTo>
                  <a:cubicBezTo>
                    <a:pt x="1" y="9248"/>
                    <a:pt x="51" y="9148"/>
                    <a:pt x="101" y="9098"/>
                  </a:cubicBezTo>
                  <a:cubicBezTo>
                    <a:pt x="151" y="9023"/>
                    <a:pt x="327" y="8922"/>
                    <a:pt x="402" y="8872"/>
                  </a:cubicBezTo>
                  <a:cubicBezTo>
                    <a:pt x="452" y="8797"/>
                    <a:pt x="502" y="8697"/>
                    <a:pt x="552" y="8647"/>
                  </a:cubicBezTo>
                  <a:cubicBezTo>
                    <a:pt x="627" y="8521"/>
                    <a:pt x="627" y="8346"/>
                    <a:pt x="677" y="8296"/>
                  </a:cubicBezTo>
                  <a:cubicBezTo>
                    <a:pt x="677" y="8196"/>
                    <a:pt x="778" y="8070"/>
                    <a:pt x="853" y="8020"/>
                  </a:cubicBezTo>
                  <a:cubicBezTo>
                    <a:pt x="953" y="7970"/>
                    <a:pt x="1304" y="7895"/>
                    <a:pt x="1354" y="7845"/>
                  </a:cubicBezTo>
                  <a:cubicBezTo>
                    <a:pt x="1404" y="7795"/>
                    <a:pt x="1530" y="7619"/>
                    <a:pt x="1530" y="7569"/>
                  </a:cubicBezTo>
                  <a:cubicBezTo>
                    <a:pt x="1530" y="7444"/>
                    <a:pt x="1404" y="7343"/>
                    <a:pt x="1454" y="7218"/>
                  </a:cubicBezTo>
                  <a:cubicBezTo>
                    <a:pt x="1454" y="7168"/>
                    <a:pt x="1530" y="7118"/>
                    <a:pt x="1580" y="7068"/>
                  </a:cubicBezTo>
                  <a:lnTo>
                    <a:pt x="1630" y="6993"/>
                  </a:lnTo>
                  <a:cubicBezTo>
                    <a:pt x="1680" y="7068"/>
                    <a:pt x="1755" y="7118"/>
                    <a:pt x="1805" y="7118"/>
                  </a:cubicBezTo>
                  <a:cubicBezTo>
                    <a:pt x="1855" y="7168"/>
                    <a:pt x="2031" y="7118"/>
                    <a:pt x="2131" y="7068"/>
                  </a:cubicBezTo>
                  <a:cubicBezTo>
                    <a:pt x="2206" y="6993"/>
                    <a:pt x="2206" y="6842"/>
                    <a:pt x="2256" y="6717"/>
                  </a:cubicBezTo>
                  <a:cubicBezTo>
                    <a:pt x="2307" y="6667"/>
                    <a:pt x="2482" y="6491"/>
                    <a:pt x="2582" y="6491"/>
                  </a:cubicBezTo>
                  <a:cubicBezTo>
                    <a:pt x="2708" y="6491"/>
                    <a:pt x="2808" y="6717"/>
                    <a:pt x="2933" y="6767"/>
                  </a:cubicBezTo>
                  <a:lnTo>
                    <a:pt x="3209" y="6767"/>
                  </a:lnTo>
                  <a:cubicBezTo>
                    <a:pt x="3384" y="6767"/>
                    <a:pt x="3610" y="6892"/>
                    <a:pt x="3710" y="6892"/>
                  </a:cubicBezTo>
                  <a:cubicBezTo>
                    <a:pt x="3835" y="6892"/>
                    <a:pt x="4061" y="6892"/>
                    <a:pt x="4161" y="6842"/>
                  </a:cubicBezTo>
                  <a:cubicBezTo>
                    <a:pt x="4236" y="6767"/>
                    <a:pt x="4236" y="6617"/>
                    <a:pt x="4287" y="6541"/>
                  </a:cubicBezTo>
                  <a:cubicBezTo>
                    <a:pt x="4387" y="6441"/>
                    <a:pt x="4612" y="6316"/>
                    <a:pt x="4738" y="6216"/>
                  </a:cubicBezTo>
                  <a:cubicBezTo>
                    <a:pt x="4788" y="6165"/>
                    <a:pt x="5013" y="6165"/>
                    <a:pt x="5063" y="6040"/>
                  </a:cubicBezTo>
                  <a:cubicBezTo>
                    <a:pt x="5139" y="5940"/>
                    <a:pt x="5139" y="5714"/>
                    <a:pt x="5063" y="5589"/>
                  </a:cubicBezTo>
                  <a:lnTo>
                    <a:pt x="5063" y="5313"/>
                  </a:lnTo>
                  <a:cubicBezTo>
                    <a:pt x="5063" y="5188"/>
                    <a:pt x="5239" y="5038"/>
                    <a:pt x="5239" y="4912"/>
                  </a:cubicBezTo>
                  <a:cubicBezTo>
                    <a:pt x="5239" y="4862"/>
                    <a:pt x="5189" y="4687"/>
                    <a:pt x="5189" y="4637"/>
                  </a:cubicBezTo>
                  <a:cubicBezTo>
                    <a:pt x="5139" y="4587"/>
                    <a:pt x="5063" y="4461"/>
                    <a:pt x="5063" y="4411"/>
                  </a:cubicBezTo>
                  <a:cubicBezTo>
                    <a:pt x="5063" y="4286"/>
                    <a:pt x="5139" y="4186"/>
                    <a:pt x="5189" y="4135"/>
                  </a:cubicBezTo>
                  <a:cubicBezTo>
                    <a:pt x="5289" y="4010"/>
                    <a:pt x="5640" y="3785"/>
                    <a:pt x="5740" y="3684"/>
                  </a:cubicBezTo>
                  <a:cubicBezTo>
                    <a:pt x="5865" y="3509"/>
                    <a:pt x="6041" y="3108"/>
                    <a:pt x="6091" y="2882"/>
                  </a:cubicBezTo>
                  <a:cubicBezTo>
                    <a:pt x="6141" y="2707"/>
                    <a:pt x="6191" y="2256"/>
                    <a:pt x="6317" y="2080"/>
                  </a:cubicBezTo>
                  <a:cubicBezTo>
                    <a:pt x="6367" y="2030"/>
                    <a:pt x="6492" y="1855"/>
                    <a:pt x="6592" y="1855"/>
                  </a:cubicBezTo>
                  <a:cubicBezTo>
                    <a:pt x="6642" y="1855"/>
                    <a:pt x="6818" y="1930"/>
                    <a:pt x="6818" y="1980"/>
                  </a:cubicBezTo>
                  <a:cubicBezTo>
                    <a:pt x="6943" y="2080"/>
                    <a:pt x="6993" y="2431"/>
                    <a:pt x="7119" y="2481"/>
                  </a:cubicBezTo>
                  <a:cubicBezTo>
                    <a:pt x="7219" y="2607"/>
                    <a:pt x="7444" y="2657"/>
                    <a:pt x="7570" y="2657"/>
                  </a:cubicBezTo>
                  <a:cubicBezTo>
                    <a:pt x="7670" y="2607"/>
                    <a:pt x="7720" y="2431"/>
                    <a:pt x="7795" y="2381"/>
                  </a:cubicBezTo>
                  <a:cubicBezTo>
                    <a:pt x="7845" y="2306"/>
                    <a:pt x="7896" y="2080"/>
                    <a:pt x="7946" y="2030"/>
                  </a:cubicBezTo>
                  <a:cubicBezTo>
                    <a:pt x="8021" y="1930"/>
                    <a:pt x="8121" y="1754"/>
                    <a:pt x="8246" y="1704"/>
                  </a:cubicBezTo>
                  <a:cubicBezTo>
                    <a:pt x="8347" y="1629"/>
                    <a:pt x="8572" y="1754"/>
                    <a:pt x="8698" y="1754"/>
                  </a:cubicBezTo>
                  <a:cubicBezTo>
                    <a:pt x="8923" y="1704"/>
                    <a:pt x="9299" y="1704"/>
                    <a:pt x="9475" y="1579"/>
                  </a:cubicBezTo>
                  <a:cubicBezTo>
                    <a:pt x="9600" y="1529"/>
                    <a:pt x="9650" y="1303"/>
                    <a:pt x="9750" y="1253"/>
                  </a:cubicBezTo>
                  <a:cubicBezTo>
                    <a:pt x="9825" y="1178"/>
                    <a:pt x="9976" y="1078"/>
                    <a:pt x="10051" y="1078"/>
                  </a:cubicBezTo>
                  <a:cubicBezTo>
                    <a:pt x="10201" y="1028"/>
                    <a:pt x="10502" y="952"/>
                    <a:pt x="10652" y="952"/>
                  </a:cubicBezTo>
                  <a:cubicBezTo>
                    <a:pt x="10728" y="1028"/>
                    <a:pt x="10878" y="1028"/>
                    <a:pt x="10953" y="1078"/>
                  </a:cubicBezTo>
                  <a:cubicBezTo>
                    <a:pt x="11053" y="1178"/>
                    <a:pt x="11003" y="1479"/>
                    <a:pt x="11053" y="1529"/>
                  </a:cubicBezTo>
                  <a:cubicBezTo>
                    <a:pt x="11179" y="1579"/>
                    <a:pt x="11329" y="1529"/>
                    <a:pt x="11404" y="1479"/>
                  </a:cubicBezTo>
                  <a:cubicBezTo>
                    <a:pt x="11555" y="1479"/>
                    <a:pt x="11906" y="1479"/>
                    <a:pt x="12006" y="1353"/>
                  </a:cubicBezTo>
                  <a:cubicBezTo>
                    <a:pt x="12181" y="1253"/>
                    <a:pt x="12357" y="852"/>
                    <a:pt x="12407" y="627"/>
                  </a:cubicBezTo>
                  <a:cubicBezTo>
                    <a:pt x="12457" y="501"/>
                    <a:pt x="12457" y="226"/>
                    <a:pt x="12582" y="175"/>
                  </a:cubicBezTo>
                  <a:cubicBezTo>
                    <a:pt x="12632" y="50"/>
                    <a:pt x="12908" y="50"/>
                    <a:pt x="13033" y="0"/>
                  </a:cubicBezTo>
                  <a:cubicBezTo>
                    <a:pt x="13134" y="0"/>
                    <a:pt x="13434" y="0"/>
                    <a:pt x="13585" y="50"/>
                  </a:cubicBezTo>
                  <a:cubicBezTo>
                    <a:pt x="13660" y="125"/>
                    <a:pt x="13835" y="175"/>
                    <a:pt x="13886" y="226"/>
                  </a:cubicBezTo>
                  <a:cubicBezTo>
                    <a:pt x="13936" y="351"/>
                    <a:pt x="14061" y="576"/>
                    <a:pt x="14161" y="677"/>
                  </a:cubicBezTo>
                  <a:cubicBezTo>
                    <a:pt x="14211" y="727"/>
                    <a:pt x="14512" y="802"/>
                    <a:pt x="14612" y="802"/>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174" name="Google Shape;231;p16">
              <a:extLst>
                <a:ext uri="{FF2B5EF4-FFF2-40B4-BE49-F238E27FC236}">
                  <a16:creationId xmlns:a16="http://schemas.microsoft.com/office/drawing/2014/main" id="{E49A33F8-9C75-793B-B7EF-FBB5BA61E6C1}"/>
                </a:ext>
              </a:extLst>
            </p:cNvPr>
            <p:cNvSpPr/>
            <p:nvPr/>
          </p:nvSpPr>
          <p:spPr>
            <a:xfrm>
              <a:off x="2016007" y="1957053"/>
              <a:ext cx="647763" cy="705816"/>
            </a:xfrm>
            <a:custGeom>
              <a:avLst/>
              <a:gdLst/>
              <a:ahLst/>
              <a:cxnLst/>
              <a:rect l="l" t="t" r="r" b="b"/>
              <a:pathLst>
                <a:path w="23209" h="25289" extrusionOk="0">
                  <a:moveTo>
                    <a:pt x="19901" y="19499"/>
                  </a:moveTo>
                  <a:cubicBezTo>
                    <a:pt x="19851" y="19499"/>
                    <a:pt x="19775" y="19499"/>
                    <a:pt x="19775" y="19549"/>
                  </a:cubicBezTo>
                  <a:cubicBezTo>
                    <a:pt x="19675" y="19624"/>
                    <a:pt x="19399" y="19624"/>
                    <a:pt x="19274" y="19674"/>
                  </a:cubicBezTo>
                  <a:cubicBezTo>
                    <a:pt x="19174" y="19674"/>
                    <a:pt x="19049" y="19850"/>
                    <a:pt x="18998" y="19900"/>
                  </a:cubicBezTo>
                  <a:cubicBezTo>
                    <a:pt x="18948" y="20000"/>
                    <a:pt x="18823" y="20176"/>
                    <a:pt x="18823" y="20301"/>
                  </a:cubicBezTo>
                  <a:cubicBezTo>
                    <a:pt x="18823" y="20401"/>
                    <a:pt x="18948" y="20577"/>
                    <a:pt x="18998" y="20677"/>
                  </a:cubicBezTo>
                  <a:cubicBezTo>
                    <a:pt x="19049" y="20802"/>
                    <a:pt x="19224" y="20902"/>
                    <a:pt x="19274" y="20978"/>
                  </a:cubicBezTo>
                  <a:cubicBezTo>
                    <a:pt x="19324" y="21078"/>
                    <a:pt x="19399" y="21303"/>
                    <a:pt x="19399" y="21429"/>
                  </a:cubicBezTo>
                  <a:cubicBezTo>
                    <a:pt x="19399" y="21479"/>
                    <a:pt x="19274" y="21654"/>
                    <a:pt x="19224" y="21704"/>
                  </a:cubicBezTo>
                  <a:cubicBezTo>
                    <a:pt x="19174" y="21755"/>
                    <a:pt x="19049" y="21930"/>
                    <a:pt x="18998" y="21980"/>
                  </a:cubicBezTo>
                  <a:cubicBezTo>
                    <a:pt x="18948" y="22030"/>
                    <a:pt x="18773" y="22080"/>
                    <a:pt x="18723" y="22156"/>
                  </a:cubicBezTo>
                  <a:cubicBezTo>
                    <a:pt x="18723" y="22206"/>
                    <a:pt x="18648" y="22381"/>
                    <a:pt x="18648" y="22431"/>
                  </a:cubicBezTo>
                  <a:cubicBezTo>
                    <a:pt x="18648" y="22531"/>
                    <a:pt x="18773" y="22707"/>
                    <a:pt x="18723" y="22832"/>
                  </a:cubicBezTo>
                  <a:cubicBezTo>
                    <a:pt x="18723" y="22882"/>
                    <a:pt x="18597" y="22932"/>
                    <a:pt x="18547" y="22983"/>
                  </a:cubicBezTo>
                  <a:cubicBezTo>
                    <a:pt x="18497" y="23108"/>
                    <a:pt x="18372" y="23333"/>
                    <a:pt x="18422" y="23333"/>
                  </a:cubicBezTo>
                  <a:cubicBezTo>
                    <a:pt x="18372" y="23333"/>
                    <a:pt x="17971" y="23434"/>
                    <a:pt x="17820" y="23434"/>
                  </a:cubicBezTo>
                  <a:cubicBezTo>
                    <a:pt x="17695" y="23509"/>
                    <a:pt x="17470" y="23509"/>
                    <a:pt x="17419" y="23509"/>
                  </a:cubicBezTo>
                  <a:cubicBezTo>
                    <a:pt x="17294" y="23559"/>
                    <a:pt x="17144" y="23659"/>
                    <a:pt x="17144" y="23785"/>
                  </a:cubicBezTo>
                  <a:cubicBezTo>
                    <a:pt x="17144" y="23835"/>
                    <a:pt x="17194" y="24010"/>
                    <a:pt x="17244" y="24060"/>
                  </a:cubicBezTo>
                  <a:cubicBezTo>
                    <a:pt x="17369" y="24110"/>
                    <a:pt x="17520" y="24010"/>
                    <a:pt x="17645" y="24060"/>
                  </a:cubicBezTo>
                  <a:cubicBezTo>
                    <a:pt x="17695" y="24110"/>
                    <a:pt x="17871" y="24236"/>
                    <a:pt x="17871" y="24336"/>
                  </a:cubicBezTo>
                  <a:cubicBezTo>
                    <a:pt x="17921" y="24461"/>
                    <a:pt x="17820" y="24612"/>
                    <a:pt x="17745" y="24687"/>
                  </a:cubicBezTo>
                  <a:cubicBezTo>
                    <a:pt x="17695" y="24787"/>
                    <a:pt x="17520" y="24837"/>
                    <a:pt x="17419" y="24912"/>
                  </a:cubicBezTo>
                  <a:cubicBezTo>
                    <a:pt x="17369" y="24963"/>
                    <a:pt x="17194" y="24963"/>
                    <a:pt x="17069" y="24963"/>
                  </a:cubicBezTo>
                  <a:cubicBezTo>
                    <a:pt x="16968" y="25013"/>
                    <a:pt x="16743" y="25013"/>
                    <a:pt x="16693" y="25063"/>
                  </a:cubicBezTo>
                  <a:cubicBezTo>
                    <a:pt x="16617" y="25138"/>
                    <a:pt x="16567" y="25238"/>
                    <a:pt x="16467" y="25288"/>
                  </a:cubicBezTo>
                  <a:cubicBezTo>
                    <a:pt x="16292" y="25238"/>
                    <a:pt x="15941" y="25138"/>
                    <a:pt x="15841" y="25013"/>
                  </a:cubicBezTo>
                  <a:cubicBezTo>
                    <a:pt x="15615" y="24963"/>
                    <a:pt x="15214" y="24787"/>
                    <a:pt x="15038" y="24737"/>
                  </a:cubicBezTo>
                  <a:cubicBezTo>
                    <a:pt x="14888" y="24737"/>
                    <a:pt x="14537" y="24687"/>
                    <a:pt x="14362" y="24612"/>
                  </a:cubicBezTo>
                  <a:cubicBezTo>
                    <a:pt x="14312" y="24612"/>
                    <a:pt x="14262" y="24511"/>
                    <a:pt x="14211" y="24511"/>
                  </a:cubicBezTo>
                  <a:lnTo>
                    <a:pt x="13911" y="24511"/>
                  </a:lnTo>
                  <a:lnTo>
                    <a:pt x="13635" y="24511"/>
                  </a:lnTo>
                  <a:cubicBezTo>
                    <a:pt x="13585" y="24562"/>
                    <a:pt x="13535" y="24562"/>
                    <a:pt x="13460" y="24612"/>
                  </a:cubicBezTo>
                  <a:cubicBezTo>
                    <a:pt x="13460" y="24687"/>
                    <a:pt x="13535" y="24787"/>
                    <a:pt x="13535" y="24837"/>
                  </a:cubicBezTo>
                  <a:cubicBezTo>
                    <a:pt x="13535" y="24912"/>
                    <a:pt x="13460" y="24963"/>
                    <a:pt x="13409" y="25013"/>
                  </a:cubicBezTo>
                  <a:lnTo>
                    <a:pt x="13409" y="25188"/>
                  </a:lnTo>
                  <a:cubicBezTo>
                    <a:pt x="13359" y="25238"/>
                    <a:pt x="13134" y="25288"/>
                    <a:pt x="13084" y="25288"/>
                  </a:cubicBezTo>
                  <a:cubicBezTo>
                    <a:pt x="13008" y="25288"/>
                    <a:pt x="12908" y="25288"/>
                    <a:pt x="12908" y="25238"/>
                  </a:cubicBezTo>
                  <a:cubicBezTo>
                    <a:pt x="12858" y="25238"/>
                    <a:pt x="12908" y="25063"/>
                    <a:pt x="12908" y="25013"/>
                  </a:cubicBezTo>
                  <a:cubicBezTo>
                    <a:pt x="12858" y="24963"/>
                    <a:pt x="12733" y="24837"/>
                    <a:pt x="12632" y="24787"/>
                  </a:cubicBezTo>
                  <a:cubicBezTo>
                    <a:pt x="12582" y="24787"/>
                    <a:pt x="12407" y="24837"/>
                    <a:pt x="12357" y="24787"/>
                  </a:cubicBezTo>
                  <a:cubicBezTo>
                    <a:pt x="12357" y="24787"/>
                    <a:pt x="12282" y="24687"/>
                    <a:pt x="12282" y="24612"/>
                  </a:cubicBezTo>
                  <a:cubicBezTo>
                    <a:pt x="12282" y="24562"/>
                    <a:pt x="12357" y="24386"/>
                    <a:pt x="12357" y="24286"/>
                  </a:cubicBezTo>
                  <a:cubicBezTo>
                    <a:pt x="12407" y="24286"/>
                    <a:pt x="12457" y="24186"/>
                    <a:pt x="12507" y="24110"/>
                  </a:cubicBezTo>
                  <a:cubicBezTo>
                    <a:pt x="12582" y="24110"/>
                    <a:pt x="12733" y="24110"/>
                    <a:pt x="12808" y="24186"/>
                  </a:cubicBezTo>
                  <a:cubicBezTo>
                    <a:pt x="12858" y="24186"/>
                    <a:pt x="13008" y="24236"/>
                    <a:pt x="13084" y="24186"/>
                  </a:cubicBezTo>
                  <a:cubicBezTo>
                    <a:pt x="13134" y="24186"/>
                    <a:pt x="13184" y="23960"/>
                    <a:pt x="13184" y="23885"/>
                  </a:cubicBezTo>
                  <a:cubicBezTo>
                    <a:pt x="13234" y="23785"/>
                    <a:pt x="13309" y="23559"/>
                    <a:pt x="13234" y="23384"/>
                  </a:cubicBezTo>
                  <a:cubicBezTo>
                    <a:pt x="13234" y="23333"/>
                    <a:pt x="13134" y="23208"/>
                    <a:pt x="13134" y="23108"/>
                  </a:cubicBezTo>
                  <a:cubicBezTo>
                    <a:pt x="13134" y="23058"/>
                    <a:pt x="13134" y="22882"/>
                    <a:pt x="13084" y="22832"/>
                  </a:cubicBezTo>
                  <a:cubicBezTo>
                    <a:pt x="13084" y="22757"/>
                    <a:pt x="12908" y="22832"/>
                    <a:pt x="12858" y="22832"/>
                  </a:cubicBezTo>
                  <a:cubicBezTo>
                    <a:pt x="12858" y="22832"/>
                    <a:pt x="12808" y="22932"/>
                    <a:pt x="12733" y="22932"/>
                  </a:cubicBezTo>
                  <a:cubicBezTo>
                    <a:pt x="12683" y="22932"/>
                    <a:pt x="12683" y="22707"/>
                    <a:pt x="12632" y="22657"/>
                  </a:cubicBezTo>
                  <a:cubicBezTo>
                    <a:pt x="12582" y="22607"/>
                    <a:pt x="12507" y="22381"/>
                    <a:pt x="12457" y="22306"/>
                  </a:cubicBezTo>
                  <a:cubicBezTo>
                    <a:pt x="12407" y="22256"/>
                    <a:pt x="12357" y="22256"/>
                    <a:pt x="12282" y="22206"/>
                  </a:cubicBezTo>
                  <a:cubicBezTo>
                    <a:pt x="12282" y="22156"/>
                    <a:pt x="12407" y="22030"/>
                    <a:pt x="12357" y="21980"/>
                  </a:cubicBezTo>
                  <a:cubicBezTo>
                    <a:pt x="12357" y="21930"/>
                    <a:pt x="12181" y="21855"/>
                    <a:pt x="12056" y="21855"/>
                  </a:cubicBezTo>
                  <a:cubicBezTo>
                    <a:pt x="11956" y="21805"/>
                    <a:pt x="11680" y="21805"/>
                    <a:pt x="11555" y="21704"/>
                  </a:cubicBezTo>
                  <a:cubicBezTo>
                    <a:pt x="11505" y="21579"/>
                    <a:pt x="11555" y="21203"/>
                    <a:pt x="11455" y="21078"/>
                  </a:cubicBezTo>
                  <a:cubicBezTo>
                    <a:pt x="11379" y="20902"/>
                    <a:pt x="11104" y="20577"/>
                    <a:pt x="10928" y="20451"/>
                  </a:cubicBezTo>
                  <a:cubicBezTo>
                    <a:pt x="10778" y="20401"/>
                    <a:pt x="10427" y="20401"/>
                    <a:pt x="10327" y="20351"/>
                  </a:cubicBezTo>
                  <a:cubicBezTo>
                    <a:pt x="10201" y="20351"/>
                    <a:pt x="10101" y="20301"/>
                    <a:pt x="10026" y="20226"/>
                  </a:cubicBezTo>
                  <a:cubicBezTo>
                    <a:pt x="9976" y="20226"/>
                    <a:pt x="9876" y="20301"/>
                    <a:pt x="9800" y="20301"/>
                  </a:cubicBezTo>
                  <a:cubicBezTo>
                    <a:pt x="9700" y="20226"/>
                    <a:pt x="9525" y="20125"/>
                    <a:pt x="9424" y="20075"/>
                  </a:cubicBezTo>
                  <a:cubicBezTo>
                    <a:pt x="9349" y="20000"/>
                    <a:pt x="9249" y="19900"/>
                    <a:pt x="9249" y="19850"/>
                  </a:cubicBezTo>
                  <a:lnTo>
                    <a:pt x="9249" y="19674"/>
                  </a:lnTo>
                  <a:cubicBezTo>
                    <a:pt x="9299" y="19624"/>
                    <a:pt x="9424" y="19549"/>
                    <a:pt x="9475" y="19499"/>
                  </a:cubicBezTo>
                  <a:cubicBezTo>
                    <a:pt x="9525" y="19449"/>
                    <a:pt x="9525" y="19273"/>
                    <a:pt x="9525" y="19173"/>
                  </a:cubicBezTo>
                  <a:cubicBezTo>
                    <a:pt x="9575" y="19123"/>
                    <a:pt x="9475" y="18998"/>
                    <a:pt x="9475" y="18947"/>
                  </a:cubicBezTo>
                  <a:cubicBezTo>
                    <a:pt x="9475" y="18822"/>
                    <a:pt x="9575" y="18722"/>
                    <a:pt x="9575" y="18672"/>
                  </a:cubicBezTo>
                  <a:cubicBezTo>
                    <a:pt x="9525" y="18597"/>
                    <a:pt x="9475" y="18496"/>
                    <a:pt x="9424" y="18446"/>
                  </a:cubicBezTo>
                  <a:cubicBezTo>
                    <a:pt x="9299" y="18321"/>
                    <a:pt x="9023" y="18221"/>
                    <a:pt x="8848" y="18145"/>
                  </a:cubicBezTo>
                  <a:cubicBezTo>
                    <a:pt x="8798" y="18095"/>
                    <a:pt x="8572" y="18095"/>
                    <a:pt x="8522" y="18045"/>
                  </a:cubicBezTo>
                  <a:cubicBezTo>
                    <a:pt x="8397" y="18045"/>
                    <a:pt x="8221" y="18145"/>
                    <a:pt x="8121" y="18145"/>
                  </a:cubicBezTo>
                  <a:cubicBezTo>
                    <a:pt x="8071" y="18095"/>
                    <a:pt x="7896" y="17920"/>
                    <a:pt x="7770" y="17995"/>
                  </a:cubicBezTo>
                  <a:cubicBezTo>
                    <a:pt x="7720" y="17995"/>
                    <a:pt x="7720" y="18095"/>
                    <a:pt x="7670" y="18145"/>
                  </a:cubicBezTo>
                  <a:cubicBezTo>
                    <a:pt x="7670" y="18221"/>
                    <a:pt x="7720" y="18321"/>
                    <a:pt x="7670" y="18371"/>
                  </a:cubicBezTo>
                  <a:cubicBezTo>
                    <a:pt x="7670" y="18371"/>
                    <a:pt x="7545" y="18496"/>
                    <a:pt x="7495" y="18496"/>
                  </a:cubicBezTo>
                  <a:cubicBezTo>
                    <a:pt x="7444" y="18496"/>
                    <a:pt x="7269" y="18371"/>
                    <a:pt x="7219" y="18321"/>
                  </a:cubicBezTo>
                  <a:cubicBezTo>
                    <a:pt x="7169" y="18271"/>
                    <a:pt x="7043" y="18145"/>
                    <a:pt x="7043" y="18095"/>
                  </a:cubicBezTo>
                  <a:cubicBezTo>
                    <a:pt x="6993" y="18045"/>
                    <a:pt x="6943" y="17920"/>
                    <a:pt x="6943" y="17820"/>
                  </a:cubicBezTo>
                  <a:cubicBezTo>
                    <a:pt x="6993" y="17770"/>
                    <a:pt x="7043" y="17594"/>
                    <a:pt x="7094" y="17594"/>
                  </a:cubicBezTo>
                  <a:cubicBezTo>
                    <a:pt x="7094" y="17544"/>
                    <a:pt x="7219" y="17594"/>
                    <a:pt x="7219" y="17594"/>
                  </a:cubicBezTo>
                  <a:cubicBezTo>
                    <a:pt x="7269" y="17469"/>
                    <a:pt x="7219" y="17318"/>
                    <a:pt x="7219" y="17193"/>
                  </a:cubicBezTo>
                  <a:cubicBezTo>
                    <a:pt x="7219" y="17143"/>
                    <a:pt x="7319" y="16968"/>
                    <a:pt x="7319" y="16917"/>
                  </a:cubicBezTo>
                  <a:cubicBezTo>
                    <a:pt x="7394" y="16867"/>
                    <a:pt x="7444" y="16742"/>
                    <a:pt x="7444" y="16692"/>
                  </a:cubicBezTo>
                  <a:cubicBezTo>
                    <a:pt x="7495" y="16516"/>
                    <a:pt x="7444" y="16140"/>
                    <a:pt x="7444" y="15965"/>
                  </a:cubicBezTo>
                  <a:cubicBezTo>
                    <a:pt x="7444" y="15739"/>
                    <a:pt x="7444" y="15288"/>
                    <a:pt x="7394" y="15063"/>
                  </a:cubicBezTo>
                  <a:cubicBezTo>
                    <a:pt x="7394" y="15013"/>
                    <a:pt x="7319" y="14887"/>
                    <a:pt x="7269" y="14837"/>
                  </a:cubicBezTo>
                  <a:lnTo>
                    <a:pt x="7269" y="14436"/>
                  </a:lnTo>
                  <a:cubicBezTo>
                    <a:pt x="7269" y="14386"/>
                    <a:pt x="7094" y="14211"/>
                    <a:pt x="7043" y="14160"/>
                  </a:cubicBezTo>
                  <a:cubicBezTo>
                    <a:pt x="7043" y="14110"/>
                    <a:pt x="6993" y="13935"/>
                    <a:pt x="6943" y="13885"/>
                  </a:cubicBezTo>
                  <a:cubicBezTo>
                    <a:pt x="6943" y="13835"/>
                    <a:pt x="6818" y="13709"/>
                    <a:pt x="6768" y="13659"/>
                  </a:cubicBezTo>
                  <a:cubicBezTo>
                    <a:pt x="6718" y="13659"/>
                    <a:pt x="6718" y="13609"/>
                    <a:pt x="6642" y="13534"/>
                  </a:cubicBezTo>
                  <a:cubicBezTo>
                    <a:pt x="6642" y="13484"/>
                    <a:pt x="6718" y="13258"/>
                    <a:pt x="6642" y="13158"/>
                  </a:cubicBezTo>
                  <a:cubicBezTo>
                    <a:pt x="6642" y="13033"/>
                    <a:pt x="6492" y="12857"/>
                    <a:pt x="6417" y="12757"/>
                  </a:cubicBezTo>
                  <a:cubicBezTo>
                    <a:pt x="6317" y="12582"/>
                    <a:pt x="6141" y="12306"/>
                    <a:pt x="6041" y="12130"/>
                  </a:cubicBezTo>
                  <a:cubicBezTo>
                    <a:pt x="5966" y="12080"/>
                    <a:pt x="5815" y="12030"/>
                    <a:pt x="5690" y="11980"/>
                  </a:cubicBezTo>
                  <a:cubicBezTo>
                    <a:pt x="5640" y="11905"/>
                    <a:pt x="5590" y="11754"/>
                    <a:pt x="5590" y="11679"/>
                  </a:cubicBezTo>
                  <a:cubicBezTo>
                    <a:pt x="5515" y="11629"/>
                    <a:pt x="5515" y="11404"/>
                    <a:pt x="5465" y="11353"/>
                  </a:cubicBezTo>
                  <a:cubicBezTo>
                    <a:pt x="5465" y="11303"/>
                    <a:pt x="5364" y="11178"/>
                    <a:pt x="5289" y="11128"/>
                  </a:cubicBezTo>
                  <a:cubicBezTo>
                    <a:pt x="5239" y="11078"/>
                    <a:pt x="5239" y="10952"/>
                    <a:pt x="5239" y="10852"/>
                  </a:cubicBezTo>
                  <a:cubicBezTo>
                    <a:pt x="5239" y="10777"/>
                    <a:pt x="5364" y="10727"/>
                    <a:pt x="5364" y="10677"/>
                  </a:cubicBezTo>
                  <a:cubicBezTo>
                    <a:pt x="5414" y="10627"/>
                    <a:pt x="5364" y="10501"/>
                    <a:pt x="5364" y="10451"/>
                  </a:cubicBezTo>
                  <a:cubicBezTo>
                    <a:pt x="5414" y="10401"/>
                    <a:pt x="5414" y="10226"/>
                    <a:pt x="5414" y="10100"/>
                  </a:cubicBezTo>
                  <a:cubicBezTo>
                    <a:pt x="5414" y="10000"/>
                    <a:pt x="5414" y="9825"/>
                    <a:pt x="5364" y="9724"/>
                  </a:cubicBezTo>
                  <a:cubicBezTo>
                    <a:pt x="5289" y="9674"/>
                    <a:pt x="5139" y="9599"/>
                    <a:pt x="5139" y="9549"/>
                  </a:cubicBezTo>
                  <a:cubicBezTo>
                    <a:pt x="5089" y="9499"/>
                    <a:pt x="4963" y="9323"/>
                    <a:pt x="4963" y="9273"/>
                  </a:cubicBezTo>
                  <a:cubicBezTo>
                    <a:pt x="4913" y="9148"/>
                    <a:pt x="5013" y="8872"/>
                    <a:pt x="5013" y="8772"/>
                  </a:cubicBezTo>
                  <a:lnTo>
                    <a:pt x="5013" y="8321"/>
                  </a:lnTo>
                  <a:cubicBezTo>
                    <a:pt x="5013" y="8196"/>
                    <a:pt x="4913" y="7970"/>
                    <a:pt x="4863" y="7870"/>
                  </a:cubicBezTo>
                  <a:cubicBezTo>
                    <a:pt x="4863" y="7795"/>
                    <a:pt x="4913" y="7644"/>
                    <a:pt x="4913" y="7569"/>
                  </a:cubicBezTo>
                  <a:lnTo>
                    <a:pt x="4913" y="7193"/>
                  </a:lnTo>
                  <a:cubicBezTo>
                    <a:pt x="4863" y="7068"/>
                    <a:pt x="4688" y="6792"/>
                    <a:pt x="4637" y="6692"/>
                  </a:cubicBezTo>
                  <a:cubicBezTo>
                    <a:pt x="4562" y="6566"/>
                    <a:pt x="4512" y="6241"/>
                    <a:pt x="4462" y="6115"/>
                  </a:cubicBezTo>
                  <a:cubicBezTo>
                    <a:pt x="4412" y="6065"/>
                    <a:pt x="4287" y="5940"/>
                    <a:pt x="4287" y="5890"/>
                  </a:cubicBezTo>
                  <a:cubicBezTo>
                    <a:pt x="4236" y="5890"/>
                    <a:pt x="4111" y="5790"/>
                    <a:pt x="4111" y="5714"/>
                  </a:cubicBezTo>
                  <a:cubicBezTo>
                    <a:pt x="4061" y="5664"/>
                    <a:pt x="3961" y="5489"/>
                    <a:pt x="3886" y="5439"/>
                  </a:cubicBezTo>
                  <a:cubicBezTo>
                    <a:pt x="3835" y="5389"/>
                    <a:pt x="3660" y="5389"/>
                    <a:pt x="3610" y="5338"/>
                  </a:cubicBezTo>
                  <a:cubicBezTo>
                    <a:pt x="3510" y="5263"/>
                    <a:pt x="3334" y="5163"/>
                    <a:pt x="3284" y="5113"/>
                  </a:cubicBezTo>
                  <a:cubicBezTo>
                    <a:pt x="3284" y="5113"/>
                    <a:pt x="3209" y="5113"/>
                    <a:pt x="3209" y="5063"/>
                  </a:cubicBezTo>
                  <a:lnTo>
                    <a:pt x="3209" y="4887"/>
                  </a:lnTo>
                  <a:cubicBezTo>
                    <a:pt x="3209" y="4712"/>
                    <a:pt x="3159" y="4386"/>
                    <a:pt x="3109" y="4211"/>
                  </a:cubicBezTo>
                  <a:cubicBezTo>
                    <a:pt x="3058" y="4085"/>
                    <a:pt x="2833" y="3935"/>
                    <a:pt x="2708" y="3860"/>
                  </a:cubicBezTo>
                  <a:cubicBezTo>
                    <a:pt x="2657" y="3810"/>
                    <a:pt x="2432" y="3759"/>
                    <a:pt x="2307" y="3709"/>
                  </a:cubicBezTo>
                  <a:cubicBezTo>
                    <a:pt x="2206" y="3634"/>
                    <a:pt x="1981" y="3484"/>
                    <a:pt x="1855" y="3409"/>
                  </a:cubicBezTo>
                  <a:cubicBezTo>
                    <a:pt x="1805" y="3308"/>
                    <a:pt x="1705" y="3133"/>
                    <a:pt x="1580" y="3083"/>
                  </a:cubicBezTo>
                  <a:cubicBezTo>
                    <a:pt x="1530" y="3033"/>
                    <a:pt x="1354" y="2957"/>
                    <a:pt x="1304" y="2857"/>
                  </a:cubicBezTo>
                  <a:cubicBezTo>
                    <a:pt x="1179" y="2732"/>
                    <a:pt x="1129" y="2406"/>
                    <a:pt x="1079" y="2306"/>
                  </a:cubicBezTo>
                  <a:cubicBezTo>
                    <a:pt x="1028" y="2180"/>
                    <a:pt x="903" y="1905"/>
                    <a:pt x="853" y="1779"/>
                  </a:cubicBezTo>
                  <a:cubicBezTo>
                    <a:pt x="728" y="1729"/>
                    <a:pt x="502" y="1679"/>
                    <a:pt x="452" y="1629"/>
                  </a:cubicBezTo>
                  <a:cubicBezTo>
                    <a:pt x="352" y="1554"/>
                    <a:pt x="226" y="1404"/>
                    <a:pt x="126" y="1278"/>
                  </a:cubicBezTo>
                  <a:cubicBezTo>
                    <a:pt x="126" y="1278"/>
                    <a:pt x="51" y="1228"/>
                    <a:pt x="1" y="1103"/>
                  </a:cubicBezTo>
                  <a:cubicBezTo>
                    <a:pt x="126" y="1103"/>
                    <a:pt x="277" y="1103"/>
                    <a:pt x="402" y="1053"/>
                  </a:cubicBezTo>
                  <a:cubicBezTo>
                    <a:pt x="452" y="1053"/>
                    <a:pt x="627" y="952"/>
                    <a:pt x="678" y="877"/>
                  </a:cubicBezTo>
                  <a:cubicBezTo>
                    <a:pt x="678" y="827"/>
                    <a:pt x="803" y="777"/>
                    <a:pt x="803" y="727"/>
                  </a:cubicBezTo>
                  <a:cubicBezTo>
                    <a:pt x="853" y="602"/>
                    <a:pt x="853" y="426"/>
                    <a:pt x="903" y="326"/>
                  </a:cubicBezTo>
                  <a:cubicBezTo>
                    <a:pt x="953" y="276"/>
                    <a:pt x="1129" y="100"/>
                    <a:pt x="1254" y="50"/>
                  </a:cubicBezTo>
                  <a:cubicBezTo>
                    <a:pt x="1304" y="0"/>
                    <a:pt x="1530" y="0"/>
                    <a:pt x="1630" y="50"/>
                  </a:cubicBezTo>
                  <a:cubicBezTo>
                    <a:pt x="1705" y="50"/>
                    <a:pt x="1805" y="150"/>
                    <a:pt x="1855" y="201"/>
                  </a:cubicBezTo>
                  <a:cubicBezTo>
                    <a:pt x="1931" y="276"/>
                    <a:pt x="2156" y="276"/>
                    <a:pt x="2256" y="326"/>
                  </a:cubicBezTo>
                  <a:cubicBezTo>
                    <a:pt x="2307" y="326"/>
                    <a:pt x="2482" y="276"/>
                    <a:pt x="2607" y="276"/>
                  </a:cubicBezTo>
                  <a:cubicBezTo>
                    <a:pt x="2657" y="326"/>
                    <a:pt x="2758" y="426"/>
                    <a:pt x="2758" y="501"/>
                  </a:cubicBezTo>
                  <a:cubicBezTo>
                    <a:pt x="2833" y="602"/>
                    <a:pt x="2758" y="877"/>
                    <a:pt x="2758" y="1003"/>
                  </a:cubicBezTo>
                  <a:cubicBezTo>
                    <a:pt x="2833" y="1053"/>
                    <a:pt x="2883" y="1178"/>
                    <a:pt x="2933" y="1228"/>
                  </a:cubicBezTo>
                  <a:cubicBezTo>
                    <a:pt x="3058" y="1328"/>
                    <a:pt x="3334" y="1454"/>
                    <a:pt x="3510" y="1454"/>
                  </a:cubicBezTo>
                  <a:cubicBezTo>
                    <a:pt x="3660" y="1504"/>
                    <a:pt x="3961" y="1454"/>
                    <a:pt x="4111" y="1504"/>
                  </a:cubicBezTo>
                  <a:cubicBezTo>
                    <a:pt x="4236" y="1554"/>
                    <a:pt x="4462" y="1679"/>
                    <a:pt x="4562" y="1729"/>
                  </a:cubicBezTo>
                  <a:cubicBezTo>
                    <a:pt x="4688" y="1855"/>
                    <a:pt x="4863" y="2080"/>
                    <a:pt x="4913" y="2231"/>
                  </a:cubicBezTo>
                  <a:cubicBezTo>
                    <a:pt x="4963" y="2306"/>
                    <a:pt x="4963" y="2531"/>
                    <a:pt x="5089" y="2581"/>
                  </a:cubicBezTo>
                  <a:cubicBezTo>
                    <a:pt x="5139" y="2682"/>
                    <a:pt x="5289" y="2807"/>
                    <a:pt x="5364" y="2732"/>
                  </a:cubicBezTo>
                  <a:cubicBezTo>
                    <a:pt x="5465" y="2732"/>
                    <a:pt x="5515" y="2456"/>
                    <a:pt x="5515" y="2356"/>
                  </a:cubicBezTo>
                  <a:cubicBezTo>
                    <a:pt x="5515" y="2356"/>
                    <a:pt x="5465" y="2231"/>
                    <a:pt x="5465" y="2180"/>
                  </a:cubicBezTo>
                  <a:cubicBezTo>
                    <a:pt x="5465" y="2130"/>
                    <a:pt x="5515" y="2005"/>
                    <a:pt x="5515" y="2005"/>
                  </a:cubicBezTo>
                  <a:cubicBezTo>
                    <a:pt x="5640" y="2005"/>
                    <a:pt x="5690" y="2231"/>
                    <a:pt x="5740" y="2306"/>
                  </a:cubicBezTo>
                  <a:cubicBezTo>
                    <a:pt x="5815" y="2356"/>
                    <a:pt x="5815" y="2581"/>
                    <a:pt x="5916" y="2632"/>
                  </a:cubicBezTo>
                  <a:cubicBezTo>
                    <a:pt x="5966" y="2682"/>
                    <a:pt x="6267" y="2732"/>
                    <a:pt x="6367" y="2807"/>
                  </a:cubicBezTo>
                  <a:cubicBezTo>
                    <a:pt x="6542" y="2857"/>
                    <a:pt x="6818" y="3033"/>
                    <a:pt x="6943" y="3133"/>
                  </a:cubicBezTo>
                  <a:cubicBezTo>
                    <a:pt x="7043" y="3258"/>
                    <a:pt x="7094" y="3534"/>
                    <a:pt x="7269" y="3634"/>
                  </a:cubicBezTo>
                  <a:cubicBezTo>
                    <a:pt x="7319" y="3709"/>
                    <a:pt x="7545" y="3709"/>
                    <a:pt x="7670" y="3759"/>
                  </a:cubicBezTo>
                  <a:cubicBezTo>
                    <a:pt x="7770" y="3810"/>
                    <a:pt x="7996" y="4035"/>
                    <a:pt x="8171" y="4035"/>
                  </a:cubicBezTo>
                  <a:cubicBezTo>
                    <a:pt x="8297" y="4035"/>
                    <a:pt x="8522" y="3985"/>
                    <a:pt x="8622" y="3935"/>
                  </a:cubicBezTo>
                  <a:cubicBezTo>
                    <a:pt x="8673" y="3860"/>
                    <a:pt x="8798" y="3709"/>
                    <a:pt x="8848" y="3634"/>
                  </a:cubicBezTo>
                  <a:cubicBezTo>
                    <a:pt x="8973" y="3634"/>
                    <a:pt x="9199" y="3584"/>
                    <a:pt x="9299" y="3584"/>
                  </a:cubicBezTo>
                  <a:cubicBezTo>
                    <a:pt x="9424" y="3634"/>
                    <a:pt x="9650" y="3759"/>
                    <a:pt x="9750" y="3810"/>
                  </a:cubicBezTo>
                  <a:cubicBezTo>
                    <a:pt x="9876" y="3935"/>
                    <a:pt x="10101" y="4261"/>
                    <a:pt x="10252" y="4311"/>
                  </a:cubicBezTo>
                  <a:cubicBezTo>
                    <a:pt x="10377" y="4386"/>
                    <a:pt x="10602" y="4436"/>
                    <a:pt x="10653" y="4436"/>
                  </a:cubicBezTo>
                  <a:cubicBezTo>
                    <a:pt x="10778" y="4436"/>
                    <a:pt x="10878" y="4311"/>
                    <a:pt x="10928" y="4261"/>
                  </a:cubicBezTo>
                  <a:cubicBezTo>
                    <a:pt x="11054" y="4211"/>
                    <a:pt x="11054" y="3985"/>
                    <a:pt x="11104" y="3935"/>
                  </a:cubicBezTo>
                  <a:cubicBezTo>
                    <a:pt x="11154" y="3860"/>
                    <a:pt x="11329" y="3810"/>
                    <a:pt x="11379" y="3810"/>
                  </a:cubicBezTo>
                  <a:cubicBezTo>
                    <a:pt x="11505" y="3860"/>
                    <a:pt x="11605" y="3935"/>
                    <a:pt x="11680" y="3985"/>
                  </a:cubicBezTo>
                  <a:cubicBezTo>
                    <a:pt x="11780" y="4035"/>
                    <a:pt x="11906" y="4211"/>
                    <a:pt x="11956" y="4261"/>
                  </a:cubicBezTo>
                  <a:cubicBezTo>
                    <a:pt x="12006" y="4311"/>
                    <a:pt x="12181" y="4436"/>
                    <a:pt x="12282" y="4436"/>
                  </a:cubicBezTo>
                  <a:cubicBezTo>
                    <a:pt x="12407" y="4436"/>
                    <a:pt x="12582" y="4386"/>
                    <a:pt x="12683" y="4386"/>
                  </a:cubicBezTo>
                  <a:lnTo>
                    <a:pt x="13134" y="4386"/>
                  </a:lnTo>
                  <a:cubicBezTo>
                    <a:pt x="13234" y="4386"/>
                    <a:pt x="13409" y="4486"/>
                    <a:pt x="13535" y="4436"/>
                  </a:cubicBezTo>
                  <a:cubicBezTo>
                    <a:pt x="13585" y="4436"/>
                    <a:pt x="13685" y="4261"/>
                    <a:pt x="13685" y="4211"/>
                  </a:cubicBezTo>
                  <a:cubicBezTo>
                    <a:pt x="13685" y="4160"/>
                    <a:pt x="13535" y="3985"/>
                    <a:pt x="13535" y="3935"/>
                  </a:cubicBezTo>
                  <a:cubicBezTo>
                    <a:pt x="13535" y="3810"/>
                    <a:pt x="13585" y="3634"/>
                    <a:pt x="13635" y="3584"/>
                  </a:cubicBezTo>
                  <a:cubicBezTo>
                    <a:pt x="13685" y="3584"/>
                    <a:pt x="13861" y="3534"/>
                    <a:pt x="13861" y="3484"/>
                  </a:cubicBezTo>
                  <a:cubicBezTo>
                    <a:pt x="13911" y="3409"/>
                    <a:pt x="13911" y="3258"/>
                    <a:pt x="13911" y="3183"/>
                  </a:cubicBezTo>
                  <a:cubicBezTo>
                    <a:pt x="14036" y="3133"/>
                    <a:pt x="14211" y="3083"/>
                    <a:pt x="14312" y="3083"/>
                  </a:cubicBezTo>
                  <a:cubicBezTo>
                    <a:pt x="14362" y="3033"/>
                    <a:pt x="14663" y="3083"/>
                    <a:pt x="14713" y="3033"/>
                  </a:cubicBezTo>
                  <a:cubicBezTo>
                    <a:pt x="14763" y="2957"/>
                    <a:pt x="14813" y="2807"/>
                    <a:pt x="14888" y="2732"/>
                  </a:cubicBezTo>
                  <a:cubicBezTo>
                    <a:pt x="14988" y="2632"/>
                    <a:pt x="15339" y="2581"/>
                    <a:pt x="15439" y="2632"/>
                  </a:cubicBezTo>
                  <a:cubicBezTo>
                    <a:pt x="15490" y="2632"/>
                    <a:pt x="15665" y="2732"/>
                    <a:pt x="15665" y="2807"/>
                  </a:cubicBezTo>
                  <a:cubicBezTo>
                    <a:pt x="15715" y="2857"/>
                    <a:pt x="15615" y="3033"/>
                    <a:pt x="15615" y="3133"/>
                  </a:cubicBezTo>
                  <a:cubicBezTo>
                    <a:pt x="15665" y="3183"/>
                    <a:pt x="15841" y="3308"/>
                    <a:pt x="15941" y="3308"/>
                  </a:cubicBezTo>
                  <a:cubicBezTo>
                    <a:pt x="16016" y="3358"/>
                    <a:pt x="16166" y="3358"/>
                    <a:pt x="16292" y="3358"/>
                  </a:cubicBezTo>
                  <a:cubicBezTo>
                    <a:pt x="16392" y="3358"/>
                    <a:pt x="16567" y="3358"/>
                    <a:pt x="16693" y="3409"/>
                  </a:cubicBezTo>
                  <a:cubicBezTo>
                    <a:pt x="16743" y="3484"/>
                    <a:pt x="16918" y="3634"/>
                    <a:pt x="16968" y="3759"/>
                  </a:cubicBezTo>
                  <a:cubicBezTo>
                    <a:pt x="17018" y="3810"/>
                    <a:pt x="17018" y="4035"/>
                    <a:pt x="17069" y="4160"/>
                  </a:cubicBezTo>
                  <a:cubicBezTo>
                    <a:pt x="17194" y="4211"/>
                    <a:pt x="17369" y="4261"/>
                    <a:pt x="17419" y="4211"/>
                  </a:cubicBezTo>
                  <a:cubicBezTo>
                    <a:pt x="17470" y="4211"/>
                    <a:pt x="17470" y="4035"/>
                    <a:pt x="17520" y="3985"/>
                  </a:cubicBezTo>
                  <a:cubicBezTo>
                    <a:pt x="17595" y="3985"/>
                    <a:pt x="17695" y="3935"/>
                    <a:pt x="17745" y="3935"/>
                  </a:cubicBezTo>
                  <a:cubicBezTo>
                    <a:pt x="17820" y="3935"/>
                    <a:pt x="17921" y="3985"/>
                    <a:pt x="17971" y="3985"/>
                  </a:cubicBezTo>
                  <a:cubicBezTo>
                    <a:pt x="18046" y="4035"/>
                    <a:pt x="18146" y="4160"/>
                    <a:pt x="18146" y="4211"/>
                  </a:cubicBezTo>
                  <a:cubicBezTo>
                    <a:pt x="18196" y="4261"/>
                    <a:pt x="18196" y="4386"/>
                    <a:pt x="18146" y="4436"/>
                  </a:cubicBezTo>
                  <a:cubicBezTo>
                    <a:pt x="18146" y="4486"/>
                    <a:pt x="17971" y="4536"/>
                    <a:pt x="17921" y="4612"/>
                  </a:cubicBezTo>
                  <a:cubicBezTo>
                    <a:pt x="17871" y="4712"/>
                    <a:pt x="17745" y="4887"/>
                    <a:pt x="17695" y="4988"/>
                  </a:cubicBezTo>
                  <a:cubicBezTo>
                    <a:pt x="17645" y="5113"/>
                    <a:pt x="17645" y="5338"/>
                    <a:pt x="17595" y="5389"/>
                  </a:cubicBezTo>
                  <a:cubicBezTo>
                    <a:pt x="17520" y="5439"/>
                    <a:pt x="17369" y="5439"/>
                    <a:pt x="17294" y="5489"/>
                  </a:cubicBezTo>
                  <a:cubicBezTo>
                    <a:pt x="17244" y="5564"/>
                    <a:pt x="17244" y="5664"/>
                    <a:pt x="17294" y="5790"/>
                  </a:cubicBezTo>
                  <a:cubicBezTo>
                    <a:pt x="17294" y="5840"/>
                    <a:pt x="17419" y="6015"/>
                    <a:pt x="17470" y="6065"/>
                  </a:cubicBezTo>
                  <a:cubicBezTo>
                    <a:pt x="17595" y="6115"/>
                    <a:pt x="17820" y="6241"/>
                    <a:pt x="17921" y="6341"/>
                  </a:cubicBezTo>
                  <a:cubicBezTo>
                    <a:pt x="17971" y="6391"/>
                    <a:pt x="18146" y="6617"/>
                    <a:pt x="18196" y="6742"/>
                  </a:cubicBezTo>
                  <a:cubicBezTo>
                    <a:pt x="18272" y="6842"/>
                    <a:pt x="18372" y="7193"/>
                    <a:pt x="18422" y="7293"/>
                  </a:cubicBezTo>
                  <a:cubicBezTo>
                    <a:pt x="18497" y="7419"/>
                    <a:pt x="18723" y="7519"/>
                    <a:pt x="18773" y="7569"/>
                  </a:cubicBezTo>
                  <a:cubicBezTo>
                    <a:pt x="18873" y="7644"/>
                    <a:pt x="19049" y="7644"/>
                    <a:pt x="19174" y="7569"/>
                  </a:cubicBezTo>
                  <a:cubicBezTo>
                    <a:pt x="19224" y="7569"/>
                    <a:pt x="19450" y="7519"/>
                    <a:pt x="19500" y="7519"/>
                  </a:cubicBezTo>
                  <a:cubicBezTo>
                    <a:pt x="19675" y="7519"/>
                    <a:pt x="19951" y="7519"/>
                    <a:pt x="20001" y="7644"/>
                  </a:cubicBezTo>
                  <a:cubicBezTo>
                    <a:pt x="20126" y="7694"/>
                    <a:pt x="20076" y="7970"/>
                    <a:pt x="20126" y="8020"/>
                  </a:cubicBezTo>
                  <a:cubicBezTo>
                    <a:pt x="20226" y="8095"/>
                    <a:pt x="20402" y="8095"/>
                    <a:pt x="20527" y="8145"/>
                  </a:cubicBezTo>
                  <a:cubicBezTo>
                    <a:pt x="20577" y="8145"/>
                    <a:pt x="20728" y="8246"/>
                    <a:pt x="20803" y="8246"/>
                  </a:cubicBezTo>
                  <a:cubicBezTo>
                    <a:pt x="20903" y="8321"/>
                    <a:pt x="21079" y="8246"/>
                    <a:pt x="21179" y="8196"/>
                  </a:cubicBezTo>
                  <a:cubicBezTo>
                    <a:pt x="21254" y="8196"/>
                    <a:pt x="21304" y="8020"/>
                    <a:pt x="21354" y="8020"/>
                  </a:cubicBezTo>
                  <a:cubicBezTo>
                    <a:pt x="21404" y="8020"/>
                    <a:pt x="21480" y="8020"/>
                    <a:pt x="21530" y="8095"/>
                  </a:cubicBezTo>
                  <a:cubicBezTo>
                    <a:pt x="21580" y="8145"/>
                    <a:pt x="21630" y="8145"/>
                    <a:pt x="21705" y="8196"/>
                  </a:cubicBezTo>
                  <a:cubicBezTo>
                    <a:pt x="21755" y="8196"/>
                    <a:pt x="21931" y="8145"/>
                    <a:pt x="21981" y="8145"/>
                  </a:cubicBezTo>
                  <a:cubicBezTo>
                    <a:pt x="22031" y="8095"/>
                    <a:pt x="22031" y="8020"/>
                    <a:pt x="22081" y="7970"/>
                  </a:cubicBezTo>
                  <a:lnTo>
                    <a:pt x="22432" y="7970"/>
                  </a:lnTo>
                  <a:cubicBezTo>
                    <a:pt x="22482" y="7970"/>
                    <a:pt x="22607" y="8020"/>
                    <a:pt x="22658" y="8095"/>
                  </a:cubicBezTo>
                  <a:cubicBezTo>
                    <a:pt x="22708" y="8095"/>
                    <a:pt x="22833" y="8196"/>
                    <a:pt x="22883" y="8196"/>
                  </a:cubicBezTo>
                  <a:cubicBezTo>
                    <a:pt x="22883" y="8246"/>
                    <a:pt x="22983" y="8321"/>
                    <a:pt x="23059" y="8371"/>
                  </a:cubicBezTo>
                  <a:cubicBezTo>
                    <a:pt x="23109" y="8421"/>
                    <a:pt x="23209" y="8546"/>
                    <a:pt x="23209" y="8647"/>
                  </a:cubicBezTo>
                  <a:cubicBezTo>
                    <a:pt x="23209" y="8697"/>
                    <a:pt x="23159" y="8772"/>
                    <a:pt x="23109" y="8772"/>
                  </a:cubicBezTo>
                  <a:cubicBezTo>
                    <a:pt x="23109" y="8822"/>
                    <a:pt x="22983" y="8872"/>
                    <a:pt x="22933" y="8872"/>
                  </a:cubicBezTo>
                  <a:cubicBezTo>
                    <a:pt x="22933" y="8998"/>
                    <a:pt x="22883" y="9148"/>
                    <a:pt x="22833" y="9148"/>
                  </a:cubicBezTo>
                  <a:cubicBezTo>
                    <a:pt x="22758" y="9273"/>
                    <a:pt x="22482" y="9273"/>
                    <a:pt x="22482" y="9273"/>
                  </a:cubicBezTo>
                  <a:cubicBezTo>
                    <a:pt x="22482" y="9273"/>
                    <a:pt x="22382" y="9499"/>
                    <a:pt x="22382" y="9549"/>
                  </a:cubicBezTo>
                  <a:cubicBezTo>
                    <a:pt x="22382" y="9674"/>
                    <a:pt x="22482" y="9774"/>
                    <a:pt x="22482" y="9900"/>
                  </a:cubicBezTo>
                  <a:cubicBezTo>
                    <a:pt x="22482" y="9950"/>
                    <a:pt x="22482" y="10000"/>
                    <a:pt x="22432" y="10050"/>
                  </a:cubicBezTo>
                  <a:cubicBezTo>
                    <a:pt x="22432" y="10100"/>
                    <a:pt x="22432" y="10176"/>
                    <a:pt x="22382" y="10176"/>
                  </a:cubicBezTo>
                  <a:cubicBezTo>
                    <a:pt x="22307" y="10276"/>
                    <a:pt x="22081" y="10401"/>
                    <a:pt x="21981" y="10451"/>
                  </a:cubicBezTo>
                  <a:cubicBezTo>
                    <a:pt x="21931" y="10501"/>
                    <a:pt x="21805" y="10627"/>
                    <a:pt x="21755" y="10677"/>
                  </a:cubicBezTo>
                  <a:cubicBezTo>
                    <a:pt x="21630" y="10727"/>
                    <a:pt x="21480" y="10727"/>
                    <a:pt x="21404" y="10777"/>
                  </a:cubicBezTo>
                  <a:cubicBezTo>
                    <a:pt x="21354" y="10852"/>
                    <a:pt x="21304" y="11078"/>
                    <a:pt x="21304" y="11128"/>
                  </a:cubicBezTo>
                  <a:cubicBezTo>
                    <a:pt x="21304" y="11228"/>
                    <a:pt x="21354" y="11404"/>
                    <a:pt x="21354" y="11529"/>
                  </a:cubicBezTo>
                  <a:cubicBezTo>
                    <a:pt x="21354" y="11579"/>
                    <a:pt x="21254" y="11679"/>
                    <a:pt x="21179" y="11754"/>
                  </a:cubicBezTo>
                  <a:cubicBezTo>
                    <a:pt x="21129" y="11805"/>
                    <a:pt x="21029" y="11754"/>
                    <a:pt x="20953" y="11805"/>
                  </a:cubicBezTo>
                  <a:cubicBezTo>
                    <a:pt x="20903" y="11855"/>
                    <a:pt x="20903" y="11980"/>
                    <a:pt x="20903" y="11980"/>
                  </a:cubicBezTo>
                  <a:cubicBezTo>
                    <a:pt x="20903" y="12080"/>
                    <a:pt x="21029" y="12256"/>
                    <a:pt x="21079" y="12356"/>
                  </a:cubicBezTo>
                  <a:cubicBezTo>
                    <a:pt x="21079" y="12406"/>
                    <a:pt x="21079" y="12632"/>
                    <a:pt x="21129" y="12757"/>
                  </a:cubicBezTo>
                  <a:cubicBezTo>
                    <a:pt x="21179" y="12807"/>
                    <a:pt x="21304" y="12932"/>
                    <a:pt x="21404" y="12983"/>
                  </a:cubicBezTo>
                  <a:cubicBezTo>
                    <a:pt x="21480" y="13033"/>
                    <a:pt x="21705" y="12983"/>
                    <a:pt x="21755" y="13033"/>
                  </a:cubicBezTo>
                  <a:cubicBezTo>
                    <a:pt x="21856" y="13083"/>
                    <a:pt x="22031" y="13258"/>
                    <a:pt x="22156" y="13308"/>
                  </a:cubicBezTo>
                  <a:cubicBezTo>
                    <a:pt x="22206" y="13434"/>
                    <a:pt x="22382" y="13709"/>
                    <a:pt x="22382" y="13835"/>
                  </a:cubicBezTo>
                  <a:cubicBezTo>
                    <a:pt x="22382" y="13935"/>
                    <a:pt x="22257" y="14110"/>
                    <a:pt x="22206" y="14160"/>
                  </a:cubicBezTo>
                  <a:cubicBezTo>
                    <a:pt x="22156" y="14211"/>
                    <a:pt x="21931" y="14286"/>
                    <a:pt x="21856" y="14336"/>
                  </a:cubicBezTo>
                  <a:cubicBezTo>
                    <a:pt x="21805" y="14386"/>
                    <a:pt x="21805" y="14612"/>
                    <a:pt x="21705" y="14662"/>
                  </a:cubicBezTo>
                  <a:cubicBezTo>
                    <a:pt x="21580" y="14787"/>
                    <a:pt x="21129" y="14612"/>
                    <a:pt x="21029" y="14712"/>
                  </a:cubicBezTo>
                  <a:cubicBezTo>
                    <a:pt x="20953" y="14787"/>
                    <a:pt x="20903" y="14937"/>
                    <a:pt x="20903" y="15063"/>
                  </a:cubicBezTo>
                  <a:cubicBezTo>
                    <a:pt x="20853" y="15113"/>
                    <a:pt x="20903" y="15389"/>
                    <a:pt x="20803" y="15464"/>
                  </a:cubicBezTo>
                  <a:cubicBezTo>
                    <a:pt x="20728" y="15564"/>
                    <a:pt x="20577" y="15689"/>
                    <a:pt x="20452" y="15689"/>
                  </a:cubicBezTo>
                  <a:cubicBezTo>
                    <a:pt x="20402" y="15689"/>
                    <a:pt x="20352" y="15564"/>
                    <a:pt x="20352" y="15564"/>
                  </a:cubicBezTo>
                  <a:cubicBezTo>
                    <a:pt x="20302" y="15514"/>
                    <a:pt x="20176" y="15514"/>
                    <a:pt x="20126" y="15514"/>
                  </a:cubicBezTo>
                  <a:cubicBezTo>
                    <a:pt x="20076" y="15514"/>
                    <a:pt x="19901" y="15739"/>
                    <a:pt x="19901" y="15790"/>
                  </a:cubicBezTo>
                  <a:cubicBezTo>
                    <a:pt x="19851" y="15915"/>
                    <a:pt x="19901" y="16191"/>
                    <a:pt x="19901" y="16291"/>
                  </a:cubicBezTo>
                  <a:cubicBezTo>
                    <a:pt x="19901" y="16416"/>
                    <a:pt x="19851" y="16642"/>
                    <a:pt x="19901" y="16742"/>
                  </a:cubicBezTo>
                  <a:cubicBezTo>
                    <a:pt x="19951" y="16817"/>
                    <a:pt x="20126" y="16917"/>
                    <a:pt x="20176" y="17043"/>
                  </a:cubicBezTo>
                  <a:cubicBezTo>
                    <a:pt x="20176" y="17093"/>
                    <a:pt x="20176" y="17243"/>
                    <a:pt x="20226" y="17318"/>
                  </a:cubicBezTo>
                  <a:cubicBezTo>
                    <a:pt x="20226" y="17369"/>
                    <a:pt x="20402" y="17469"/>
                    <a:pt x="20452" y="17594"/>
                  </a:cubicBezTo>
                  <a:cubicBezTo>
                    <a:pt x="20527" y="17694"/>
                    <a:pt x="20577" y="18045"/>
                    <a:pt x="20527" y="18221"/>
                  </a:cubicBezTo>
                  <a:cubicBezTo>
                    <a:pt x="20527" y="18271"/>
                    <a:pt x="20527" y="18446"/>
                    <a:pt x="20452" y="18496"/>
                  </a:cubicBezTo>
                  <a:cubicBezTo>
                    <a:pt x="20452" y="18597"/>
                    <a:pt x="20226" y="18722"/>
                    <a:pt x="20226" y="18772"/>
                  </a:cubicBezTo>
                  <a:cubicBezTo>
                    <a:pt x="20126" y="18897"/>
                    <a:pt x="20126" y="19223"/>
                    <a:pt x="20076" y="19348"/>
                  </a:cubicBezTo>
                  <a:cubicBezTo>
                    <a:pt x="20001" y="19348"/>
                    <a:pt x="19951" y="19449"/>
                    <a:pt x="19901" y="19499"/>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175" name="Google Shape;232;p16">
              <a:extLst>
                <a:ext uri="{FF2B5EF4-FFF2-40B4-BE49-F238E27FC236}">
                  <a16:creationId xmlns:a16="http://schemas.microsoft.com/office/drawing/2014/main" id="{592B597D-2F1F-3DC3-ED9A-82301F4B0A1D}"/>
                </a:ext>
              </a:extLst>
            </p:cNvPr>
            <p:cNvSpPr/>
            <p:nvPr/>
          </p:nvSpPr>
          <p:spPr>
            <a:xfrm>
              <a:off x="2016007" y="1957053"/>
              <a:ext cx="647763" cy="705816"/>
            </a:xfrm>
            <a:custGeom>
              <a:avLst/>
              <a:gdLst/>
              <a:ahLst/>
              <a:cxnLst/>
              <a:rect l="l" t="t" r="r" b="b"/>
              <a:pathLst>
                <a:path w="23209" h="25289" fill="none" extrusionOk="0">
                  <a:moveTo>
                    <a:pt x="19901" y="19499"/>
                  </a:moveTo>
                  <a:cubicBezTo>
                    <a:pt x="19851" y="19499"/>
                    <a:pt x="19775" y="19499"/>
                    <a:pt x="19775" y="19549"/>
                  </a:cubicBezTo>
                  <a:cubicBezTo>
                    <a:pt x="19675" y="19624"/>
                    <a:pt x="19399" y="19624"/>
                    <a:pt x="19274" y="19674"/>
                  </a:cubicBezTo>
                  <a:cubicBezTo>
                    <a:pt x="19174" y="19674"/>
                    <a:pt x="19049" y="19850"/>
                    <a:pt x="18998" y="19900"/>
                  </a:cubicBezTo>
                  <a:cubicBezTo>
                    <a:pt x="18948" y="20000"/>
                    <a:pt x="18823" y="20176"/>
                    <a:pt x="18823" y="20301"/>
                  </a:cubicBezTo>
                  <a:cubicBezTo>
                    <a:pt x="18823" y="20401"/>
                    <a:pt x="18948" y="20577"/>
                    <a:pt x="18998" y="20677"/>
                  </a:cubicBezTo>
                  <a:cubicBezTo>
                    <a:pt x="19049" y="20802"/>
                    <a:pt x="19224" y="20902"/>
                    <a:pt x="19274" y="20978"/>
                  </a:cubicBezTo>
                  <a:cubicBezTo>
                    <a:pt x="19324" y="21078"/>
                    <a:pt x="19399" y="21303"/>
                    <a:pt x="19399" y="21429"/>
                  </a:cubicBezTo>
                  <a:cubicBezTo>
                    <a:pt x="19399" y="21479"/>
                    <a:pt x="19274" y="21654"/>
                    <a:pt x="19224" y="21704"/>
                  </a:cubicBezTo>
                  <a:cubicBezTo>
                    <a:pt x="19174" y="21755"/>
                    <a:pt x="19049" y="21930"/>
                    <a:pt x="18998" y="21980"/>
                  </a:cubicBezTo>
                  <a:cubicBezTo>
                    <a:pt x="18948" y="22030"/>
                    <a:pt x="18773" y="22080"/>
                    <a:pt x="18723" y="22156"/>
                  </a:cubicBezTo>
                  <a:cubicBezTo>
                    <a:pt x="18723" y="22206"/>
                    <a:pt x="18648" y="22381"/>
                    <a:pt x="18648" y="22431"/>
                  </a:cubicBezTo>
                  <a:cubicBezTo>
                    <a:pt x="18648" y="22531"/>
                    <a:pt x="18773" y="22707"/>
                    <a:pt x="18723" y="22832"/>
                  </a:cubicBezTo>
                  <a:cubicBezTo>
                    <a:pt x="18723" y="22882"/>
                    <a:pt x="18597" y="22932"/>
                    <a:pt x="18547" y="22983"/>
                  </a:cubicBezTo>
                  <a:cubicBezTo>
                    <a:pt x="18497" y="23108"/>
                    <a:pt x="18372" y="23333"/>
                    <a:pt x="18422" y="23333"/>
                  </a:cubicBezTo>
                  <a:cubicBezTo>
                    <a:pt x="18372" y="23333"/>
                    <a:pt x="17971" y="23434"/>
                    <a:pt x="17820" y="23434"/>
                  </a:cubicBezTo>
                  <a:cubicBezTo>
                    <a:pt x="17695" y="23509"/>
                    <a:pt x="17470" y="23509"/>
                    <a:pt x="17419" y="23509"/>
                  </a:cubicBezTo>
                  <a:cubicBezTo>
                    <a:pt x="17294" y="23559"/>
                    <a:pt x="17144" y="23659"/>
                    <a:pt x="17144" y="23785"/>
                  </a:cubicBezTo>
                  <a:cubicBezTo>
                    <a:pt x="17144" y="23835"/>
                    <a:pt x="17194" y="24010"/>
                    <a:pt x="17244" y="24060"/>
                  </a:cubicBezTo>
                  <a:cubicBezTo>
                    <a:pt x="17369" y="24110"/>
                    <a:pt x="17520" y="24010"/>
                    <a:pt x="17645" y="24060"/>
                  </a:cubicBezTo>
                  <a:cubicBezTo>
                    <a:pt x="17695" y="24110"/>
                    <a:pt x="17871" y="24236"/>
                    <a:pt x="17871" y="24336"/>
                  </a:cubicBezTo>
                  <a:cubicBezTo>
                    <a:pt x="17921" y="24461"/>
                    <a:pt x="17820" y="24612"/>
                    <a:pt x="17745" y="24687"/>
                  </a:cubicBezTo>
                  <a:cubicBezTo>
                    <a:pt x="17695" y="24787"/>
                    <a:pt x="17520" y="24837"/>
                    <a:pt x="17419" y="24912"/>
                  </a:cubicBezTo>
                  <a:cubicBezTo>
                    <a:pt x="17369" y="24963"/>
                    <a:pt x="17194" y="24963"/>
                    <a:pt x="17069" y="24963"/>
                  </a:cubicBezTo>
                  <a:cubicBezTo>
                    <a:pt x="16968" y="25013"/>
                    <a:pt x="16743" y="25013"/>
                    <a:pt x="16693" y="25063"/>
                  </a:cubicBezTo>
                  <a:cubicBezTo>
                    <a:pt x="16617" y="25138"/>
                    <a:pt x="16567" y="25238"/>
                    <a:pt x="16467" y="25288"/>
                  </a:cubicBezTo>
                  <a:cubicBezTo>
                    <a:pt x="16292" y="25238"/>
                    <a:pt x="15941" y="25138"/>
                    <a:pt x="15841" y="25013"/>
                  </a:cubicBezTo>
                  <a:cubicBezTo>
                    <a:pt x="15615" y="24963"/>
                    <a:pt x="15214" y="24787"/>
                    <a:pt x="15038" y="24737"/>
                  </a:cubicBezTo>
                  <a:cubicBezTo>
                    <a:pt x="14888" y="24737"/>
                    <a:pt x="14537" y="24687"/>
                    <a:pt x="14362" y="24612"/>
                  </a:cubicBezTo>
                  <a:cubicBezTo>
                    <a:pt x="14312" y="24612"/>
                    <a:pt x="14262" y="24511"/>
                    <a:pt x="14211" y="24511"/>
                  </a:cubicBezTo>
                  <a:lnTo>
                    <a:pt x="13911" y="24511"/>
                  </a:lnTo>
                  <a:lnTo>
                    <a:pt x="13635" y="24511"/>
                  </a:lnTo>
                  <a:cubicBezTo>
                    <a:pt x="13585" y="24562"/>
                    <a:pt x="13535" y="24562"/>
                    <a:pt x="13460" y="24612"/>
                  </a:cubicBezTo>
                  <a:cubicBezTo>
                    <a:pt x="13460" y="24687"/>
                    <a:pt x="13535" y="24787"/>
                    <a:pt x="13535" y="24837"/>
                  </a:cubicBezTo>
                  <a:cubicBezTo>
                    <a:pt x="13535" y="24912"/>
                    <a:pt x="13460" y="24963"/>
                    <a:pt x="13409" y="25013"/>
                  </a:cubicBezTo>
                  <a:lnTo>
                    <a:pt x="13409" y="25188"/>
                  </a:lnTo>
                  <a:cubicBezTo>
                    <a:pt x="13359" y="25238"/>
                    <a:pt x="13134" y="25288"/>
                    <a:pt x="13084" y="25288"/>
                  </a:cubicBezTo>
                  <a:cubicBezTo>
                    <a:pt x="13008" y="25288"/>
                    <a:pt x="12908" y="25288"/>
                    <a:pt x="12908" y="25238"/>
                  </a:cubicBezTo>
                  <a:cubicBezTo>
                    <a:pt x="12858" y="25238"/>
                    <a:pt x="12908" y="25063"/>
                    <a:pt x="12908" y="25013"/>
                  </a:cubicBezTo>
                  <a:cubicBezTo>
                    <a:pt x="12858" y="24963"/>
                    <a:pt x="12733" y="24837"/>
                    <a:pt x="12632" y="24787"/>
                  </a:cubicBezTo>
                  <a:cubicBezTo>
                    <a:pt x="12582" y="24787"/>
                    <a:pt x="12407" y="24837"/>
                    <a:pt x="12357" y="24787"/>
                  </a:cubicBezTo>
                  <a:cubicBezTo>
                    <a:pt x="12357" y="24787"/>
                    <a:pt x="12282" y="24687"/>
                    <a:pt x="12282" y="24612"/>
                  </a:cubicBezTo>
                  <a:cubicBezTo>
                    <a:pt x="12282" y="24562"/>
                    <a:pt x="12357" y="24386"/>
                    <a:pt x="12357" y="24286"/>
                  </a:cubicBezTo>
                  <a:cubicBezTo>
                    <a:pt x="12407" y="24286"/>
                    <a:pt x="12457" y="24186"/>
                    <a:pt x="12507" y="24110"/>
                  </a:cubicBezTo>
                  <a:cubicBezTo>
                    <a:pt x="12582" y="24110"/>
                    <a:pt x="12733" y="24110"/>
                    <a:pt x="12808" y="24186"/>
                  </a:cubicBezTo>
                  <a:cubicBezTo>
                    <a:pt x="12858" y="24186"/>
                    <a:pt x="13008" y="24236"/>
                    <a:pt x="13084" y="24186"/>
                  </a:cubicBezTo>
                  <a:cubicBezTo>
                    <a:pt x="13134" y="24186"/>
                    <a:pt x="13184" y="23960"/>
                    <a:pt x="13184" y="23885"/>
                  </a:cubicBezTo>
                  <a:cubicBezTo>
                    <a:pt x="13234" y="23785"/>
                    <a:pt x="13309" y="23559"/>
                    <a:pt x="13234" y="23384"/>
                  </a:cubicBezTo>
                  <a:cubicBezTo>
                    <a:pt x="13234" y="23333"/>
                    <a:pt x="13134" y="23208"/>
                    <a:pt x="13134" y="23108"/>
                  </a:cubicBezTo>
                  <a:cubicBezTo>
                    <a:pt x="13134" y="23058"/>
                    <a:pt x="13134" y="22882"/>
                    <a:pt x="13084" y="22832"/>
                  </a:cubicBezTo>
                  <a:cubicBezTo>
                    <a:pt x="13084" y="22757"/>
                    <a:pt x="12908" y="22832"/>
                    <a:pt x="12858" y="22832"/>
                  </a:cubicBezTo>
                  <a:cubicBezTo>
                    <a:pt x="12858" y="22832"/>
                    <a:pt x="12808" y="22932"/>
                    <a:pt x="12733" y="22932"/>
                  </a:cubicBezTo>
                  <a:cubicBezTo>
                    <a:pt x="12683" y="22932"/>
                    <a:pt x="12683" y="22707"/>
                    <a:pt x="12632" y="22657"/>
                  </a:cubicBezTo>
                  <a:cubicBezTo>
                    <a:pt x="12582" y="22607"/>
                    <a:pt x="12507" y="22381"/>
                    <a:pt x="12457" y="22306"/>
                  </a:cubicBezTo>
                  <a:cubicBezTo>
                    <a:pt x="12407" y="22256"/>
                    <a:pt x="12357" y="22256"/>
                    <a:pt x="12282" y="22206"/>
                  </a:cubicBezTo>
                  <a:cubicBezTo>
                    <a:pt x="12282" y="22156"/>
                    <a:pt x="12407" y="22030"/>
                    <a:pt x="12357" y="21980"/>
                  </a:cubicBezTo>
                  <a:cubicBezTo>
                    <a:pt x="12357" y="21930"/>
                    <a:pt x="12181" y="21855"/>
                    <a:pt x="12056" y="21855"/>
                  </a:cubicBezTo>
                  <a:cubicBezTo>
                    <a:pt x="11956" y="21805"/>
                    <a:pt x="11680" y="21805"/>
                    <a:pt x="11555" y="21704"/>
                  </a:cubicBezTo>
                  <a:cubicBezTo>
                    <a:pt x="11505" y="21579"/>
                    <a:pt x="11555" y="21203"/>
                    <a:pt x="11455" y="21078"/>
                  </a:cubicBezTo>
                  <a:cubicBezTo>
                    <a:pt x="11379" y="20902"/>
                    <a:pt x="11104" y="20577"/>
                    <a:pt x="10928" y="20451"/>
                  </a:cubicBezTo>
                  <a:cubicBezTo>
                    <a:pt x="10778" y="20401"/>
                    <a:pt x="10427" y="20401"/>
                    <a:pt x="10327" y="20351"/>
                  </a:cubicBezTo>
                  <a:cubicBezTo>
                    <a:pt x="10201" y="20351"/>
                    <a:pt x="10101" y="20301"/>
                    <a:pt x="10026" y="20226"/>
                  </a:cubicBezTo>
                  <a:cubicBezTo>
                    <a:pt x="9976" y="20226"/>
                    <a:pt x="9876" y="20301"/>
                    <a:pt x="9800" y="20301"/>
                  </a:cubicBezTo>
                  <a:cubicBezTo>
                    <a:pt x="9700" y="20226"/>
                    <a:pt x="9525" y="20125"/>
                    <a:pt x="9424" y="20075"/>
                  </a:cubicBezTo>
                  <a:cubicBezTo>
                    <a:pt x="9349" y="20000"/>
                    <a:pt x="9249" y="19900"/>
                    <a:pt x="9249" y="19850"/>
                  </a:cubicBezTo>
                  <a:lnTo>
                    <a:pt x="9249" y="19674"/>
                  </a:lnTo>
                  <a:cubicBezTo>
                    <a:pt x="9299" y="19624"/>
                    <a:pt x="9424" y="19549"/>
                    <a:pt x="9475" y="19499"/>
                  </a:cubicBezTo>
                  <a:cubicBezTo>
                    <a:pt x="9525" y="19449"/>
                    <a:pt x="9525" y="19273"/>
                    <a:pt x="9525" y="19173"/>
                  </a:cubicBezTo>
                  <a:cubicBezTo>
                    <a:pt x="9575" y="19123"/>
                    <a:pt x="9475" y="18998"/>
                    <a:pt x="9475" y="18947"/>
                  </a:cubicBezTo>
                  <a:cubicBezTo>
                    <a:pt x="9475" y="18822"/>
                    <a:pt x="9575" y="18722"/>
                    <a:pt x="9575" y="18672"/>
                  </a:cubicBezTo>
                  <a:cubicBezTo>
                    <a:pt x="9525" y="18597"/>
                    <a:pt x="9475" y="18496"/>
                    <a:pt x="9424" y="18446"/>
                  </a:cubicBezTo>
                  <a:cubicBezTo>
                    <a:pt x="9299" y="18321"/>
                    <a:pt x="9023" y="18221"/>
                    <a:pt x="8848" y="18145"/>
                  </a:cubicBezTo>
                  <a:cubicBezTo>
                    <a:pt x="8798" y="18095"/>
                    <a:pt x="8572" y="18095"/>
                    <a:pt x="8522" y="18045"/>
                  </a:cubicBezTo>
                  <a:cubicBezTo>
                    <a:pt x="8397" y="18045"/>
                    <a:pt x="8221" y="18145"/>
                    <a:pt x="8121" y="18145"/>
                  </a:cubicBezTo>
                  <a:cubicBezTo>
                    <a:pt x="8071" y="18095"/>
                    <a:pt x="7896" y="17920"/>
                    <a:pt x="7770" y="17995"/>
                  </a:cubicBezTo>
                  <a:cubicBezTo>
                    <a:pt x="7720" y="17995"/>
                    <a:pt x="7720" y="18095"/>
                    <a:pt x="7670" y="18145"/>
                  </a:cubicBezTo>
                  <a:cubicBezTo>
                    <a:pt x="7670" y="18221"/>
                    <a:pt x="7720" y="18321"/>
                    <a:pt x="7670" y="18371"/>
                  </a:cubicBezTo>
                  <a:cubicBezTo>
                    <a:pt x="7670" y="18371"/>
                    <a:pt x="7545" y="18496"/>
                    <a:pt x="7495" y="18496"/>
                  </a:cubicBezTo>
                  <a:cubicBezTo>
                    <a:pt x="7444" y="18496"/>
                    <a:pt x="7269" y="18371"/>
                    <a:pt x="7219" y="18321"/>
                  </a:cubicBezTo>
                  <a:cubicBezTo>
                    <a:pt x="7169" y="18271"/>
                    <a:pt x="7043" y="18145"/>
                    <a:pt x="7043" y="18095"/>
                  </a:cubicBezTo>
                  <a:cubicBezTo>
                    <a:pt x="6993" y="18045"/>
                    <a:pt x="6943" y="17920"/>
                    <a:pt x="6943" y="17820"/>
                  </a:cubicBezTo>
                  <a:cubicBezTo>
                    <a:pt x="6993" y="17770"/>
                    <a:pt x="7043" y="17594"/>
                    <a:pt x="7094" y="17594"/>
                  </a:cubicBezTo>
                  <a:cubicBezTo>
                    <a:pt x="7094" y="17544"/>
                    <a:pt x="7219" y="17594"/>
                    <a:pt x="7219" y="17594"/>
                  </a:cubicBezTo>
                  <a:cubicBezTo>
                    <a:pt x="7269" y="17469"/>
                    <a:pt x="7219" y="17318"/>
                    <a:pt x="7219" y="17193"/>
                  </a:cubicBezTo>
                  <a:cubicBezTo>
                    <a:pt x="7219" y="17143"/>
                    <a:pt x="7319" y="16968"/>
                    <a:pt x="7319" y="16917"/>
                  </a:cubicBezTo>
                  <a:cubicBezTo>
                    <a:pt x="7394" y="16867"/>
                    <a:pt x="7444" y="16742"/>
                    <a:pt x="7444" y="16692"/>
                  </a:cubicBezTo>
                  <a:cubicBezTo>
                    <a:pt x="7495" y="16516"/>
                    <a:pt x="7444" y="16140"/>
                    <a:pt x="7444" y="15965"/>
                  </a:cubicBezTo>
                  <a:cubicBezTo>
                    <a:pt x="7444" y="15739"/>
                    <a:pt x="7444" y="15288"/>
                    <a:pt x="7394" y="15063"/>
                  </a:cubicBezTo>
                  <a:cubicBezTo>
                    <a:pt x="7394" y="15013"/>
                    <a:pt x="7319" y="14887"/>
                    <a:pt x="7269" y="14837"/>
                  </a:cubicBezTo>
                  <a:lnTo>
                    <a:pt x="7269" y="14436"/>
                  </a:lnTo>
                  <a:cubicBezTo>
                    <a:pt x="7269" y="14386"/>
                    <a:pt x="7094" y="14211"/>
                    <a:pt x="7043" y="14160"/>
                  </a:cubicBezTo>
                  <a:cubicBezTo>
                    <a:pt x="7043" y="14110"/>
                    <a:pt x="6993" y="13935"/>
                    <a:pt x="6943" y="13885"/>
                  </a:cubicBezTo>
                  <a:cubicBezTo>
                    <a:pt x="6943" y="13835"/>
                    <a:pt x="6818" y="13709"/>
                    <a:pt x="6768" y="13659"/>
                  </a:cubicBezTo>
                  <a:cubicBezTo>
                    <a:pt x="6718" y="13659"/>
                    <a:pt x="6718" y="13609"/>
                    <a:pt x="6642" y="13534"/>
                  </a:cubicBezTo>
                  <a:cubicBezTo>
                    <a:pt x="6642" y="13484"/>
                    <a:pt x="6718" y="13258"/>
                    <a:pt x="6642" y="13158"/>
                  </a:cubicBezTo>
                  <a:cubicBezTo>
                    <a:pt x="6642" y="13033"/>
                    <a:pt x="6492" y="12857"/>
                    <a:pt x="6417" y="12757"/>
                  </a:cubicBezTo>
                  <a:cubicBezTo>
                    <a:pt x="6317" y="12582"/>
                    <a:pt x="6141" y="12306"/>
                    <a:pt x="6041" y="12130"/>
                  </a:cubicBezTo>
                  <a:cubicBezTo>
                    <a:pt x="5966" y="12080"/>
                    <a:pt x="5815" y="12030"/>
                    <a:pt x="5690" y="11980"/>
                  </a:cubicBezTo>
                  <a:cubicBezTo>
                    <a:pt x="5640" y="11905"/>
                    <a:pt x="5590" y="11754"/>
                    <a:pt x="5590" y="11679"/>
                  </a:cubicBezTo>
                  <a:cubicBezTo>
                    <a:pt x="5515" y="11629"/>
                    <a:pt x="5515" y="11404"/>
                    <a:pt x="5465" y="11353"/>
                  </a:cubicBezTo>
                  <a:cubicBezTo>
                    <a:pt x="5465" y="11303"/>
                    <a:pt x="5364" y="11178"/>
                    <a:pt x="5289" y="11128"/>
                  </a:cubicBezTo>
                  <a:cubicBezTo>
                    <a:pt x="5239" y="11078"/>
                    <a:pt x="5239" y="10952"/>
                    <a:pt x="5239" y="10852"/>
                  </a:cubicBezTo>
                  <a:cubicBezTo>
                    <a:pt x="5239" y="10777"/>
                    <a:pt x="5364" y="10727"/>
                    <a:pt x="5364" y="10677"/>
                  </a:cubicBezTo>
                  <a:cubicBezTo>
                    <a:pt x="5414" y="10627"/>
                    <a:pt x="5364" y="10501"/>
                    <a:pt x="5364" y="10451"/>
                  </a:cubicBezTo>
                  <a:cubicBezTo>
                    <a:pt x="5414" y="10401"/>
                    <a:pt x="5414" y="10226"/>
                    <a:pt x="5414" y="10100"/>
                  </a:cubicBezTo>
                  <a:cubicBezTo>
                    <a:pt x="5414" y="10000"/>
                    <a:pt x="5414" y="9825"/>
                    <a:pt x="5364" y="9724"/>
                  </a:cubicBezTo>
                  <a:cubicBezTo>
                    <a:pt x="5289" y="9674"/>
                    <a:pt x="5139" y="9599"/>
                    <a:pt x="5139" y="9549"/>
                  </a:cubicBezTo>
                  <a:cubicBezTo>
                    <a:pt x="5089" y="9499"/>
                    <a:pt x="4963" y="9323"/>
                    <a:pt x="4963" y="9273"/>
                  </a:cubicBezTo>
                  <a:cubicBezTo>
                    <a:pt x="4913" y="9148"/>
                    <a:pt x="5013" y="8872"/>
                    <a:pt x="5013" y="8772"/>
                  </a:cubicBezTo>
                  <a:lnTo>
                    <a:pt x="5013" y="8321"/>
                  </a:lnTo>
                  <a:cubicBezTo>
                    <a:pt x="5013" y="8196"/>
                    <a:pt x="4913" y="7970"/>
                    <a:pt x="4863" y="7870"/>
                  </a:cubicBezTo>
                  <a:cubicBezTo>
                    <a:pt x="4863" y="7795"/>
                    <a:pt x="4913" y="7644"/>
                    <a:pt x="4913" y="7569"/>
                  </a:cubicBezTo>
                  <a:lnTo>
                    <a:pt x="4913" y="7193"/>
                  </a:lnTo>
                  <a:cubicBezTo>
                    <a:pt x="4863" y="7068"/>
                    <a:pt x="4688" y="6792"/>
                    <a:pt x="4637" y="6692"/>
                  </a:cubicBezTo>
                  <a:cubicBezTo>
                    <a:pt x="4562" y="6566"/>
                    <a:pt x="4512" y="6241"/>
                    <a:pt x="4462" y="6115"/>
                  </a:cubicBezTo>
                  <a:cubicBezTo>
                    <a:pt x="4412" y="6065"/>
                    <a:pt x="4287" y="5940"/>
                    <a:pt x="4287" y="5890"/>
                  </a:cubicBezTo>
                  <a:cubicBezTo>
                    <a:pt x="4236" y="5890"/>
                    <a:pt x="4111" y="5790"/>
                    <a:pt x="4111" y="5714"/>
                  </a:cubicBezTo>
                  <a:cubicBezTo>
                    <a:pt x="4061" y="5664"/>
                    <a:pt x="3961" y="5489"/>
                    <a:pt x="3886" y="5439"/>
                  </a:cubicBezTo>
                  <a:cubicBezTo>
                    <a:pt x="3835" y="5389"/>
                    <a:pt x="3660" y="5389"/>
                    <a:pt x="3610" y="5338"/>
                  </a:cubicBezTo>
                  <a:cubicBezTo>
                    <a:pt x="3510" y="5263"/>
                    <a:pt x="3334" y="5163"/>
                    <a:pt x="3284" y="5113"/>
                  </a:cubicBezTo>
                  <a:cubicBezTo>
                    <a:pt x="3284" y="5113"/>
                    <a:pt x="3209" y="5113"/>
                    <a:pt x="3209" y="5063"/>
                  </a:cubicBezTo>
                  <a:lnTo>
                    <a:pt x="3209" y="4887"/>
                  </a:lnTo>
                  <a:cubicBezTo>
                    <a:pt x="3209" y="4712"/>
                    <a:pt x="3159" y="4386"/>
                    <a:pt x="3109" y="4211"/>
                  </a:cubicBezTo>
                  <a:cubicBezTo>
                    <a:pt x="3058" y="4085"/>
                    <a:pt x="2833" y="3935"/>
                    <a:pt x="2708" y="3860"/>
                  </a:cubicBezTo>
                  <a:cubicBezTo>
                    <a:pt x="2657" y="3810"/>
                    <a:pt x="2432" y="3759"/>
                    <a:pt x="2307" y="3709"/>
                  </a:cubicBezTo>
                  <a:cubicBezTo>
                    <a:pt x="2206" y="3634"/>
                    <a:pt x="1981" y="3484"/>
                    <a:pt x="1855" y="3409"/>
                  </a:cubicBezTo>
                  <a:cubicBezTo>
                    <a:pt x="1805" y="3308"/>
                    <a:pt x="1705" y="3133"/>
                    <a:pt x="1580" y="3083"/>
                  </a:cubicBezTo>
                  <a:cubicBezTo>
                    <a:pt x="1530" y="3033"/>
                    <a:pt x="1354" y="2957"/>
                    <a:pt x="1304" y="2857"/>
                  </a:cubicBezTo>
                  <a:cubicBezTo>
                    <a:pt x="1179" y="2732"/>
                    <a:pt x="1129" y="2406"/>
                    <a:pt x="1079" y="2306"/>
                  </a:cubicBezTo>
                  <a:cubicBezTo>
                    <a:pt x="1028" y="2180"/>
                    <a:pt x="903" y="1905"/>
                    <a:pt x="853" y="1779"/>
                  </a:cubicBezTo>
                  <a:cubicBezTo>
                    <a:pt x="728" y="1729"/>
                    <a:pt x="502" y="1679"/>
                    <a:pt x="452" y="1629"/>
                  </a:cubicBezTo>
                  <a:cubicBezTo>
                    <a:pt x="352" y="1554"/>
                    <a:pt x="226" y="1404"/>
                    <a:pt x="126" y="1278"/>
                  </a:cubicBezTo>
                  <a:cubicBezTo>
                    <a:pt x="126" y="1278"/>
                    <a:pt x="51" y="1228"/>
                    <a:pt x="1" y="1103"/>
                  </a:cubicBezTo>
                  <a:cubicBezTo>
                    <a:pt x="126" y="1103"/>
                    <a:pt x="277" y="1103"/>
                    <a:pt x="402" y="1053"/>
                  </a:cubicBezTo>
                  <a:cubicBezTo>
                    <a:pt x="452" y="1053"/>
                    <a:pt x="627" y="952"/>
                    <a:pt x="678" y="877"/>
                  </a:cubicBezTo>
                  <a:cubicBezTo>
                    <a:pt x="678" y="827"/>
                    <a:pt x="803" y="777"/>
                    <a:pt x="803" y="727"/>
                  </a:cubicBezTo>
                  <a:cubicBezTo>
                    <a:pt x="853" y="602"/>
                    <a:pt x="853" y="426"/>
                    <a:pt x="903" y="326"/>
                  </a:cubicBezTo>
                  <a:cubicBezTo>
                    <a:pt x="953" y="276"/>
                    <a:pt x="1129" y="100"/>
                    <a:pt x="1254" y="50"/>
                  </a:cubicBezTo>
                  <a:cubicBezTo>
                    <a:pt x="1304" y="0"/>
                    <a:pt x="1530" y="0"/>
                    <a:pt x="1630" y="50"/>
                  </a:cubicBezTo>
                  <a:cubicBezTo>
                    <a:pt x="1705" y="50"/>
                    <a:pt x="1805" y="150"/>
                    <a:pt x="1855" y="201"/>
                  </a:cubicBezTo>
                  <a:cubicBezTo>
                    <a:pt x="1931" y="276"/>
                    <a:pt x="2156" y="276"/>
                    <a:pt x="2256" y="326"/>
                  </a:cubicBezTo>
                  <a:cubicBezTo>
                    <a:pt x="2307" y="326"/>
                    <a:pt x="2482" y="276"/>
                    <a:pt x="2607" y="276"/>
                  </a:cubicBezTo>
                  <a:cubicBezTo>
                    <a:pt x="2657" y="326"/>
                    <a:pt x="2758" y="426"/>
                    <a:pt x="2758" y="501"/>
                  </a:cubicBezTo>
                  <a:cubicBezTo>
                    <a:pt x="2833" y="602"/>
                    <a:pt x="2758" y="877"/>
                    <a:pt x="2758" y="1003"/>
                  </a:cubicBezTo>
                  <a:cubicBezTo>
                    <a:pt x="2833" y="1053"/>
                    <a:pt x="2883" y="1178"/>
                    <a:pt x="2933" y="1228"/>
                  </a:cubicBezTo>
                  <a:cubicBezTo>
                    <a:pt x="3058" y="1328"/>
                    <a:pt x="3334" y="1454"/>
                    <a:pt x="3510" y="1454"/>
                  </a:cubicBezTo>
                  <a:cubicBezTo>
                    <a:pt x="3660" y="1504"/>
                    <a:pt x="3961" y="1454"/>
                    <a:pt x="4111" y="1504"/>
                  </a:cubicBezTo>
                  <a:cubicBezTo>
                    <a:pt x="4236" y="1554"/>
                    <a:pt x="4462" y="1679"/>
                    <a:pt x="4562" y="1729"/>
                  </a:cubicBezTo>
                  <a:cubicBezTo>
                    <a:pt x="4688" y="1855"/>
                    <a:pt x="4863" y="2080"/>
                    <a:pt x="4913" y="2231"/>
                  </a:cubicBezTo>
                  <a:cubicBezTo>
                    <a:pt x="4963" y="2306"/>
                    <a:pt x="4963" y="2531"/>
                    <a:pt x="5089" y="2581"/>
                  </a:cubicBezTo>
                  <a:cubicBezTo>
                    <a:pt x="5139" y="2682"/>
                    <a:pt x="5289" y="2807"/>
                    <a:pt x="5364" y="2732"/>
                  </a:cubicBezTo>
                  <a:cubicBezTo>
                    <a:pt x="5465" y="2732"/>
                    <a:pt x="5515" y="2456"/>
                    <a:pt x="5515" y="2356"/>
                  </a:cubicBezTo>
                  <a:cubicBezTo>
                    <a:pt x="5515" y="2356"/>
                    <a:pt x="5465" y="2231"/>
                    <a:pt x="5465" y="2180"/>
                  </a:cubicBezTo>
                  <a:cubicBezTo>
                    <a:pt x="5465" y="2130"/>
                    <a:pt x="5515" y="2005"/>
                    <a:pt x="5515" y="2005"/>
                  </a:cubicBezTo>
                  <a:cubicBezTo>
                    <a:pt x="5640" y="2005"/>
                    <a:pt x="5690" y="2231"/>
                    <a:pt x="5740" y="2306"/>
                  </a:cubicBezTo>
                  <a:cubicBezTo>
                    <a:pt x="5815" y="2356"/>
                    <a:pt x="5815" y="2581"/>
                    <a:pt x="5916" y="2632"/>
                  </a:cubicBezTo>
                  <a:cubicBezTo>
                    <a:pt x="5966" y="2682"/>
                    <a:pt x="6267" y="2732"/>
                    <a:pt x="6367" y="2807"/>
                  </a:cubicBezTo>
                  <a:cubicBezTo>
                    <a:pt x="6542" y="2857"/>
                    <a:pt x="6818" y="3033"/>
                    <a:pt x="6943" y="3133"/>
                  </a:cubicBezTo>
                  <a:cubicBezTo>
                    <a:pt x="7043" y="3258"/>
                    <a:pt x="7094" y="3534"/>
                    <a:pt x="7269" y="3634"/>
                  </a:cubicBezTo>
                  <a:cubicBezTo>
                    <a:pt x="7319" y="3709"/>
                    <a:pt x="7545" y="3709"/>
                    <a:pt x="7670" y="3759"/>
                  </a:cubicBezTo>
                  <a:cubicBezTo>
                    <a:pt x="7770" y="3810"/>
                    <a:pt x="7996" y="4035"/>
                    <a:pt x="8171" y="4035"/>
                  </a:cubicBezTo>
                  <a:cubicBezTo>
                    <a:pt x="8297" y="4035"/>
                    <a:pt x="8522" y="3985"/>
                    <a:pt x="8622" y="3935"/>
                  </a:cubicBezTo>
                  <a:cubicBezTo>
                    <a:pt x="8673" y="3860"/>
                    <a:pt x="8798" y="3709"/>
                    <a:pt x="8848" y="3634"/>
                  </a:cubicBezTo>
                  <a:cubicBezTo>
                    <a:pt x="8973" y="3634"/>
                    <a:pt x="9199" y="3584"/>
                    <a:pt x="9299" y="3584"/>
                  </a:cubicBezTo>
                  <a:cubicBezTo>
                    <a:pt x="9424" y="3634"/>
                    <a:pt x="9650" y="3759"/>
                    <a:pt x="9750" y="3810"/>
                  </a:cubicBezTo>
                  <a:cubicBezTo>
                    <a:pt x="9876" y="3935"/>
                    <a:pt x="10101" y="4261"/>
                    <a:pt x="10252" y="4311"/>
                  </a:cubicBezTo>
                  <a:cubicBezTo>
                    <a:pt x="10377" y="4386"/>
                    <a:pt x="10602" y="4436"/>
                    <a:pt x="10653" y="4436"/>
                  </a:cubicBezTo>
                  <a:cubicBezTo>
                    <a:pt x="10778" y="4436"/>
                    <a:pt x="10878" y="4311"/>
                    <a:pt x="10928" y="4261"/>
                  </a:cubicBezTo>
                  <a:cubicBezTo>
                    <a:pt x="11054" y="4211"/>
                    <a:pt x="11054" y="3985"/>
                    <a:pt x="11104" y="3935"/>
                  </a:cubicBezTo>
                  <a:cubicBezTo>
                    <a:pt x="11154" y="3860"/>
                    <a:pt x="11329" y="3810"/>
                    <a:pt x="11379" y="3810"/>
                  </a:cubicBezTo>
                  <a:cubicBezTo>
                    <a:pt x="11505" y="3860"/>
                    <a:pt x="11605" y="3935"/>
                    <a:pt x="11680" y="3985"/>
                  </a:cubicBezTo>
                  <a:cubicBezTo>
                    <a:pt x="11780" y="4035"/>
                    <a:pt x="11906" y="4211"/>
                    <a:pt x="11956" y="4261"/>
                  </a:cubicBezTo>
                  <a:cubicBezTo>
                    <a:pt x="12006" y="4311"/>
                    <a:pt x="12181" y="4436"/>
                    <a:pt x="12282" y="4436"/>
                  </a:cubicBezTo>
                  <a:cubicBezTo>
                    <a:pt x="12407" y="4436"/>
                    <a:pt x="12582" y="4386"/>
                    <a:pt x="12683" y="4386"/>
                  </a:cubicBezTo>
                  <a:lnTo>
                    <a:pt x="13134" y="4386"/>
                  </a:lnTo>
                  <a:cubicBezTo>
                    <a:pt x="13234" y="4386"/>
                    <a:pt x="13409" y="4486"/>
                    <a:pt x="13535" y="4436"/>
                  </a:cubicBezTo>
                  <a:cubicBezTo>
                    <a:pt x="13585" y="4436"/>
                    <a:pt x="13685" y="4261"/>
                    <a:pt x="13685" y="4211"/>
                  </a:cubicBezTo>
                  <a:cubicBezTo>
                    <a:pt x="13685" y="4160"/>
                    <a:pt x="13535" y="3985"/>
                    <a:pt x="13535" y="3935"/>
                  </a:cubicBezTo>
                  <a:cubicBezTo>
                    <a:pt x="13535" y="3810"/>
                    <a:pt x="13585" y="3634"/>
                    <a:pt x="13635" y="3584"/>
                  </a:cubicBezTo>
                  <a:cubicBezTo>
                    <a:pt x="13685" y="3584"/>
                    <a:pt x="13861" y="3534"/>
                    <a:pt x="13861" y="3484"/>
                  </a:cubicBezTo>
                  <a:cubicBezTo>
                    <a:pt x="13911" y="3409"/>
                    <a:pt x="13911" y="3258"/>
                    <a:pt x="13911" y="3183"/>
                  </a:cubicBezTo>
                  <a:cubicBezTo>
                    <a:pt x="14036" y="3133"/>
                    <a:pt x="14211" y="3083"/>
                    <a:pt x="14312" y="3083"/>
                  </a:cubicBezTo>
                  <a:cubicBezTo>
                    <a:pt x="14362" y="3033"/>
                    <a:pt x="14663" y="3083"/>
                    <a:pt x="14713" y="3033"/>
                  </a:cubicBezTo>
                  <a:cubicBezTo>
                    <a:pt x="14763" y="2957"/>
                    <a:pt x="14813" y="2807"/>
                    <a:pt x="14888" y="2732"/>
                  </a:cubicBezTo>
                  <a:cubicBezTo>
                    <a:pt x="14988" y="2632"/>
                    <a:pt x="15339" y="2581"/>
                    <a:pt x="15439" y="2632"/>
                  </a:cubicBezTo>
                  <a:cubicBezTo>
                    <a:pt x="15490" y="2632"/>
                    <a:pt x="15665" y="2732"/>
                    <a:pt x="15665" y="2807"/>
                  </a:cubicBezTo>
                  <a:cubicBezTo>
                    <a:pt x="15715" y="2857"/>
                    <a:pt x="15615" y="3033"/>
                    <a:pt x="15615" y="3133"/>
                  </a:cubicBezTo>
                  <a:cubicBezTo>
                    <a:pt x="15665" y="3183"/>
                    <a:pt x="15841" y="3308"/>
                    <a:pt x="15941" y="3308"/>
                  </a:cubicBezTo>
                  <a:cubicBezTo>
                    <a:pt x="16016" y="3358"/>
                    <a:pt x="16166" y="3358"/>
                    <a:pt x="16292" y="3358"/>
                  </a:cubicBezTo>
                  <a:cubicBezTo>
                    <a:pt x="16392" y="3358"/>
                    <a:pt x="16567" y="3358"/>
                    <a:pt x="16693" y="3409"/>
                  </a:cubicBezTo>
                  <a:cubicBezTo>
                    <a:pt x="16743" y="3484"/>
                    <a:pt x="16918" y="3634"/>
                    <a:pt x="16968" y="3759"/>
                  </a:cubicBezTo>
                  <a:cubicBezTo>
                    <a:pt x="17018" y="3810"/>
                    <a:pt x="17018" y="4035"/>
                    <a:pt x="17069" y="4160"/>
                  </a:cubicBezTo>
                  <a:cubicBezTo>
                    <a:pt x="17194" y="4211"/>
                    <a:pt x="17369" y="4261"/>
                    <a:pt x="17419" y="4211"/>
                  </a:cubicBezTo>
                  <a:cubicBezTo>
                    <a:pt x="17470" y="4211"/>
                    <a:pt x="17470" y="4035"/>
                    <a:pt x="17520" y="3985"/>
                  </a:cubicBezTo>
                  <a:cubicBezTo>
                    <a:pt x="17595" y="3985"/>
                    <a:pt x="17695" y="3935"/>
                    <a:pt x="17745" y="3935"/>
                  </a:cubicBezTo>
                  <a:cubicBezTo>
                    <a:pt x="17820" y="3935"/>
                    <a:pt x="17921" y="3985"/>
                    <a:pt x="17971" y="3985"/>
                  </a:cubicBezTo>
                  <a:cubicBezTo>
                    <a:pt x="18046" y="4035"/>
                    <a:pt x="18146" y="4160"/>
                    <a:pt x="18146" y="4211"/>
                  </a:cubicBezTo>
                  <a:cubicBezTo>
                    <a:pt x="18196" y="4261"/>
                    <a:pt x="18196" y="4386"/>
                    <a:pt x="18146" y="4436"/>
                  </a:cubicBezTo>
                  <a:cubicBezTo>
                    <a:pt x="18146" y="4486"/>
                    <a:pt x="17971" y="4536"/>
                    <a:pt x="17921" y="4612"/>
                  </a:cubicBezTo>
                  <a:cubicBezTo>
                    <a:pt x="17871" y="4712"/>
                    <a:pt x="17745" y="4887"/>
                    <a:pt x="17695" y="4988"/>
                  </a:cubicBezTo>
                  <a:cubicBezTo>
                    <a:pt x="17645" y="5113"/>
                    <a:pt x="17645" y="5338"/>
                    <a:pt x="17595" y="5389"/>
                  </a:cubicBezTo>
                  <a:cubicBezTo>
                    <a:pt x="17520" y="5439"/>
                    <a:pt x="17369" y="5439"/>
                    <a:pt x="17294" y="5489"/>
                  </a:cubicBezTo>
                  <a:cubicBezTo>
                    <a:pt x="17244" y="5564"/>
                    <a:pt x="17244" y="5664"/>
                    <a:pt x="17294" y="5790"/>
                  </a:cubicBezTo>
                  <a:cubicBezTo>
                    <a:pt x="17294" y="5840"/>
                    <a:pt x="17419" y="6015"/>
                    <a:pt x="17470" y="6065"/>
                  </a:cubicBezTo>
                  <a:cubicBezTo>
                    <a:pt x="17595" y="6115"/>
                    <a:pt x="17820" y="6241"/>
                    <a:pt x="17921" y="6341"/>
                  </a:cubicBezTo>
                  <a:cubicBezTo>
                    <a:pt x="17971" y="6391"/>
                    <a:pt x="18146" y="6617"/>
                    <a:pt x="18196" y="6742"/>
                  </a:cubicBezTo>
                  <a:cubicBezTo>
                    <a:pt x="18272" y="6842"/>
                    <a:pt x="18372" y="7193"/>
                    <a:pt x="18422" y="7293"/>
                  </a:cubicBezTo>
                  <a:cubicBezTo>
                    <a:pt x="18497" y="7419"/>
                    <a:pt x="18723" y="7519"/>
                    <a:pt x="18773" y="7569"/>
                  </a:cubicBezTo>
                  <a:cubicBezTo>
                    <a:pt x="18873" y="7644"/>
                    <a:pt x="19049" y="7644"/>
                    <a:pt x="19174" y="7569"/>
                  </a:cubicBezTo>
                  <a:cubicBezTo>
                    <a:pt x="19224" y="7569"/>
                    <a:pt x="19450" y="7519"/>
                    <a:pt x="19500" y="7519"/>
                  </a:cubicBezTo>
                  <a:cubicBezTo>
                    <a:pt x="19675" y="7519"/>
                    <a:pt x="19951" y="7519"/>
                    <a:pt x="20001" y="7644"/>
                  </a:cubicBezTo>
                  <a:cubicBezTo>
                    <a:pt x="20126" y="7694"/>
                    <a:pt x="20076" y="7970"/>
                    <a:pt x="20126" y="8020"/>
                  </a:cubicBezTo>
                  <a:cubicBezTo>
                    <a:pt x="20226" y="8095"/>
                    <a:pt x="20402" y="8095"/>
                    <a:pt x="20527" y="8145"/>
                  </a:cubicBezTo>
                  <a:cubicBezTo>
                    <a:pt x="20577" y="8145"/>
                    <a:pt x="20728" y="8246"/>
                    <a:pt x="20803" y="8246"/>
                  </a:cubicBezTo>
                  <a:cubicBezTo>
                    <a:pt x="20903" y="8321"/>
                    <a:pt x="21079" y="8246"/>
                    <a:pt x="21179" y="8196"/>
                  </a:cubicBezTo>
                  <a:cubicBezTo>
                    <a:pt x="21254" y="8196"/>
                    <a:pt x="21304" y="8020"/>
                    <a:pt x="21354" y="8020"/>
                  </a:cubicBezTo>
                  <a:cubicBezTo>
                    <a:pt x="21404" y="8020"/>
                    <a:pt x="21480" y="8020"/>
                    <a:pt x="21530" y="8095"/>
                  </a:cubicBezTo>
                  <a:cubicBezTo>
                    <a:pt x="21580" y="8145"/>
                    <a:pt x="21630" y="8145"/>
                    <a:pt x="21705" y="8196"/>
                  </a:cubicBezTo>
                  <a:cubicBezTo>
                    <a:pt x="21755" y="8196"/>
                    <a:pt x="21931" y="8145"/>
                    <a:pt x="21981" y="8145"/>
                  </a:cubicBezTo>
                  <a:cubicBezTo>
                    <a:pt x="22031" y="8095"/>
                    <a:pt x="22031" y="8020"/>
                    <a:pt x="22081" y="7970"/>
                  </a:cubicBezTo>
                  <a:lnTo>
                    <a:pt x="22432" y="7970"/>
                  </a:lnTo>
                  <a:cubicBezTo>
                    <a:pt x="22482" y="7970"/>
                    <a:pt x="22607" y="8020"/>
                    <a:pt x="22658" y="8095"/>
                  </a:cubicBezTo>
                  <a:cubicBezTo>
                    <a:pt x="22708" y="8095"/>
                    <a:pt x="22833" y="8196"/>
                    <a:pt x="22883" y="8196"/>
                  </a:cubicBezTo>
                  <a:cubicBezTo>
                    <a:pt x="22883" y="8246"/>
                    <a:pt x="22983" y="8321"/>
                    <a:pt x="23059" y="8371"/>
                  </a:cubicBezTo>
                  <a:cubicBezTo>
                    <a:pt x="23109" y="8421"/>
                    <a:pt x="23209" y="8546"/>
                    <a:pt x="23209" y="8647"/>
                  </a:cubicBezTo>
                  <a:cubicBezTo>
                    <a:pt x="23209" y="8697"/>
                    <a:pt x="23159" y="8772"/>
                    <a:pt x="23109" y="8772"/>
                  </a:cubicBezTo>
                  <a:cubicBezTo>
                    <a:pt x="23109" y="8822"/>
                    <a:pt x="22983" y="8872"/>
                    <a:pt x="22933" y="8872"/>
                  </a:cubicBezTo>
                  <a:cubicBezTo>
                    <a:pt x="22933" y="8998"/>
                    <a:pt x="22883" y="9148"/>
                    <a:pt x="22833" y="9148"/>
                  </a:cubicBezTo>
                  <a:cubicBezTo>
                    <a:pt x="22758" y="9273"/>
                    <a:pt x="22482" y="9273"/>
                    <a:pt x="22482" y="9273"/>
                  </a:cubicBezTo>
                  <a:cubicBezTo>
                    <a:pt x="22482" y="9273"/>
                    <a:pt x="22382" y="9499"/>
                    <a:pt x="22382" y="9549"/>
                  </a:cubicBezTo>
                  <a:cubicBezTo>
                    <a:pt x="22382" y="9674"/>
                    <a:pt x="22482" y="9774"/>
                    <a:pt x="22482" y="9900"/>
                  </a:cubicBezTo>
                  <a:cubicBezTo>
                    <a:pt x="22482" y="9950"/>
                    <a:pt x="22482" y="10000"/>
                    <a:pt x="22432" y="10050"/>
                  </a:cubicBezTo>
                  <a:cubicBezTo>
                    <a:pt x="22432" y="10100"/>
                    <a:pt x="22432" y="10176"/>
                    <a:pt x="22382" y="10176"/>
                  </a:cubicBezTo>
                  <a:cubicBezTo>
                    <a:pt x="22307" y="10276"/>
                    <a:pt x="22081" y="10401"/>
                    <a:pt x="21981" y="10451"/>
                  </a:cubicBezTo>
                  <a:cubicBezTo>
                    <a:pt x="21931" y="10501"/>
                    <a:pt x="21805" y="10627"/>
                    <a:pt x="21755" y="10677"/>
                  </a:cubicBezTo>
                  <a:cubicBezTo>
                    <a:pt x="21630" y="10727"/>
                    <a:pt x="21480" y="10727"/>
                    <a:pt x="21404" y="10777"/>
                  </a:cubicBezTo>
                  <a:cubicBezTo>
                    <a:pt x="21354" y="10852"/>
                    <a:pt x="21304" y="11078"/>
                    <a:pt x="21304" y="11128"/>
                  </a:cubicBezTo>
                  <a:cubicBezTo>
                    <a:pt x="21304" y="11228"/>
                    <a:pt x="21354" y="11404"/>
                    <a:pt x="21354" y="11529"/>
                  </a:cubicBezTo>
                  <a:cubicBezTo>
                    <a:pt x="21354" y="11579"/>
                    <a:pt x="21254" y="11679"/>
                    <a:pt x="21179" y="11754"/>
                  </a:cubicBezTo>
                  <a:cubicBezTo>
                    <a:pt x="21129" y="11805"/>
                    <a:pt x="21029" y="11754"/>
                    <a:pt x="20953" y="11805"/>
                  </a:cubicBezTo>
                  <a:cubicBezTo>
                    <a:pt x="20903" y="11855"/>
                    <a:pt x="20903" y="11980"/>
                    <a:pt x="20903" y="11980"/>
                  </a:cubicBezTo>
                  <a:cubicBezTo>
                    <a:pt x="20903" y="12080"/>
                    <a:pt x="21029" y="12256"/>
                    <a:pt x="21079" y="12356"/>
                  </a:cubicBezTo>
                  <a:cubicBezTo>
                    <a:pt x="21079" y="12406"/>
                    <a:pt x="21079" y="12632"/>
                    <a:pt x="21129" y="12757"/>
                  </a:cubicBezTo>
                  <a:cubicBezTo>
                    <a:pt x="21179" y="12807"/>
                    <a:pt x="21304" y="12932"/>
                    <a:pt x="21404" y="12983"/>
                  </a:cubicBezTo>
                  <a:cubicBezTo>
                    <a:pt x="21480" y="13033"/>
                    <a:pt x="21705" y="12983"/>
                    <a:pt x="21755" y="13033"/>
                  </a:cubicBezTo>
                  <a:cubicBezTo>
                    <a:pt x="21856" y="13083"/>
                    <a:pt x="22031" y="13258"/>
                    <a:pt x="22156" y="13308"/>
                  </a:cubicBezTo>
                  <a:cubicBezTo>
                    <a:pt x="22206" y="13434"/>
                    <a:pt x="22382" y="13709"/>
                    <a:pt x="22382" y="13835"/>
                  </a:cubicBezTo>
                  <a:cubicBezTo>
                    <a:pt x="22382" y="13935"/>
                    <a:pt x="22257" y="14110"/>
                    <a:pt x="22206" y="14160"/>
                  </a:cubicBezTo>
                  <a:cubicBezTo>
                    <a:pt x="22156" y="14211"/>
                    <a:pt x="21931" y="14286"/>
                    <a:pt x="21856" y="14336"/>
                  </a:cubicBezTo>
                  <a:cubicBezTo>
                    <a:pt x="21805" y="14386"/>
                    <a:pt x="21805" y="14612"/>
                    <a:pt x="21705" y="14662"/>
                  </a:cubicBezTo>
                  <a:cubicBezTo>
                    <a:pt x="21580" y="14787"/>
                    <a:pt x="21129" y="14612"/>
                    <a:pt x="21029" y="14712"/>
                  </a:cubicBezTo>
                  <a:cubicBezTo>
                    <a:pt x="20953" y="14787"/>
                    <a:pt x="20903" y="14937"/>
                    <a:pt x="20903" y="15063"/>
                  </a:cubicBezTo>
                  <a:cubicBezTo>
                    <a:pt x="20853" y="15113"/>
                    <a:pt x="20903" y="15389"/>
                    <a:pt x="20803" y="15464"/>
                  </a:cubicBezTo>
                  <a:cubicBezTo>
                    <a:pt x="20728" y="15564"/>
                    <a:pt x="20577" y="15689"/>
                    <a:pt x="20452" y="15689"/>
                  </a:cubicBezTo>
                  <a:cubicBezTo>
                    <a:pt x="20402" y="15689"/>
                    <a:pt x="20352" y="15564"/>
                    <a:pt x="20352" y="15564"/>
                  </a:cubicBezTo>
                  <a:cubicBezTo>
                    <a:pt x="20302" y="15514"/>
                    <a:pt x="20176" y="15514"/>
                    <a:pt x="20126" y="15514"/>
                  </a:cubicBezTo>
                  <a:cubicBezTo>
                    <a:pt x="20076" y="15514"/>
                    <a:pt x="19901" y="15739"/>
                    <a:pt x="19901" y="15790"/>
                  </a:cubicBezTo>
                  <a:cubicBezTo>
                    <a:pt x="19851" y="15915"/>
                    <a:pt x="19901" y="16191"/>
                    <a:pt x="19901" y="16291"/>
                  </a:cubicBezTo>
                  <a:cubicBezTo>
                    <a:pt x="19901" y="16416"/>
                    <a:pt x="19851" y="16642"/>
                    <a:pt x="19901" y="16742"/>
                  </a:cubicBezTo>
                  <a:cubicBezTo>
                    <a:pt x="19951" y="16817"/>
                    <a:pt x="20126" y="16917"/>
                    <a:pt x="20176" y="17043"/>
                  </a:cubicBezTo>
                  <a:cubicBezTo>
                    <a:pt x="20176" y="17093"/>
                    <a:pt x="20176" y="17243"/>
                    <a:pt x="20226" y="17318"/>
                  </a:cubicBezTo>
                  <a:cubicBezTo>
                    <a:pt x="20226" y="17369"/>
                    <a:pt x="20402" y="17469"/>
                    <a:pt x="20452" y="17594"/>
                  </a:cubicBezTo>
                  <a:cubicBezTo>
                    <a:pt x="20527" y="17694"/>
                    <a:pt x="20577" y="18045"/>
                    <a:pt x="20527" y="18221"/>
                  </a:cubicBezTo>
                  <a:cubicBezTo>
                    <a:pt x="20527" y="18271"/>
                    <a:pt x="20527" y="18446"/>
                    <a:pt x="20452" y="18496"/>
                  </a:cubicBezTo>
                  <a:cubicBezTo>
                    <a:pt x="20452" y="18597"/>
                    <a:pt x="20226" y="18722"/>
                    <a:pt x="20226" y="18772"/>
                  </a:cubicBezTo>
                  <a:cubicBezTo>
                    <a:pt x="20126" y="18897"/>
                    <a:pt x="20126" y="19223"/>
                    <a:pt x="20076" y="19348"/>
                  </a:cubicBezTo>
                  <a:cubicBezTo>
                    <a:pt x="20001" y="19348"/>
                    <a:pt x="19951" y="19449"/>
                    <a:pt x="19901" y="19499"/>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176" name="Google Shape;233;p16">
              <a:extLst>
                <a:ext uri="{FF2B5EF4-FFF2-40B4-BE49-F238E27FC236}">
                  <a16:creationId xmlns:a16="http://schemas.microsoft.com/office/drawing/2014/main" id="{786B3BE5-4DF2-37B5-7EAB-C553ADFF924E}"/>
                </a:ext>
              </a:extLst>
            </p:cNvPr>
            <p:cNvSpPr/>
            <p:nvPr/>
          </p:nvSpPr>
          <p:spPr>
            <a:xfrm>
              <a:off x="2016007" y="1957388"/>
              <a:ext cx="647763" cy="705481"/>
            </a:xfrm>
            <a:custGeom>
              <a:avLst/>
              <a:gdLst/>
              <a:ahLst/>
              <a:cxnLst/>
              <a:rect l="l" t="t" r="r" b="b"/>
              <a:pathLst>
                <a:path w="23209" h="25277" extrusionOk="0">
                  <a:moveTo>
                    <a:pt x="1423" y="1"/>
                  </a:moveTo>
                  <a:cubicBezTo>
                    <a:pt x="1348" y="1"/>
                    <a:pt x="1279" y="13"/>
                    <a:pt x="1254" y="38"/>
                  </a:cubicBezTo>
                  <a:cubicBezTo>
                    <a:pt x="1129" y="88"/>
                    <a:pt x="953" y="264"/>
                    <a:pt x="903" y="314"/>
                  </a:cubicBezTo>
                  <a:cubicBezTo>
                    <a:pt x="853" y="414"/>
                    <a:pt x="853" y="590"/>
                    <a:pt x="803" y="715"/>
                  </a:cubicBezTo>
                  <a:cubicBezTo>
                    <a:pt x="803" y="765"/>
                    <a:pt x="678" y="815"/>
                    <a:pt x="678" y="865"/>
                  </a:cubicBezTo>
                  <a:cubicBezTo>
                    <a:pt x="627" y="940"/>
                    <a:pt x="452" y="1041"/>
                    <a:pt x="402" y="1041"/>
                  </a:cubicBezTo>
                  <a:cubicBezTo>
                    <a:pt x="277" y="1091"/>
                    <a:pt x="126" y="1091"/>
                    <a:pt x="1" y="1091"/>
                  </a:cubicBezTo>
                  <a:cubicBezTo>
                    <a:pt x="51" y="1216"/>
                    <a:pt x="126" y="1266"/>
                    <a:pt x="126" y="1266"/>
                  </a:cubicBezTo>
                  <a:cubicBezTo>
                    <a:pt x="226" y="1392"/>
                    <a:pt x="352" y="1542"/>
                    <a:pt x="452" y="1617"/>
                  </a:cubicBezTo>
                  <a:cubicBezTo>
                    <a:pt x="502" y="1667"/>
                    <a:pt x="728" y="1717"/>
                    <a:pt x="853" y="1767"/>
                  </a:cubicBezTo>
                  <a:cubicBezTo>
                    <a:pt x="903" y="1893"/>
                    <a:pt x="1028" y="2168"/>
                    <a:pt x="1079" y="2294"/>
                  </a:cubicBezTo>
                  <a:cubicBezTo>
                    <a:pt x="1129" y="2394"/>
                    <a:pt x="1179" y="2720"/>
                    <a:pt x="1304" y="2845"/>
                  </a:cubicBezTo>
                  <a:cubicBezTo>
                    <a:pt x="1354" y="2945"/>
                    <a:pt x="1530" y="3021"/>
                    <a:pt x="1580" y="3071"/>
                  </a:cubicBezTo>
                  <a:cubicBezTo>
                    <a:pt x="1705" y="3121"/>
                    <a:pt x="1805" y="3296"/>
                    <a:pt x="1855" y="3397"/>
                  </a:cubicBezTo>
                  <a:cubicBezTo>
                    <a:pt x="1981" y="3472"/>
                    <a:pt x="2206" y="3622"/>
                    <a:pt x="2307" y="3697"/>
                  </a:cubicBezTo>
                  <a:cubicBezTo>
                    <a:pt x="2432" y="3747"/>
                    <a:pt x="2657" y="3798"/>
                    <a:pt x="2708" y="3848"/>
                  </a:cubicBezTo>
                  <a:cubicBezTo>
                    <a:pt x="2833" y="3923"/>
                    <a:pt x="3058" y="4073"/>
                    <a:pt x="3109" y="4199"/>
                  </a:cubicBezTo>
                  <a:cubicBezTo>
                    <a:pt x="3159" y="4374"/>
                    <a:pt x="3209" y="4700"/>
                    <a:pt x="3209" y="4875"/>
                  </a:cubicBezTo>
                  <a:lnTo>
                    <a:pt x="3209" y="5051"/>
                  </a:lnTo>
                  <a:cubicBezTo>
                    <a:pt x="3209" y="5101"/>
                    <a:pt x="3284" y="5101"/>
                    <a:pt x="3284" y="5101"/>
                  </a:cubicBezTo>
                  <a:cubicBezTo>
                    <a:pt x="3334" y="5151"/>
                    <a:pt x="3510" y="5251"/>
                    <a:pt x="3610" y="5326"/>
                  </a:cubicBezTo>
                  <a:cubicBezTo>
                    <a:pt x="3660" y="5377"/>
                    <a:pt x="3835" y="5377"/>
                    <a:pt x="3886" y="5427"/>
                  </a:cubicBezTo>
                  <a:cubicBezTo>
                    <a:pt x="3961" y="5477"/>
                    <a:pt x="4061" y="5652"/>
                    <a:pt x="4111" y="5702"/>
                  </a:cubicBezTo>
                  <a:cubicBezTo>
                    <a:pt x="4111" y="5778"/>
                    <a:pt x="4236" y="5878"/>
                    <a:pt x="4287" y="5878"/>
                  </a:cubicBezTo>
                  <a:cubicBezTo>
                    <a:pt x="4287" y="5928"/>
                    <a:pt x="4412" y="6053"/>
                    <a:pt x="4462" y="6103"/>
                  </a:cubicBezTo>
                  <a:cubicBezTo>
                    <a:pt x="4512" y="6229"/>
                    <a:pt x="4562" y="6554"/>
                    <a:pt x="4637" y="6680"/>
                  </a:cubicBezTo>
                  <a:cubicBezTo>
                    <a:pt x="4688" y="6780"/>
                    <a:pt x="4863" y="7056"/>
                    <a:pt x="4913" y="7181"/>
                  </a:cubicBezTo>
                  <a:lnTo>
                    <a:pt x="4913" y="7557"/>
                  </a:lnTo>
                  <a:cubicBezTo>
                    <a:pt x="4913" y="7632"/>
                    <a:pt x="4863" y="7783"/>
                    <a:pt x="4863" y="7858"/>
                  </a:cubicBezTo>
                  <a:cubicBezTo>
                    <a:pt x="4913" y="7958"/>
                    <a:pt x="5013" y="8184"/>
                    <a:pt x="5013" y="8309"/>
                  </a:cubicBezTo>
                  <a:lnTo>
                    <a:pt x="5013" y="8760"/>
                  </a:lnTo>
                  <a:cubicBezTo>
                    <a:pt x="5013" y="8860"/>
                    <a:pt x="4913" y="9136"/>
                    <a:pt x="4963" y="9261"/>
                  </a:cubicBezTo>
                  <a:cubicBezTo>
                    <a:pt x="4963" y="9311"/>
                    <a:pt x="5089" y="9487"/>
                    <a:pt x="5139" y="9537"/>
                  </a:cubicBezTo>
                  <a:cubicBezTo>
                    <a:pt x="5139" y="9587"/>
                    <a:pt x="5289" y="9662"/>
                    <a:pt x="5364" y="9712"/>
                  </a:cubicBezTo>
                  <a:cubicBezTo>
                    <a:pt x="5414" y="9813"/>
                    <a:pt x="5414" y="9988"/>
                    <a:pt x="5414" y="10088"/>
                  </a:cubicBezTo>
                  <a:cubicBezTo>
                    <a:pt x="5414" y="10214"/>
                    <a:pt x="5414" y="10389"/>
                    <a:pt x="5364" y="10439"/>
                  </a:cubicBezTo>
                  <a:cubicBezTo>
                    <a:pt x="5364" y="10489"/>
                    <a:pt x="5414" y="10615"/>
                    <a:pt x="5364" y="10665"/>
                  </a:cubicBezTo>
                  <a:cubicBezTo>
                    <a:pt x="5364" y="10715"/>
                    <a:pt x="5239" y="10765"/>
                    <a:pt x="5239" y="10840"/>
                  </a:cubicBezTo>
                  <a:cubicBezTo>
                    <a:pt x="5239" y="10940"/>
                    <a:pt x="5239" y="11066"/>
                    <a:pt x="5289" y="11116"/>
                  </a:cubicBezTo>
                  <a:cubicBezTo>
                    <a:pt x="5364" y="11166"/>
                    <a:pt x="5465" y="11291"/>
                    <a:pt x="5465" y="11341"/>
                  </a:cubicBezTo>
                  <a:cubicBezTo>
                    <a:pt x="5515" y="11392"/>
                    <a:pt x="5515" y="11617"/>
                    <a:pt x="5590" y="11667"/>
                  </a:cubicBezTo>
                  <a:cubicBezTo>
                    <a:pt x="5590" y="11742"/>
                    <a:pt x="5640" y="11893"/>
                    <a:pt x="5690" y="11968"/>
                  </a:cubicBezTo>
                  <a:cubicBezTo>
                    <a:pt x="5815" y="12018"/>
                    <a:pt x="5966" y="12068"/>
                    <a:pt x="6041" y="12118"/>
                  </a:cubicBezTo>
                  <a:cubicBezTo>
                    <a:pt x="6141" y="12294"/>
                    <a:pt x="6317" y="12570"/>
                    <a:pt x="6417" y="12745"/>
                  </a:cubicBezTo>
                  <a:cubicBezTo>
                    <a:pt x="6492" y="12845"/>
                    <a:pt x="6642" y="13021"/>
                    <a:pt x="6642" y="13146"/>
                  </a:cubicBezTo>
                  <a:cubicBezTo>
                    <a:pt x="6718" y="13246"/>
                    <a:pt x="6642" y="13472"/>
                    <a:pt x="6642" y="13522"/>
                  </a:cubicBezTo>
                  <a:cubicBezTo>
                    <a:pt x="6718" y="13597"/>
                    <a:pt x="6718" y="13647"/>
                    <a:pt x="6768" y="13647"/>
                  </a:cubicBezTo>
                  <a:cubicBezTo>
                    <a:pt x="6818" y="13697"/>
                    <a:pt x="6943" y="13823"/>
                    <a:pt x="6943" y="13873"/>
                  </a:cubicBezTo>
                  <a:cubicBezTo>
                    <a:pt x="6993" y="13923"/>
                    <a:pt x="7043" y="14098"/>
                    <a:pt x="7043" y="14148"/>
                  </a:cubicBezTo>
                  <a:cubicBezTo>
                    <a:pt x="7094" y="14199"/>
                    <a:pt x="7269" y="14374"/>
                    <a:pt x="7269" y="14424"/>
                  </a:cubicBezTo>
                  <a:lnTo>
                    <a:pt x="7269" y="14825"/>
                  </a:lnTo>
                  <a:cubicBezTo>
                    <a:pt x="7319" y="14875"/>
                    <a:pt x="7394" y="15001"/>
                    <a:pt x="7394" y="15051"/>
                  </a:cubicBezTo>
                  <a:cubicBezTo>
                    <a:pt x="7444" y="15276"/>
                    <a:pt x="7444" y="15727"/>
                    <a:pt x="7444" y="15953"/>
                  </a:cubicBezTo>
                  <a:cubicBezTo>
                    <a:pt x="7444" y="16128"/>
                    <a:pt x="7495" y="16504"/>
                    <a:pt x="7444" y="16680"/>
                  </a:cubicBezTo>
                  <a:cubicBezTo>
                    <a:pt x="7444" y="16730"/>
                    <a:pt x="7394" y="16855"/>
                    <a:pt x="7319" y="16905"/>
                  </a:cubicBezTo>
                  <a:cubicBezTo>
                    <a:pt x="7319" y="16956"/>
                    <a:pt x="7219" y="17131"/>
                    <a:pt x="7219" y="17181"/>
                  </a:cubicBezTo>
                  <a:cubicBezTo>
                    <a:pt x="7219" y="17306"/>
                    <a:pt x="7269" y="17457"/>
                    <a:pt x="7219" y="17582"/>
                  </a:cubicBezTo>
                  <a:cubicBezTo>
                    <a:pt x="7219" y="17582"/>
                    <a:pt x="7163" y="17560"/>
                    <a:pt x="7126" y="17560"/>
                  </a:cubicBezTo>
                  <a:cubicBezTo>
                    <a:pt x="7108" y="17560"/>
                    <a:pt x="7094" y="17565"/>
                    <a:pt x="7094" y="17582"/>
                  </a:cubicBezTo>
                  <a:cubicBezTo>
                    <a:pt x="7043" y="17582"/>
                    <a:pt x="6993" y="17758"/>
                    <a:pt x="6943" y="17808"/>
                  </a:cubicBezTo>
                  <a:cubicBezTo>
                    <a:pt x="6943" y="17908"/>
                    <a:pt x="6993" y="18033"/>
                    <a:pt x="7043" y="18083"/>
                  </a:cubicBezTo>
                  <a:cubicBezTo>
                    <a:pt x="7043" y="18133"/>
                    <a:pt x="7169" y="18259"/>
                    <a:pt x="7219" y="18309"/>
                  </a:cubicBezTo>
                  <a:cubicBezTo>
                    <a:pt x="7269" y="18359"/>
                    <a:pt x="7444" y="18484"/>
                    <a:pt x="7495" y="18484"/>
                  </a:cubicBezTo>
                  <a:cubicBezTo>
                    <a:pt x="7545" y="18484"/>
                    <a:pt x="7670" y="18359"/>
                    <a:pt x="7670" y="18359"/>
                  </a:cubicBezTo>
                  <a:cubicBezTo>
                    <a:pt x="7720" y="18309"/>
                    <a:pt x="7670" y="18209"/>
                    <a:pt x="7670" y="18133"/>
                  </a:cubicBezTo>
                  <a:cubicBezTo>
                    <a:pt x="7720" y="18083"/>
                    <a:pt x="7720" y="17983"/>
                    <a:pt x="7770" y="17983"/>
                  </a:cubicBezTo>
                  <a:cubicBezTo>
                    <a:pt x="7792" y="17970"/>
                    <a:pt x="7815" y="17965"/>
                    <a:pt x="7839" y="17965"/>
                  </a:cubicBezTo>
                  <a:cubicBezTo>
                    <a:pt x="7952" y="17965"/>
                    <a:pt x="8080" y="18092"/>
                    <a:pt x="8121" y="18133"/>
                  </a:cubicBezTo>
                  <a:cubicBezTo>
                    <a:pt x="8221" y="18133"/>
                    <a:pt x="8397" y="18033"/>
                    <a:pt x="8522" y="18033"/>
                  </a:cubicBezTo>
                  <a:cubicBezTo>
                    <a:pt x="8572" y="18083"/>
                    <a:pt x="8798" y="18083"/>
                    <a:pt x="8848" y="18133"/>
                  </a:cubicBezTo>
                  <a:cubicBezTo>
                    <a:pt x="9023" y="18209"/>
                    <a:pt x="9299" y="18309"/>
                    <a:pt x="9424" y="18434"/>
                  </a:cubicBezTo>
                  <a:cubicBezTo>
                    <a:pt x="9475" y="18484"/>
                    <a:pt x="9525" y="18585"/>
                    <a:pt x="9575" y="18660"/>
                  </a:cubicBezTo>
                  <a:cubicBezTo>
                    <a:pt x="9575" y="18710"/>
                    <a:pt x="9475" y="18810"/>
                    <a:pt x="9475" y="18935"/>
                  </a:cubicBezTo>
                  <a:cubicBezTo>
                    <a:pt x="9475" y="18986"/>
                    <a:pt x="9575" y="19111"/>
                    <a:pt x="9525" y="19161"/>
                  </a:cubicBezTo>
                  <a:cubicBezTo>
                    <a:pt x="9525" y="19261"/>
                    <a:pt x="9525" y="19437"/>
                    <a:pt x="9475" y="19487"/>
                  </a:cubicBezTo>
                  <a:cubicBezTo>
                    <a:pt x="9424" y="19537"/>
                    <a:pt x="9299" y="19612"/>
                    <a:pt x="9249" y="19662"/>
                  </a:cubicBezTo>
                  <a:lnTo>
                    <a:pt x="9249" y="19838"/>
                  </a:lnTo>
                  <a:cubicBezTo>
                    <a:pt x="9249" y="19888"/>
                    <a:pt x="9349" y="19988"/>
                    <a:pt x="9424" y="20063"/>
                  </a:cubicBezTo>
                  <a:cubicBezTo>
                    <a:pt x="9525" y="20113"/>
                    <a:pt x="9700" y="20214"/>
                    <a:pt x="9800" y="20289"/>
                  </a:cubicBezTo>
                  <a:cubicBezTo>
                    <a:pt x="9876" y="20289"/>
                    <a:pt x="9976" y="20214"/>
                    <a:pt x="10026" y="20214"/>
                  </a:cubicBezTo>
                  <a:cubicBezTo>
                    <a:pt x="10101" y="20289"/>
                    <a:pt x="10201" y="20339"/>
                    <a:pt x="10327" y="20339"/>
                  </a:cubicBezTo>
                  <a:cubicBezTo>
                    <a:pt x="10427" y="20389"/>
                    <a:pt x="10778" y="20389"/>
                    <a:pt x="10928" y="20439"/>
                  </a:cubicBezTo>
                  <a:cubicBezTo>
                    <a:pt x="11104" y="20565"/>
                    <a:pt x="11379" y="20890"/>
                    <a:pt x="11455" y="21066"/>
                  </a:cubicBezTo>
                  <a:cubicBezTo>
                    <a:pt x="11555" y="21191"/>
                    <a:pt x="11505" y="21567"/>
                    <a:pt x="11555" y="21692"/>
                  </a:cubicBezTo>
                  <a:cubicBezTo>
                    <a:pt x="11680" y="21793"/>
                    <a:pt x="11956" y="21793"/>
                    <a:pt x="12056" y="21843"/>
                  </a:cubicBezTo>
                  <a:cubicBezTo>
                    <a:pt x="12181" y="21843"/>
                    <a:pt x="12357" y="21918"/>
                    <a:pt x="12357" y="21968"/>
                  </a:cubicBezTo>
                  <a:cubicBezTo>
                    <a:pt x="12407" y="22018"/>
                    <a:pt x="12282" y="22144"/>
                    <a:pt x="12282" y="22194"/>
                  </a:cubicBezTo>
                  <a:cubicBezTo>
                    <a:pt x="12357" y="22244"/>
                    <a:pt x="12407" y="22244"/>
                    <a:pt x="12457" y="22294"/>
                  </a:cubicBezTo>
                  <a:cubicBezTo>
                    <a:pt x="12507" y="22369"/>
                    <a:pt x="12582" y="22595"/>
                    <a:pt x="12632" y="22645"/>
                  </a:cubicBezTo>
                  <a:cubicBezTo>
                    <a:pt x="12683" y="22695"/>
                    <a:pt x="12683" y="22920"/>
                    <a:pt x="12733" y="22920"/>
                  </a:cubicBezTo>
                  <a:cubicBezTo>
                    <a:pt x="12808" y="22920"/>
                    <a:pt x="12858" y="22820"/>
                    <a:pt x="12858" y="22820"/>
                  </a:cubicBezTo>
                  <a:cubicBezTo>
                    <a:pt x="12891" y="22820"/>
                    <a:pt x="12981" y="22787"/>
                    <a:pt x="13036" y="22787"/>
                  </a:cubicBezTo>
                  <a:cubicBezTo>
                    <a:pt x="13064" y="22787"/>
                    <a:pt x="13084" y="22795"/>
                    <a:pt x="13084" y="22820"/>
                  </a:cubicBezTo>
                  <a:cubicBezTo>
                    <a:pt x="13134" y="22870"/>
                    <a:pt x="13134" y="23046"/>
                    <a:pt x="13134" y="23096"/>
                  </a:cubicBezTo>
                  <a:cubicBezTo>
                    <a:pt x="13134" y="23196"/>
                    <a:pt x="13234" y="23321"/>
                    <a:pt x="13234" y="23372"/>
                  </a:cubicBezTo>
                  <a:cubicBezTo>
                    <a:pt x="13309" y="23547"/>
                    <a:pt x="13234" y="23773"/>
                    <a:pt x="13184" y="23873"/>
                  </a:cubicBezTo>
                  <a:cubicBezTo>
                    <a:pt x="13184" y="23948"/>
                    <a:pt x="13134" y="24174"/>
                    <a:pt x="13084" y="24174"/>
                  </a:cubicBezTo>
                  <a:cubicBezTo>
                    <a:pt x="13059" y="24190"/>
                    <a:pt x="13025" y="24196"/>
                    <a:pt x="12990" y="24196"/>
                  </a:cubicBezTo>
                  <a:cubicBezTo>
                    <a:pt x="12919" y="24196"/>
                    <a:pt x="12841" y="24174"/>
                    <a:pt x="12808" y="24174"/>
                  </a:cubicBezTo>
                  <a:cubicBezTo>
                    <a:pt x="12733" y="24098"/>
                    <a:pt x="12582" y="24098"/>
                    <a:pt x="12507" y="24098"/>
                  </a:cubicBezTo>
                  <a:cubicBezTo>
                    <a:pt x="12457" y="24174"/>
                    <a:pt x="12407" y="24274"/>
                    <a:pt x="12357" y="24274"/>
                  </a:cubicBezTo>
                  <a:cubicBezTo>
                    <a:pt x="12357" y="24374"/>
                    <a:pt x="12282" y="24550"/>
                    <a:pt x="12282" y="24600"/>
                  </a:cubicBezTo>
                  <a:cubicBezTo>
                    <a:pt x="12282" y="24675"/>
                    <a:pt x="12357" y="24775"/>
                    <a:pt x="12357" y="24775"/>
                  </a:cubicBezTo>
                  <a:cubicBezTo>
                    <a:pt x="12373" y="24792"/>
                    <a:pt x="12404" y="24797"/>
                    <a:pt x="12439" y="24797"/>
                  </a:cubicBezTo>
                  <a:cubicBezTo>
                    <a:pt x="12510" y="24797"/>
                    <a:pt x="12599" y="24775"/>
                    <a:pt x="12632" y="24775"/>
                  </a:cubicBezTo>
                  <a:cubicBezTo>
                    <a:pt x="12733" y="24825"/>
                    <a:pt x="12858" y="24951"/>
                    <a:pt x="12908" y="25001"/>
                  </a:cubicBezTo>
                  <a:cubicBezTo>
                    <a:pt x="12908" y="25051"/>
                    <a:pt x="12858" y="25226"/>
                    <a:pt x="12908" y="25226"/>
                  </a:cubicBezTo>
                  <a:cubicBezTo>
                    <a:pt x="12908" y="25276"/>
                    <a:pt x="13008" y="25276"/>
                    <a:pt x="13084" y="25276"/>
                  </a:cubicBezTo>
                  <a:cubicBezTo>
                    <a:pt x="13134" y="25276"/>
                    <a:pt x="13359" y="25226"/>
                    <a:pt x="13409" y="25176"/>
                  </a:cubicBezTo>
                  <a:lnTo>
                    <a:pt x="13409" y="25001"/>
                  </a:lnTo>
                  <a:cubicBezTo>
                    <a:pt x="13460" y="24951"/>
                    <a:pt x="13535" y="24900"/>
                    <a:pt x="13535" y="24825"/>
                  </a:cubicBezTo>
                  <a:cubicBezTo>
                    <a:pt x="13535" y="24775"/>
                    <a:pt x="13460" y="24675"/>
                    <a:pt x="13460" y="24600"/>
                  </a:cubicBezTo>
                  <a:cubicBezTo>
                    <a:pt x="13535" y="24550"/>
                    <a:pt x="13585" y="24550"/>
                    <a:pt x="13635" y="24499"/>
                  </a:cubicBezTo>
                  <a:lnTo>
                    <a:pt x="14211" y="24499"/>
                  </a:lnTo>
                  <a:cubicBezTo>
                    <a:pt x="14262" y="24499"/>
                    <a:pt x="14312" y="24600"/>
                    <a:pt x="14362" y="24600"/>
                  </a:cubicBezTo>
                  <a:cubicBezTo>
                    <a:pt x="14537" y="24675"/>
                    <a:pt x="14888" y="24725"/>
                    <a:pt x="15038" y="24725"/>
                  </a:cubicBezTo>
                  <a:cubicBezTo>
                    <a:pt x="15214" y="24775"/>
                    <a:pt x="15615" y="24951"/>
                    <a:pt x="15841" y="25001"/>
                  </a:cubicBezTo>
                  <a:cubicBezTo>
                    <a:pt x="15941" y="25126"/>
                    <a:pt x="16292" y="25226"/>
                    <a:pt x="16467" y="25276"/>
                  </a:cubicBezTo>
                  <a:cubicBezTo>
                    <a:pt x="16567" y="25226"/>
                    <a:pt x="16617" y="25126"/>
                    <a:pt x="16693" y="25051"/>
                  </a:cubicBezTo>
                  <a:cubicBezTo>
                    <a:pt x="16743" y="25001"/>
                    <a:pt x="16968" y="25001"/>
                    <a:pt x="17069" y="24951"/>
                  </a:cubicBezTo>
                  <a:cubicBezTo>
                    <a:pt x="17194" y="24951"/>
                    <a:pt x="17369" y="24951"/>
                    <a:pt x="17419" y="24900"/>
                  </a:cubicBezTo>
                  <a:cubicBezTo>
                    <a:pt x="17520" y="24825"/>
                    <a:pt x="17695" y="24775"/>
                    <a:pt x="17745" y="24675"/>
                  </a:cubicBezTo>
                  <a:cubicBezTo>
                    <a:pt x="17820" y="24600"/>
                    <a:pt x="17921" y="24449"/>
                    <a:pt x="17871" y="24324"/>
                  </a:cubicBezTo>
                  <a:cubicBezTo>
                    <a:pt x="17871" y="24224"/>
                    <a:pt x="17695" y="24098"/>
                    <a:pt x="17645" y="24048"/>
                  </a:cubicBezTo>
                  <a:cubicBezTo>
                    <a:pt x="17619" y="24038"/>
                    <a:pt x="17591" y="24034"/>
                    <a:pt x="17563" y="24034"/>
                  </a:cubicBezTo>
                  <a:cubicBezTo>
                    <a:pt x="17486" y="24034"/>
                    <a:pt x="17404" y="24063"/>
                    <a:pt x="17326" y="24063"/>
                  </a:cubicBezTo>
                  <a:cubicBezTo>
                    <a:pt x="17298" y="24063"/>
                    <a:pt x="17271" y="24059"/>
                    <a:pt x="17244" y="24048"/>
                  </a:cubicBezTo>
                  <a:cubicBezTo>
                    <a:pt x="17194" y="23998"/>
                    <a:pt x="17144" y="23823"/>
                    <a:pt x="17144" y="23773"/>
                  </a:cubicBezTo>
                  <a:cubicBezTo>
                    <a:pt x="17144" y="23647"/>
                    <a:pt x="17294" y="23547"/>
                    <a:pt x="17419" y="23497"/>
                  </a:cubicBezTo>
                  <a:cubicBezTo>
                    <a:pt x="17470" y="23497"/>
                    <a:pt x="17695" y="23497"/>
                    <a:pt x="17820" y="23422"/>
                  </a:cubicBezTo>
                  <a:cubicBezTo>
                    <a:pt x="17971" y="23422"/>
                    <a:pt x="18372" y="23321"/>
                    <a:pt x="18422" y="23321"/>
                  </a:cubicBezTo>
                  <a:cubicBezTo>
                    <a:pt x="18372" y="23321"/>
                    <a:pt x="18497" y="23096"/>
                    <a:pt x="18547" y="22971"/>
                  </a:cubicBezTo>
                  <a:cubicBezTo>
                    <a:pt x="18597" y="22920"/>
                    <a:pt x="18723" y="22870"/>
                    <a:pt x="18723" y="22820"/>
                  </a:cubicBezTo>
                  <a:cubicBezTo>
                    <a:pt x="18773" y="22695"/>
                    <a:pt x="18648" y="22519"/>
                    <a:pt x="18648" y="22419"/>
                  </a:cubicBezTo>
                  <a:cubicBezTo>
                    <a:pt x="18648" y="22369"/>
                    <a:pt x="18723" y="22194"/>
                    <a:pt x="18723" y="22144"/>
                  </a:cubicBezTo>
                  <a:cubicBezTo>
                    <a:pt x="18773" y="22068"/>
                    <a:pt x="18948" y="22018"/>
                    <a:pt x="18998" y="21968"/>
                  </a:cubicBezTo>
                  <a:cubicBezTo>
                    <a:pt x="19049" y="21918"/>
                    <a:pt x="19174" y="21743"/>
                    <a:pt x="19224" y="21692"/>
                  </a:cubicBezTo>
                  <a:cubicBezTo>
                    <a:pt x="19274" y="21642"/>
                    <a:pt x="19399" y="21467"/>
                    <a:pt x="19399" y="21417"/>
                  </a:cubicBezTo>
                  <a:cubicBezTo>
                    <a:pt x="19399" y="21291"/>
                    <a:pt x="19324" y="21066"/>
                    <a:pt x="19274" y="20966"/>
                  </a:cubicBezTo>
                  <a:cubicBezTo>
                    <a:pt x="19224" y="20890"/>
                    <a:pt x="19049" y="20790"/>
                    <a:pt x="18998" y="20665"/>
                  </a:cubicBezTo>
                  <a:cubicBezTo>
                    <a:pt x="18948" y="20565"/>
                    <a:pt x="18823" y="20389"/>
                    <a:pt x="18823" y="20289"/>
                  </a:cubicBezTo>
                  <a:cubicBezTo>
                    <a:pt x="18823" y="20164"/>
                    <a:pt x="18948" y="19988"/>
                    <a:pt x="18998" y="19888"/>
                  </a:cubicBezTo>
                  <a:cubicBezTo>
                    <a:pt x="19049" y="19838"/>
                    <a:pt x="19174" y="19662"/>
                    <a:pt x="19274" y="19662"/>
                  </a:cubicBezTo>
                  <a:cubicBezTo>
                    <a:pt x="19399" y="19612"/>
                    <a:pt x="19675" y="19612"/>
                    <a:pt x="19775" y="19537"/>
                  </a:cubicBezTo>
                  <a:cubicBezTo>
                    <a:pt x="19775" y="19487"/>
                    <a:pt x="19851" y="19487"/>
                    <a:pt x="19901" y="19487"/>
                  </a:cubicBezTo>
                  <a:cubicBezTo>
                    <a:pt x="19951" y="19437"/>
                    <a:pt x="20001" y="19336"/>
                    <a:pt x="20076" y="19336"/>
                  </a:cubicBezTo>
                  <a:cubicBezTo>
                    <a:pt x="20126" y="19211"/>
                    <a:pt x="20126" y="18885"/>
                    <a:pt x="20226" y="18760"/>
                  </a:cubicBezTo>
                  <a:cubicBezTo>
                    <a:pt x="20226" y="18710"/>
                    <a:pt x="20452" y="18585"/>
                    <a:pt x="20452" y="18484"/>
                  </a:cubicBezTo>
                  <a:cubicBezTo>
                    <a:pt x="20527" y="18434"/>
                    <a:pt x="20527" y="18259"/>
                    <a:pt x="20527" y="18209"/>
                  </a:cubicBezTo>
                  <a:cubicBezTo>
                    <a:pt x="20577" y="18033"/>
                    <a:pt x="20527" y="17682"/>
                    <a:pt x="20452" y="17582"/>
                  </a:cubicBezTo>
                  <a:cubicBezTo>
                    <a:pt x="20402" y="17457"/>
                    <a:pt x="20226" y="17357"/>
                    <a:pt x="20226" y="17306"/>
                  </a:cubicBezTo>
                  <a:cubicBezTo>
                    <a:pt x="20176" y="17231"/>
                    <a:pt x="20176" y="17081"/>
                    <a:pt x="20176" y="17031"/>
                  </a:cubicBezTo>
                  <a:cubicBezTo>
                    <a:pt x="20126" y="16905"/>
                    <a:pt x="19951" y="16805"/>
                    <a:pt x="19901" y="16730"/>
                  </a:cubicBezTo>
                  <a:cubicBezTo>
                    <a:pt x="19851" y="16630"/>
                    <a:pt x="19901" y="16404"/>
                    <a:pt x="19901" y="16279"/>
                  </a:cubicBezTo>
                  <a:cubicBezTo>
                    <a:pt x="19901" y="16179"/>
                    <a:pt x="19851" y="15903"/>
                    <a:pt x="19901" y="15778"/>
                  </a:cubicBezTo>
                  <a:cubicBezTo>
                    <a:pt x="19901" y="15727"/>
                    <a:pt x="20076" y="15502"/>
                    <a:pt x="20126" y="15502"/>
                  </a:cubicBezTo>
                  <a:cubicBezTo>
                    <a:pt x="20176" y="15502"/>
                    <a:pt x="20302" y="15502"/>
                    <a:pt x="20352" y="15552"/>
                  </a:cubicBezTo>
                  <a:cubicBezTo>
                    <a:pt x="20352" y="15552"/>
                    <a:pt x="20402" y="15677"/>
                    <a:pt x="20452" y="15677"/>
                  </a:cubicBezTo>
                  <a:cubicBezTo>
                    <a:pt x="20577" y="15677"/>
                    <a:pt x="20728" y="15552"/>
                    <a:pt x="20803" y="15452"/>
                  </a:cubicBezTo>
                  <a:cubicBezTo>
                    <a:pt x="20903" y="15377"/>
                    <a:pt x="20853" y="15101"/>
                    <a:pt x="20903" y="15051"/>
                  </a:cubicBezTo>
                  <a:cubicBezTo>
                    <a:pt x="20903" y="14925"/>
                    <a:pt x="20953" y="14775"/>
                    <a:pt x="21029" y="14700"/>
                  </a:cubicBezTo>
                  <a:cubicBezTo>
                    <a:pt x="21053" y="14675"/>
                    <a:pt x="21098" y="14667"/>
                    <a:pt x="21155" y="14667"/>
                  </a:cubicBezTo>
                  <a:cubicBezTo>
                    <a:pt x="21263" y="14667"/>
                    <a:pt x="21412" y="14697"/>
                    <a:pt x="21532" y="14697"/>
                  </a:cubicBezTo>
                  <a:cubicBezTo>
                    <a:pt x="21606" y="14697"/>
                    <a:pt x="21669" y="14686"/>
                    <a:pt x="21705" y="14650"/>
                  </a:cubicBezTo>
                  <a:cubicBezTo>
                    <a:pt x="21805" y="14600"/>
                    <a:pt x="21805" y="14374"/>
                    <a:pt x="21856" y="14324"/>
                  </a:cubicBezTo>
                  <a:cubicBezTo>
                    <a:pt x="21931" y="14274"/>
                    <a:pt x="22156" y="14199"/>
                    <a:pt x="22206" y="14148"/>
                  </a:cubicBezTo>
                  <a:cubicBezTo>
                    <a:pt x="22257" y="14098"/>
                    <a:pt x="22382" y="13923"/>
                    <a:pt x="22382" y="13823"/>
                  </a:cubicBezTo>
                  <a:cubicBezTo>
                    <a:pt x="22382" y="13697"/>
                    <a:pt x="22206" y="13422"/>
                    <a:pt x="22156" y="13296"/>
                  </a:cubicBezTo>
                  <a:cubicBezTo>
                    <a:pt x="22031" y="13246"/>
                    <a:pt x="21856" y="13071"/>
                    <a:pt x="21755" y="13021"/>
                  </a:cubicBezTo>
                  <a:cubicBezTo>
                    <a:pt x="21730" y="12996"/>
                    <a:pt x="21661" y="12996"/>
                    <a:pt x="21589" y="12996"/>
                  </a:cubicBezTo>
                  <a:cubicBezTo>
                    <a:pt x="21517" y="12996"/>
                    <a:pt x="21442" y="12996"/>
                    <a:pt x="21404" y="12971"/>
                  </a:cubicBezTo>
                  <a:cubicBezTo>
                    <a:pt x="21304" y="12920"/>
                    <a:pt x="21179" y="12795"/>
                    <a:pt x="21129" y="12745"/>
                  </a:cubicBezTo>
                  <a:cubicBezTo>
                    <a:pt x="21079" y="12620"/>
                    <a:pt x="21079" y="12394"/>
                    <a:pt x="21079" y="12344"/>
                  </a:cubicBezTo>
                  <a:cubicBezTo>
                    <a:pt x="21029" y="12244"/>
                    <a:pt x="20903" y="12068"/>
                    <a:pt x="20903" y="11968"/>
                  </a:cubicBezTo>
                  <a:cubicBezTo>
                    <a:pt x="20903" y="11968"/>
                    <a:pt x="20903" y="11843"/>
                    <a:pt x="20953" y="11793"/>
                  </a:cubicBezTo>
                  <a:cubicBezTo>
                    <a:pt x="20991" y="11768"/>
                    <a:pt x="21035" y="11768"/>
                    <a:pt x="21075" y="11768"/>
                  </a:cubicBezTo>
                  <a:cubicBezTo>
                    <a:pt x="21116" y="11768"/>
                    <a:pt x="21154" y="11768"/>
                    <a:pt x="21179" y="11742"/>
                  </a:cubicBezTo>
                  <a:cubicBezTo>
                    <a:pt x="21254" y="11667"/>
                    <a:pt x="21354" y="11567"/>
                    <a:pt x="21354" y="11517"/>
                  </a:cubicBezTo>
                  <a:cubicBezTo>
                    <a:pt x="21354" y="11392"/>
                    <a:pt x="21304" y="11216"/>
                    <a:pt x="21304" y="11116"/>
                  </a:cubicBezTo>
                  <a:cubicBezTo>
                    <a:pt x="21304" y="11066"/>
                    <a:pt x="21354" y="10840"/>
                    <a:pt x="21404" y="10765"/>
                  </a:cubicBezTo>
                  <a:cubicBezTo>
                    <a:pt x="21480" y="10715"/>
                    <a:pt x="21630" y="10715"/>
                    <a:pt x="21755" y="10665"/>
                  </a:cubicBezTo>
                  <a:cubicBezTo>
                    <a:pt x="21805" y="10615"/>
                    <a:pt x="21931" y="10489"/>
                    <a:pt x="21981" y="10439"/>
                  </a:cubicBezTo>
                  <a:cubicBezTo>
                    <a:pt x="22081" y="10389"/>
                    <a:pt x="22307" y="10264"/>
                    <a:pt x="22382" y="10164"/>
                  </a:cubicBezTo>
                  <a:cubicBezTo>
                    <a:pt x="22432" y="10164"/>
                    <a:pt x="22432" y="10088"/>
                    <a:pt x="22432" y="10038"/>
                  </a:cubicBezTo>
                  <a:cubicBezTo>
                    <a:pt x="22482" y="9988"/>
                    <a:pt x="22482" y="9938"/>
                    <a:pt x="22482" y="9888"/>
                  </a:cubicBezTo>
                  <a:cubicBezTo>
                    <a:pt x="22482" y="9762"/>
                    <a:pt x="22382" y="9662"/>
                    <a:pt x="22382" y="9537"/>
                  </a:cubicBezTo>
                  <a:cubicBezTo>
                    <a:pt x="22382" y="9487"/>
                    <a:pt x="22482" y="9261"/>
                    <a:pt x="22482" y="9261"/>
                  </a:cubicBezTo>
                  <a:cubicBezTo>
                    <a:pt x="22482" y="9261"/>
                    <a:pt x="22758" y="9261"/>
                    <a:pt x="22833" y="9136"/>
                  </a:cubicBezTo>
                  <a:cubicBezTo>
                    <a:pt x="22883" y="9136"/>
                    <a:pt x="22933" y="8986"/>
                    <a:pt x="22933" y="8860"/>
                  </a:cubicBezTo>
                  <a:cubicBezTo>
                    <a:pt x="22983" y="8860"/>
                    <a:pt x="23109" y="8810"/>
                    <a:pt x="23109" y="8760"/>
                  </a:cubicBezTo>
                  <a:cubicBezTo>
                    <a:pt x="23159" y="8760"/>
                    <a:pt x="23209" y="8685"/>
                    <a:pt x="23209" y="8635"/>
                  </a:cubicBezTo>
                  <a:cubicBezTo>
                    <a:pt x="23209" y="8534"/>
                    <a:pt x="23109" y="8409"/>
                    <a:pt x="23059" y="8359"/>
                  </a:cubicBezTo>
                  <a:cubicBezTo>
                    <a:pt x="22983" y="8309"/>
                    <a:pt x="22883" y="8234"/>
                    <a:pt x="22883" y="8184"/>
                  </a:cubicBezTo>
                  <a:cubicBezTo>
                    <a:pt x="22833" y="8184"/>
                    <a:pt x="22708" y="8083"/>
                    <a:pt x="22658" y="8083"/>
                  </a:cubicBezTo>
                  <a:cubicBezTo>
                    <a:pt x="22607" y="8008"/>
                    <a:pt x="22482" y="7958"/>
                    <a:pt x="22432" y="7958"/>
                  </a:cubicBezTo>
                  <a:lnTo>
                    <a:pt x="22081" y="7958"/>
                  </a:lnTo>
                  <a:cubicBezTo>
                    <a:pt x="22031" y="8008"/>
                    <a:pt x="22031" y="8083"/>
                    <a:pt x="21981" y="8133"/>
                  </a:cubicBezTo>
                  <a:cubicBezTo>
                    <a:pt x="21931" y="8133"/>
                    <a:pt x="21755" y="8184"/>
                    <a:pt x="21705" y="8184"/>
                  </a:cubicBezTo>
                  <a:cubicBezTo>
                    <a:pt x="21630" y="8133"/>
                    <a:pt x="21580" y="8133"/>
                    <a:pt x="21530" y="8083"/>
                  </a:cubicBezTo>
                  <a:cubicBezTo>
                    <a:pt x="21480" y="8008"/>
                    <a:pt x="21404" y="8008"/>
                    <a:pt x="21354" y="8008"/>
                  </a:cubicBezTo>
                  <a:cubicBezTo>
                    <a:pt x="21304" y="8008"/>
                    <a:pt x="21254" y="8184"/>
                    <a:pt x="21179" y="8184"/>
                  </a:cubicBezTo>
                  <a:cubicBezTo>
                    <a:pt x="21109" y="8218"/>
                    <a:pt x="21003" y="8265"/>
                    <a:pt x="20911" y="8265"/>
                  </a:cubicBezTo>
                  <a:cubicBezTo>
                    <a:pt x="20871" y="8265"/>
                    <a:pt x="20833" y="8257"/>
                    <a:pt x="20803" y="8234"/>
                  </a:cubicBezTo>
                  <a:cubicBezTo>
                    <a:pt x="20728" y="8234"/>
                    <a:pt x="20577" y="8133"/>
                    <a:pt x="20527" y="8133"/>
                  </a:cubicBezTo>
                  <a:cubicBezTo>
                    <a:pt x="20402" y="8083"/>
                    <a:pt x="20226" y="8083"/>
                    <a:pt x="20126" y="8008"/>
                  </a:cubicBezTo>
                  <a:cubicBezTo>
                    <a:pt x="20076" y="7958"/>
                    <a:pt x="20126" y="7682"/>
                    <a:pt x="20001" y="7632"/>
                  </a:cubicBezTo>
                  <a:cubicBezTo>
                    <a:pt x="19951" y="7507"/>
                    <a:pt x="19675" y="7507"/>
                    <a:pt x="19500" y="7507"/>
                  </a:cubicBezTo>
                  <a:cubicBezTo>
                    <a:pt x="19450" y="7507"/>
                    <a:pt x="19224" y="7557"/>
                    <a:pt x="19174" y="7557"/>
                  </a:cubicBezTo>
                  <a:cubicBezTo>
                    <a:pt x="19111" y="7595"/>
                    <a:pt x="19036" y="7613"/>
                    <a:pt x="18964" y="7613"/>
                  </a:cubicBezTo>
                  <a:cubicBezTo>
                    <a:pt x="18892" y="7613"/>
                    <a:pt x="18823" y="7595"/>
                    <a:pt x="18773" y="7557"/>
                  </a:cubicBezTo>
                  <a:cubicBezTo>
                    <a:pt x="18723" y="7507"/>
                    <a:pt x="18497" y="7407"/>
                    <a:pt x="18422" y="7281"/>
                  </a:cubicBezTo>
                  <a:cubicBezTo>
                    <a:pt x="18372" y="7181"/>
                    <a:pt x="18272" y="6830"/>
                    <a:pt x="18196" y="6730"/>
                  </a:cubicBezTo>
                  <a:cubicBezTo>
                    <a:pt x="18146" y="6605"/>
                    <a:pt x="17971" y="6379"/>
                    <a:pt x="17921" y="6329"/>
                  </a:cubicBezTo>
                  <a:cubicBezTo>
                    <a:pt x="17820" y="6229"/>
                    <a:pt x="17595" y="6103"/>
                    <a:pt x="17470" y="6053"/>
                  </a:cubicBezTo>
                  <a:cubicBezTo>
                    <a:pt x="17419" y="6003"/>
                    <a:pt x="17294" y="5828"/>
                    <a:pt x="17294" y="5778"/>
                  </a:cubicBezTo>
                  <a:cubicBezTo>
                    <a:pt x="17244" y="5652"/>
                    <a:pt x="17244" y="5552"/>
                    <a:pt x="17294" y="5477"/>
                  </a:cubicBezTo>
                  <a:cubicBezTo>
                    <a:pt x="17369" y="5427"/>
                    <a:pt x="17520" y="5427"/>
                    <a:pt x="17595" y="5377"/>
                  </a:cubicBezTo>
                  <a:cubicBezTo>
                    <a:pt x="17645" y="5326"/>
                    <a:pt x="17645" y="5101"/>
                    <a:pt x="17695" y="4976"/>
                  </a:cubicBezTo>
                  <a:cubicBezTo>
                    <a:pt x="17745" y="4875"/>
                    <a:pt x="17871" y="4700"/>
                    <a:pt x="17921" y="4600"/>
                  </a:cubicBezTo>
                  <a:cubicBezTo>
                    <a:pt x="17971" y="4524"/>
                    <a:pt x="18146" y="4474"/>
                    <a:pt x="18146" y="4424"/>
                  </a:cubicBezTo>
                  <a:cubicBezTo>
                    <a:pt x="18196" y="4374"/>
                    <a:pt x="18196" y="4249"/>
                    <a:pt x="18146" y="4199"/>
                  </a:cubicBezTo>
                  <a:cubicBezTo>
                    <a:pt x="18146" y="4148"/>
                    <a:pt x="18046" y="4023"/>
                    <a:pt x="17971" y="3973"/>
                  </a:cubicBezTo>
                  <a:cubicBezTo>
                    <a:pt x="17921" y="3973"/>
                    <a:pt x="17820" y="3923"/>
                    <a:pt x="17745" y="3923"/>
                  </a:cubicBezTo>
                  <a:cubicBezTo>
                    <a:pt x="17695" y="3923"/>
                    <a:pt x="17595" y="3973"/>
                    <a:pt x="17520" y="3973"/>
                  </a:cubicBezTo>
                  <a:cubicBezTo>
                    <a:pt x="17470" y="4023"/>
                    <a:pt x="17470" y="4199"/>
                    <a:pt x="17419" y="4199"/>
                  </a:cubicBezTo>
                  <a:cubicBezTo>
                    <a:pt x="17405" y="4213"/>
                    <a:pt x="17379" y="4219"/>
                    <a:pt x="17348" y="4219"/>
                  </a:cubicBezTo>
                  <a:cubicBezTo>
                    <a:pt x="17271" y="4219"/>
                    <a:pt x="17157" y="4184"/>
                    <a:pt x="17069" y="4148"/>
                  </a:cubicBezTo>
                  <a:cubicBezTo>
                    <a:pt x="17018" y="4023"/>
                    <a:pt x="17018" y="3798"/>
                    <a:pt x="16968" y="3747"/>
                  </a:cubicBezTo>
                  <a:cubicBezTo>
                    <a:pt x="16918" y="3622"/>
                    <a:pt x="16743" y="3472"/>
                    <a:pt x="16693" y="3397"/>
                  </a:cubicBezTo>
                  <a:cubicBezTo>
                    <a:pt x="16567" y="3346"/>
                    <a:pt x="16392" y="3346"/>
                    <a:pt x="16292" y="3346"/>
                  </a:cubicBezTo>
                  <a:cubicBezTo>
                    <a:pt x="16166" y="3346"/>
                    <a:pt x="16016" y="3346"/>
                    <a:pt x="15941" y="3296"/>
                  </a:cubicBezTo>
                  <a:cubicBezTo>
                    <a:pt x="15841" y="3296"/>
                    <a:pt x="15665" y="3171"/>
                    <a:pt x="15615" y="3121"/>
                  </a:cubicBezTo>
                  <a:cubicBezTo>
                    <a:pt x="15615" y="3021"/>
                    <a:pt x="15715" y="2845"/>
                    <a:pt x="15665" y="2795"/>
                  </a:cubicBezTo>
                  <a:cubicBezTo>
                    <a:pt x="15665" y="2720"/>
                    <a:pt x="15490" y="2620"/>
                    <a:pt x="15439" y="2620"/>
                  </a:cubicBezTo>
                  <a:cubicBezTo>
                    <a:pt x="15413" y="2606"/>
                    <a:pt x="15368" y="2600"/>
                    <a:pt x="15315" y="2600"/>
                  </a:cubicBezTo>
                  <a:cubicBezTo>
                    <a:pt x="15169" y="2600"/>
                    <a:pt x="14962" y="2646"/>
                    <a:pt x="14888" y="2720"/>
                  </a:cubicBezTo>
                  <a:cubicBezTo>
                    <a:pt x="14813" y="2795"/>
                    <a:pt x="14763" y="2945"/>
                    <a:pt x="14713" y="3021"/>
                  </a:cubicBezTo>
                  <a:cubicBezTo>
                    <a:pt x="14688" y="3046"/>
                    <a:pt x="14600" y="3046"/>
                    <a:pt x="14512" y="3046"/>
                  </a:cubicBezTo>
                  <a:cubicBezTo>
                    <a:pt x="14424" y="3046"/>
                    <a:pt x="14337" y="3046"/>
                    <a:pt x="14312" y="3071"/>
                  </a:cubicBezTo>
                  <a:cubicBezTo>
                    <a:pt x="14211" y="3071"/>
                    <a:pt x="14036" y="3121"/>
                    <a:pt x="13911" y="3171"/>
                  </a:cubicBezTo>
                  <a:cubicBezTo>
                    <a:pt x="13911" y="3246"/>
                    <a:pt x="13911" y="3397"/>
                    <a:pt x="13861" y="3472"/>
                  </a:cubicBezTo>
                  <a:cubicBezTo>
                    <a:pt x="13861" y="3522"/>
                    <a:pt x="13685" y="3572"/>
                    <a:pt x="13635" y="3572"/>
                  </a:cubicBezTo>
                  <a:cubicBezTo>
                    <a:pt x="13585" y="3622"/>
                    <a:pt x="13535" y="3798"/>
                    <a:pt x="13535" y="3923"/>
                  </a:cubicBezTo>
                  <a:cubicBezTo>
                    <a:pt x="13535" y="3973"/>
                    <a:pt x="13685" y="4148"/>
                    <a:pt x="13685" y="4199"/>
                  </a:cubicBezTo>
                  <a:cubicBezTo>
                    <a:pt x="13685" y="4249"/>
                    <a:pt x="13585" y="4424"/>
                    <a:pt x="13535" y="4424"/>
                  </a:cubicBezTo>
                  <a:cubicBezTo>
                    <a:pt x="13510" y="4434"/>
                    <a:pt x="13483" y="4438"/>
                    <a:pt x="13455" y="4438"/>
                  </a:cubicBezTo>
                  <a:cubicBezTo>
                    <a:pt x="13342" y="4438"/>
                    <a:pt x="13214" y="4374"/>
                    <a:pt x="13134" y="4374"/>
                  </a:cubicBezTo>
                  <a:lnTo>
                    <a:pt x="12683" y="4374"/>
                  </a:lnTo>
                  <a:cubicBezTo>
                    <a:pt x="12582" y="4374"/>
                    <a:pt x="12407" y="4424"/>
                    <a:pt x="12282" y="4424"/>
                  </a:cubicBezTo>
                  <a:cubicBezTo>
                    <a:pt x="12181" y="4424"/>
                    <a:pt x="12006" y="4299"/>
                    <a:pt x="11956" y="4249"/>
                  </a:cubicBezTo>
                  <a:cubicBezTo>
                    <a:pt x="11906" y="4199"/>
                    <a:pt x="11780" y="4023"/>
                    <a:pt x="11680" y="3973"/>
                  </a:cubicBezTo>
                  <a:cubicBezTo>
                    <a:pt x="11605" y="3923"/>
                    <a:pt x="11505" y="3848"/>
                    <a:pt x="11379" y="3798"/>
                  </a:cubicBezTo>
                  <a:cubicBezTo>
                    <a:pt x="11329" y="3798"/>
                    <a:pt x="11154" y="3848"/>
                    <a:pt x="11104" y="3923"/>
                  </a:cubicBezTo>
                  <a:cubicBezTo>
                    <a:pt x="11054" y="3973"/>
                    <a:pt x="11054" y="4199"/>
                    <a:pt x="10928" y="4249"/>
                  </a:cubicBezTo>
                  <a:cubicBezTo>
                    <a:pt x="10878" y="4299"/>
                    <a:pt x="10778" y="4424"/>
                    <a:pt x="10653" y="4424"/>
                  </a:cubicBezTo>
                  <a:cubicBezTo>
                    <a:pt x="10602" y="4424"/>
                    <a:pt x="10377" y="4374"/>
                    <a:pt x="10252" y="4299"/>
                  </a:cubicBezTo>
                  <a:cubicBezTo>
                    <a:pt x="10101" y="4249"/>
                    <a:pt x="9876" y="3923"/>
                    <a:pt x="9750" y="3798"/>
                  </a:cubicBezTo>
                  <a:cubicBezTo>
                    <a:pt x="9650" y="3747"/>
                    <a:pt x="9424" y="3622"/>
                    <a:pt x="9299" y="3572"/>
                  </a:cubicBezTo>
                  <a:cubicBezTo>
                    <a:pt x="9199" y="3572"/>
                    <a:pt x="8973" y="3622"/>
                    <a:pt x="8848" y="3622"/>
                  </a:cubicBezTo>
                  <a:cubicBezTo>
                    <a:pt x="8798" y="3697"/>
                    <a:pt x="8673" y="3848"/>
                    <a:pt x="8622" y="3923"/>
                  </a:cubicBezTo>
                  <a:cubicBezTo>
                    <a:pt x="8522" y="3973"/>
                    <a:pt x="8297" y="4023"/>
                    <a:pt x="8171" y="4023"/>
                  </a:cubicBezTo>
                  <a:cubicBezTo>
                    <a:pt x="7996" y="4023"/>
                    <a:pt x="7770" y="3798"/>
                    <a:pt x="7670" y="3747"/>
                  </a:cubicBezTo>
                  <a:cubicBezTo>
                    <a:pt x="7545" y="3697"/>
                    <a:pt x="7319" y="3697"/>
                    <a:pt x="7269" y="3622"/>
                  </a:cubicBezTo>
                  <a:cubicBezTo>
                    <a:pt x="7094" y="3522"/>
                    <a:pt x="7043" y="3246"/>
                    <a:pt x="6943" y="3121"/>
                  </a:cubicBezTo>
                  <a:cubicBezTo>
                    <a:pt x="6818" y="3021"/>
                    <a:pt x="6542" y="2845"/>
                    <a:pt x="6367" y="2795"/>
                  </a:cubicBezTo>
                  <a:cubicBezTo>
                    <a:pt x="6267" y="2720"/>
                    <a:pt x="5966" y="2670"/>
                    <a:pt x="5916" y="2620"/>
                  </a:cubicBezTo>
                  <a:cubicBezTo>
                    <a:pt x="5815" y="2569"/>
                    <a:pt x="5815" y="2344"/>
                    <a:pt x="5740" y="2294"/>
                  </a:cubicBezTo>
                  <a:cubicBezTo>
                    <a:pt x="5690" y="2219"/>
                    <a:pt x="5640" y="1993"/>
                    <a:pt x="5515" y="1993"/>
                  </a:cubicBezTo>
                  <a:cubicBezTo>
                    <a:pt x="5515" y="1993"/>
                    <a:pt x="5465" y="2118"/>
                    <a:pt x="5465" y="2168"/>
                  </a:cubicBezTo>
                  <a:cubicBezTo>
                    <a:pt x="5465" y="2219"/>
                    <a:pt x="5515" y="2344"/>
                    <a:pt x="5515" y="2344"/>
                  </a:cubicBezTo>
                  <a:cubicBezTo>
                    <a:pt x="5515" y="2444"/>
                    <a:pt x="5465" y="2720"/>
                    <a:pt x="5364" y="2720"/>
                  </a:cubicBezTo>
                  <a:cubicBezTo>
                    <a:pt x="5348" y="2736"/>
                    <a:pt x="5329" y="2743"/>
                    <a:pt x="5308" y="2743"/>
                  </a:cubicBezTo>
                  <a:cubicBezTo>
                    <a:pt x="5230" y="2743"/>
                    <a:pt x="5128" y="2648"/>
                    <a:pt x="5089" y="2569"/>
                  </a:cubicBezTo>
                  <a:cubicBezTo>
                    <a:pt x="4963" y="2519"/>
                    <a:pt x="4963" y="2294"/>
                    <a:pt x="4913" y="2219"/>
                  </a:cubicBezTo>
                  <a:cubicBezTo>
                    <a:pt x="4863" y="2068"/>
                    <a:pt x="4688" y="1843"/>
                    <a:pt x="4562" y="1717"/>
                  </a:cubicBezTo>
                  <a:cubicBezTo>
                    <a:pt x="4462" y="1667"/>
                    <a:pt x="4236" y="1542"/>
                    <a:pt x="4111" y="1492"/>
                  </a:cubicBezTo>
                  <a:cubicBezTo>
                    <a:pt x="4036" y="1467"/>
                    <a:pt x="3923" y="1467"/>
                    <a:pt x="3810" y="1467"/>
                  </a:cubicBezTo>
                  <a:cubicBezTo>
                    <a:pt x="3698" y="1467"/>
                    <a:pt x="3585" y="1467"/>
                    <a:pt x="3510" y="1442"/>
                  </a:cubicBezTo>
                  <a:cubicBezTo>
                    <a:pt x="3334" y="1442"/>
                    <a:pt x="3058" y="1316"/>
                    <a:pt x="2933" y="1216"/>
                  </a:cubicBezTo>
                  <a:cubicBezTo>
                    <a:pt x="2883" y="1166"/>
                    <a:pt x="2833" y="1041"/>
                    <a:pt x="2758" y="991"/>
                  </a:cubicBezTo>
                  <a:cubicBezTo>
                    <a:pt x="2758" y="865"/>
                    <a:pt x="2833" y="590"/>
                    <a:pt x="2758" y="489"/>
                  </a:cubicBezTo>
                  <a:cubicBezTo>
                    <a:pt x="2758" y="414"/>
                    <a:pt x="2657" y="314"/>
                    <a:pt x="2607" y="264"/>
                  </a:cubicBezTo>
                  <a:cubicBezTo>
                    <a:pt x="2482" y="264"/>
                    <a:pt x="2307" y="314"/>
                    <a:pt x="2256" y="314"/>
                  </a:cubicBezTo>
                  <a:cubicBezTo>
                    <a:pt x="2156" y="264"/>
                    <a:pt x="1931" y="264"/>
                    <a:pt x="1855" y="189"/>
                  </a:cubicBezTo>
                  <a:cubicBezTo>
                    <a:pt x="1805" y="138"/>
                    <a:pt x="1705" y="38"/>
                    <a:pt x="1630" y="38"/>
                  </a:cubicBezTo>
                  <a:cubicBezTo>
                    <a:pt x="1580" y="13"/>
                    <a:pt x="1498" y="1"/>
                    <a:pt x="1423" y="1"/>
                  </a:cubicBezTo>
                  <a:close/>
                </a:path>
              </a:pathLst>
            </a:custGeom>
            <a:solidFill>
              <a:srgbClr val="AF78D2"/>
            </a:solidFill>
            <a:ln>
              <a:noFill/>
            </a:ln>
          </p:spPr>
          <p:txBody>
            <a:bodyPr spcFirstLastPara="1" wrap="square" lIns="121900" tIns="121900" rIns="121900" bIns="121900" anchor="ctr" anchorCtr="0">
              <a:noAutofit/>
            </a:bodyPr>
            <a:lstStyle/>
            <a:p>
              <a:endParaRPr sz="2400"/>
            </a:p>
          </p:txBody>
        </p:sp>
        <p:sp>
          <p:nvSpPr>
            <p:cNvPr id="177" name="Google Shape;234;p16">
              <a:extLst>
                <a:ext uri="{FF2B5EF4-FFF2-40B4-BE49-F238E27FC236}">
                  <a16:creationId xmlns:a16="http://schemas.microsoft.com/office/drawing/2014/main" id="{BABE5AB5-501F-4F0D-F878-F45126C87937}"/>
                </a:ext>
              </a:extLst>
            </p:cNvPr>
            <p:cNvSpPr/>
            <p:nvPr/>
          </p:nvSpPr>
          <p:spPr>
            <a:xfrm>
              <a:off x="2016007" y="1957053"/>
              <a:ext cx="647763" cy="705816"/>
            </a:xfrm>
            <a:custGeom>
              <a:avLst/>
              <a:gdLst/>
              <a:ahLst/>
              <a:cxnLst/>
              <a:rect l="l" t="t" r="r" b="b"/>
              <a:pathLst>
                <a:path w="23209" h="25289" fill="none" extrusionOk="0">
                  <a:moveTo>
                    <a:pt x="19901" y="19499"/>
                  </a:moveTo>
                  <a:cubicBezTo>
                    <a:pt x="19851" y="19499"/>
                    <a:pt x="19775" y="19499"/>
                    <a:pt x="19775" y="19549"/>
                  </a:cubicBezTo>
                  <a:cubicBezTo>
                    <a:pt x="19675" y="19624"/>
                    <a:pt x="19399" y="19624"/>
                    <a:pt x="19274" y="19674"/>
                  </a:cubicBezTo>
                  <a:cubicBezTo>
                    <a:pt x="19174" y="19674"/>
                    <a:pt x="19049" y="19850"/>
                    <a:pt x="18998" y="19900"/>
                  </a:cubicBezTo>
                  <a:cubicBezTo>
                    <a:pt x="18948" y="20000"/>
                    <a:pt x="18823" y="20176"/>
                    <a:pt x="18823" y="20301"/>
                  </a:cubicBezTo>
                  <a:cubicBezTo>
                    <a:pt x="18823" y="20401"/>
                    <a:pt x="18948" y="20577"/>
                    <a:pt x="18998" y="20677"/>
                  </a:cubicBezTo>
                  <a:cubicBezTo>
                    <a:pt x="19049" y="20802"/>
                    <a:pt x="19224" y="20902"/>
                    <a:pt x="19274" y="20978"/>
                  </a:cubicBezTo>
                  <a:cubicBezTo>
                    <a:pt x="19324" y="21078"/>
                    <a:pt x="19399" y="21303"/>
                    <a:pt x="19399" y="21429"/>
                  </a:cubicBezTo>
                  <a:cubicBezTo>
                    <a:pt x="19399" y="21479"/>
                    <a:pt x="19274" y="21654"/>
                    <a:pt x="19224" y="21704"/>
                  </a:cubicBezTo>
                  <a:cubicBezTo>
                    <a:pt x="19174" y="21755"/>
                    <a:pt x="19049" y="21930"/>
                    <a:pt x="18998" y="21980"/>
                  </a:cubicBezTo>
                  <a:cubicBezTo>
                    <a:pt x="18948" y="22030"/>
                    <a:pt x="18773" y="22080"/>
                    <a:pt x="18723" y="22156"/>
                  </a:cubicBezTo>
                  <a:cubicBezTo>
                    <a:pt x="18723" y="22206"/>
                    <a:pt x="18648" y="22381"/>
                    <a:pt x="18648" y="22431"/>
                  </a:cubicBezTo>
                  <a:cubicBezTo>
                    <a:pt x="18648" y="22531"/>
                    <a:pt x="18773" y="22707"/>
                    <a:pt x="18723" y="22832"/>
                  </a:cubicBezTo>
                  <a:cubicBezTo>
                    <a:pt x="18723" y="22882"/>
                    <a:pt x="18597" y="22932"/>
                    <a:pt x="18547" y="22983"/>
                  </a:cubicBezTo>
                  <a:cubicBezTo>
                    <a:pt x="18497" y="23108"/>
                    <a:pt x="18372" y="23333"/>
                    <a:pt x="18422" y="23333"/>
                  </a:cubicBezTo>
                  <a:cubicBezTo>
                    <a:pt x="18372" y="23333"/>
                    <a:pt x="17971" y="23434"/>
                    <a:pt x="17820" y="23434"/>
                  </a:cubicBezTo>
                  <a:cubicBezTo>
                    <a:pt x="17695" y="23509"/>
                    <a:pt x="17470" y="23509"/>
                    <a:pt x="17419" y="23509"/>
                  </a:cubicBezTo>
                  <a:cubicBezTo>
                    <a:pt x="17294" y="23559"/>
                    <a:pt x="17144" y="23659"/>
                    <a:pt x="17144" y="23785"/>
                  </a:cubicBezTo>
                  <a:cubicBezTo>
                    <a:pt x="17144" y="23835"/>
                    <a:pt x="17194" y="24010"/>
                    <a:pt x="17244" y="24060"/>
                  </a:cubicBezTo>
                  <a:cubicBezTo>
                    <a:pt x="17369" y="24110"/>
                    <a:pt x="17520" y="24010"/>
                    <a:pt x="17645" y="24060"/>
                  </a:cubicBezTo>
                  <a:cubicBezTo>
                    <a:pt x="17695" y="24110"/>
                    <a:pt x="17871" y="24236"/>
                    <a:pt x="17871" y="24336"/>
                  </a:cubicBezTo>
                  <a:cubicBezTo>
                    <a:pt x="17921" y="24461"/>
                    <a:pt x="17820" y="24612"/>
                    <a:pt x="17745" y="24687"/>
                  </a:cubicBezTo>
                  <a:cubicBezTo>
                    <a:pt x="17695" y="24787"/>
                    <a:pt x="17520" y="24837"/>
                    <a:pt x="17419" y="24912"/>
                  </a:cubicBezTo>
                  <a:cubicBezTo>
                    <a:pt x="17369" y="24963"/>
                    <a:pt x="17194" y="24963"/>
                    <a:pt x="17069" y="24963"/>
                  </a:cubicBezTo>
                  <a:cubicBezTo>
                    <a:pt x="16968" y="25013"/>
                    <a:pt x="16743" y="25013"/>
                    <a:pt x="16693" y="25063"/>
                  </a:cubicBezTo>
                  <a:cubicBezTo>
                    <a:pt x="16617" y="25138"/>
                    <a:pt x="16567" y="25238"/>
                    <a:pt x="16467" y="25288"/>
                  </a:cubicBezTo>
                  <a:cubicBezTo>
                    <a:pt x="16292" y="25238"/>
                    <a:pt x="15941" y="25138"/>
                    <a:pt x="15841" y="25013"/>
                  </a:cubicBezTo>
                  <a:cubicBezTo>
                    <a:pt x="15615" y="24963"/>
                    <a:pt x="15214" y="24787"/>
                    <a:pt x="15038" y="24737"/>
                  </a:cubicBezTo>
                  <a:cubicBezTo>
                    <a:pt x="14888" y="24737"/>
                    <a:pt x="14537" y="24687"/>
                    <a:pt x="14362" y="24612"/>
                  </a:cubicBezTo>
                  <a:cubicBezTo>
                    <a:pt x="14312" y="24612"/>
                    <a:pt x="14262" y="24511"/>
                    <a:pt x="14211" y="24511"/>
                  </a:cubicBezTo>
                  <a:lnTo>
                    <a:pt x="13911" y="24511"/>
                  </a:lnTo>
                  <a:lnTo>
                    <a:pt x="13635" y="24511"/>
                  </a:lnTo>
                  <a:cubicBezTo>
                    <a:pt x="13585" y="24562"/>
                    <a:pt x="13535" y="24562"/>
                    <a:pt x="13460" y="24612"/>
                  </a:cubicBezTo>
                  <a:cubicBezTo>
                    <a:pt x="13460" y="24687"/>
                    <a:pt x="13535" y="24787"/>
                    <a:pt x="13535" y="24837"/>
                  </a:cubicBezTo>
                  <a:cubicBezTo>
                    <a:pt x="13535" y="24912"/>
                    <a:pt x="13460" y="24963"/>
                    <a:pt x="13409" y="25013"/>
                  </a:cubicBezTo>
                  <a:lnTo>
                    <a:pt x="13409" y="25188"/>
                  </a:lnTo>
                  <a:cubicBezTo>
                    <a:pt x="13359" y="25238"/>
                    <a:pt x="13134" y="25288"/>
                    <a:pt x="13084" y="25288"/>
                  </a:cubicBezTo>
                  <a:cubicBezTo>
                    <a:pt x="13008" y="25288"/>
                    <a:pt x="12908" y="25288"/>
                    <a:pt x="12908" y="25238"/>
                  </a:cubicBezTo>
                  <a:cubicBezTo>
                    <a:pt x="12858" y="25238"/>
                    <a:pt x="12908" y="25063"/>
                    <a:pt x="12908" y="25013"/>
                  </a:cubicBezTo>
                  <a:cubicBezTo>
                    <a:pt x="12858" y="24963"/>
                    <a:pt x="12733" y="24837"/>
                    <a:pt x="12632" y="24787"/>
                  </a:cubicBezTo>
                  <a:cubicBezTo>
                    <a:pt x="12582" y="24787"/>
                    <a:pt x="12407" y="24837"/>
                    <a:pt x="12357" y="24787"/>
                  </a:cubicBezTo>
                  <a:cubicBezTo>
                    <a:pt x="12357" y="24787"/>
                    <a:pt x="12282" y="24687"/>
                    <a:pt x="12282" y="24612"/>
                  </a:cubicBezTo>
                  <a:cubicBezTo>
                    <a:pt x="12282" y="24562"/>
                    <a:pt x="12357" y="24386"/>
                    <a:pt x="12357" y="24286"/>
                  </a:cubicBezTo>
                  <a:cubicBezTo>
                    <a:pt x="12407" y="24286"/>
                    <a:pt x="12457" y="24186"/>
                    <a:pt x="12507" y="24110"/>
                  </a:cubicBezTo>
                  <a:cubicBezTo>
                    <a:pt x="12582" y="24110"/>
                    <a:pt x="12733" y="24110"/>
                    <a:pt x="12808" y="24186"/>
                  </a:cubicBezTo>
                  <a:cubicBezTo>
                    <a:pt x="12858" y="24186"/>
                    <a:pt x="13008" y="24236"/>
                    <a:pt x="13084" y="24186"/>
                  </a:cubicBezTo>
                  <a:cubicBezTo>
                    <a:pt x="13134" y="24186"/>
                    <a:pt x="13184" y="23960"/>
                    <a:pt x="13184" y="23885"/>
                  </a:cubicBezTo>
                  <a:cubicBezTo>
                    <a:pt x="13234" y="23785"/>
                    <a:pt x="13309" y="23559"/>
                    <a:pt x="13234" y="23384"/>
                  </a:cubicBezTo>
                  <a:cubicBezTo>
                    <a:pt x="13234" y="23333"/>
                    <a:pt x="13134" y="23208"/>
                    <a:pt x="13134" y="23108"/>
                  </a:cubicBezTo>
                  <a:cubicBezTo>
                    <a:pt x="13134" y="23058"/>
                    <a:pt x="13134" y="22882"/>
                    <a:pt x="13084" y="22832"/>
                  </a:cubicBezTo>
                  <a:cubicBezTo>
                    <a:pt x="13084" y="22757"/>
                    <a:pt x="12908" y="22832"/>
                    <a:pt x="12858" y="22832"/>
                  </a:cubicBezTo>
                  <a:cubicBezTo>
                    <a:pt x="12858" y="22832"/>
                    <a:pt x="12808" y="22932"/>
                    <a:pt x="12733" y="22932"/>
                  </a:cubicBezTo>
                  <a:cubicBezTo>
                    <a:pt x="12683" y="22932"/>
                    <a:pt x="12683" y="22707"/>
                    <a:pt x="12632" y="22657"/>
                  </a:cubicBezTo>
                  <a:cubicBezTo>
                    <a:pt x="12582" y="22607"/>
                    <a:pt x="12507" y="22381"/>
                    <a:pt x="12457" y="22306"/>
                  </a:cubicBezTo>
                  <a:cubicBezTo>
                    <a:pt x="12407" y="22256"/>
                    <a:pt x="12357" y="22256"/>
                    <a:pt x="12282" y="22206"/>
                  </a:cubicBezTo>
                  <a:cubicBezTo>
                    <a:pt x="12282" y="22156"/>
                    <a:pt x="12407" y="22030"/>
                    <a:pt x="12357" y="21980"/>
                  </a:cubicBezTo>
                  <a:cubicBezTo>
                    <a:pt x="12357" y="21930"/>
                    <a:pt x="12181" y="21855"/>
                    <a:pt x="12056" y="21855"/>
                  </a:cubicBezTo>
                  <a:cubicBezTo>
                    <a:pt x="11956" y="21805"/>
                    <a:pt x="11680" y="21805"/>
                    <a:pt x="11555" y="21704"/>
                  </a:cubicBezTo>
                  <a:cubicBezTo>
                    <a:pt x="11505" y="21579"/>
                    <a:pt x="11555" y="21203"/>
                    <a:pt x="11455" y="21078"/>
                  </a:cubicBezTo>
                  <a:cubicBezTo>
                    <a:pt x="11379" y="20902"/>
                    <a:pt x="11104" y="20577"/>
                    <a:pt x="10928" y="20451"/>
                  </a:cubicBezTo>
                  <a:cubicBezTo>
                    <a:pt x="10778" y="20401"/>
                    <a:pt x="10427" y="20401"/>
                    <a:pt x="10327" y="20351"/>
                  </a:cubicBezTo>
                  <a:cubicBezTo>
                    <a:pt x="10201" y="20351"/>
                    <a:pt x="10101" y="20301"/>
                    <a:pt x="10026" y="20226"/>
                  </a:cubicBezTo>
                  <a:cubicBezTo>
                    <a:pt x="9976" y="20226"/>
                    <a:pt x="9876" y="20301"/>
                    <a:pt x="9800" y="20301"/>
                  </a:cubicBezTo>
                  <a:cubicBezTo>
                    <a:pt x="9700" y="20226"/>
                    <a:pt x="9525" y="20125"/>
                    <a:pt x="9424" y="20075"/>
                  </a:cubicBezTo>
                  <a:cubicBezTo>
                    <a:pt x="9349" y="20000"/>
                    <a:pt x="9249" y="19900"/>
                    <a:pt x="9249" y="19850"/>
                  </a:cubicBezTo>
                  <a:lnTo>
                    <a:pt x="9249" y="19674"/>
                  </a:lnTo>
                  <a:cubicBezTo>
                    <a:pt x="9299" y="19624"/>
                    <a:pt x="9424" y="19549"/>
                    <a:pt x="9475" y="19499"/>
                  </a:cubicBezTo>
                  <a:cubicBezTo>
                    <a:pt x="9525" y="19449"/>
                    <a:pt x="9525" y="19273"/>
                    <a:pt x="9525" y="19173"/>
                  </a:cubicBezTo>
                  <a:cubicBezTo>
                    <a:pt x="9575" y="19123"/>
                    <a:pt x="9475" y="18998"/>
                    <a:pt x="9475" y="18947"/>
                  </a:cubicBezTo>
                  <a:cubicBezTo>
                    <a:pt x="9475" y="18822"/>
                    <a:pt x="9575" y="18722"/>
                    <a:pt x="9575" y="18672"/>
                  </a:cubicBezTo>
                  <a:cubicBezTo>
                    <a:pt x="9525" y="18597"/>
                    <a:pt x="9475" y="18496"/>
                    <a:pt x="9424" y="18446"/>
                  </a:cubicBezTo>
                  <a:cubicBezTo>
                    <a:pt x="9299" y="18321"/>
                    <a:pt x="9023" y="18221"/>
                    <a:pt x="8848" y="18145"/>
                  </a:cubicBezTo>
                  <a:cubicBezTo>
                    <a:pt x="8798" y="18095"/>
                    <a:pt x="8572" y="18095"/>
                    <a:pt x="8522" y="18045"/>
                  </a:cubicBezTo>
                  <a:cubicBezTo>
                    <a:pt x="8397" y="18045"/>
                    <a:pt x="8221" y="18145"/>
                    <a:pt x="8121" y="18145"/>
                  </a:cubicBezTo>
                  <a:cubicBezTo>
                    <a:pt x="8071" y="18095"/>
                    <a:pt x="7896" y="17920"/>
                    <a:pt x="7770" y="17995"/>
                  </a:cubicBezTo>
                  <a:cubicBezTo>
                    <a:pt x="7720" y="17995"/>
                    <a:pt x="7720" y="18095"/>
                    <a:pt x="7670" y="18145"/>
                  </a:cubicBezTo>
                  <a:cubicBezTo>
                    <a:pt x="7670" y="18221"/>
                    <a:pt x="7720" y="18321"/>
                    <a:pt x="7670" y="18371"/>
                  </a:cubicBezTo>
                  <a:cubicBezTo>
                    <a:pt x="7670" y="18371"/>
                    <a:pt x="7545" y="18496"/>
                    <a:pt x="7495" y="18496"/>
                  </a:cubicBezTo>
                  <a:cubicBezTo>
                    <a:pt x="7444" y="18496"/>
                    <a:pt x="7269" y="18371"/>
                    <a:pt x="7219" y="18321"/>
                  </a:cubicBezTo>
                  <a:cubicBezTo>
                    <a:pt x="7169" y="18271"/>
                    <a:pt x="7043" y="18145"/>
                    <a:pt x="7043" y="18095"/>
                  </a:cubicBezTo>
                  <a:cubicBezTo>
                    <a:pt x="6993" y="18045"/>
                    <a:pt x="6943" y="17920"/>
                    <a:pt x="6943" y="17820"/>
                  </a:cubicBezTo>
                  <a:cubicBezTo>
                    <a:pt x="6993" y="17770"/>
                    <a:pt x="7043" y="17594"/>
                    <a:pt x="7094" y="17594"/>
                  </a:cubicBezTo>
                  <a:cubicBezTo>
                    <a:pt x="7094" y="17544"/>
                    <a:pt x="7219" y="17594"/>
                    <a:pt x="7219" y="17594"/>
                  </a:cubicBezTo>
                  <a:cubicBezTo>
                    <a:pt x="7269" y="17469"/>
                    <a:pt x="7219" y="17318"/>
                    <a:pt x="7219" y="17193"/>
                  </a:cubicBezTo>
                  <a:cubicBezTo>
                    <a:pt x="7219" y="17143"/>
                    <a:pt x="7319" y="16968"/>
                    <a:pt x="7319" y="16917"/>
                  </a:cubicBezTo>
                  <a:cubicBezTo>
                    <a:pt x="7394" y="16867"/>
                    <a:pt x="7444" y="16742"/>
                    <a:pt x="7444" y="16692"/>
                  </a:cubicBezTo>
                  <a:cubicBezTo>
                    <a:pt x="7495" y="16516"/>
                    <a:pt x="7444" y="16140"/>
                    <a:pt x="7444" y="15965"/>
                  </a:cubicBezTo>
                  <a:cubicBezTo>
                    <a:pt x="7444" y="15739"/>
                    <a:pt x="7444" y="15288"/>
                    <a:pt x="7394" y="15063"/>
                  </a:cubicBezTo>
                  <a:cubicBezTo>
                    <a:pt x="7394" y="15013"/>
                    <a:pt x="7319" y="14887"/>
                    <a:pt x="7269" y="14837"/>
                  </a:cubicBezTo>
                  <a:lnTo>
                    <a:pt x="7269" y="14436"/>
                  </a:lnTo>
                  <a:cubicBezTo>
                    <a:pt x="7269" y="14386"/>
                    <a:pt x="7094" y="14211"/>
                    <a:pt x="7043" y="14160"/>
                  </a:cubicBezTo>
                  <a:cubicBezTo>
                    <a:pt x="7043" y="14110"/>
                    <a:pt x="6993" y="13935"/>
                    <a:pt x="6943" y="13885"/>
                  </a:cubicBezTo>
                  <a:cubicBezTo>
                    <a:pt x="6943" y="13835"/>
                    <a:pt x="6818" y="13709"/>
                    <a:pt x="6768" y="13659"/>
                  </a:cubicBezTo>
                  <a:cubicBezTo>
                    <a:pt x="6718" y="13659"/>
                    <a:pt x="6718" y="13609"/>
                    <a:pt x="6642" y="13534"/>
                  </a:cubicBezTo>
                  <a:cubicBezTo>
                    <a:pt x="6642" y="13484"/>
                    <a:pt x="6718" y="13258"/>
                    <a:pt x="6642" y="13158"/>
                  </a:cubicBezTo>
                  <a:cubicBezTo>
                    <a:pt x="6642" y="13033"/>
                    <a:pt x="6492" y="12857"/>
                    <a:pt x="6417" y="12757"/>
                  </a:cubicBezTo>
                  <a:cubicBezTo>
                    <a:pt x="6317" y="12582"/>
                    <a:pt x="6141" y="12306"/>
                    <a:pt x="6041" y="12130"/>
                  </a:cubicBezTo>
                  <a:cubicBezTo>
                    <a:pt x="5966" y="12080"/>
                    <a:pt x="5815" y="12030"/>
                    <a:pt x="5690" y="11980"/>
                  </a:cubicBezTo>
                  <a:cubicBezTo>
                    <a:pt x="5640" y="11905"/>
                    <a:pt x="5590" y="11754"/>
                    <a:pt x="5590" y="11679"/>
                  </a:cubicBezTo>
                  <a:cubicBezTo>
                    <a:pt x="5515" y="11629"/>
                    <a:pt x="5515" y="11404"/>
                    <a:pt x="5465" y="11353"/>
                  </a:cubicBezTo>
                  <a:cubicBezTo>
                    <a:pt x="5465" y="11303"/>
                    <a:pt x="5364" y="11178"/>
                    <a:pt x="5289" y="11128"/>
                  </a:cubicBezTo>
                  <a:cubicBezTo>
                    <a:pt x="5239" y="11078"/>
                    <a:pt x="5239" y="10952"/>
                    <a:pt x="5239" y="10852"/>
                  </a:cubicBezTo>
                  <a:cubicBezTo>
                    <a:pt x="5239" y="10777"/>
                    <a:pt x="5364" y="10727"/>
                    <a:pt x="5364" y="10677"/>
                  </a:cubicBezTo>
                  <a:cubicBezTo>
                    <a:pt x="5414" y="10627"/>
                    <a:pt x="5364" y="10501"/>
                    <a:pt x="5364" y="10451"/>
                  </a:cubicBezTo>
                  <a:cubicBezTo>
                    <a:pt x="5414" y="10401"/>
                    <a:pt x="5414" y="10226"/>
                    <a:pt x="5414" y="10100"/>
                  </a:cubicBezTo>
                  <a:cubicBezTo>
                    <a:pt x="5414" y="10000"/>
                    <a:pt x="5414" y="9825"/>
                    <a:pt x="5364" y="9724"/>
                  </a:cubicBezTo>
                  <a:cubicBezTo>
                    <a:pt x="5289" y="9674"/>
                    <a:pt x="5139" y="9599"/>
                    <a:pt x="5139" y="9549"/>
                  </a:cubicBezTo>
                  <a:cubicBezTo>
                    <a:pt x="5089" y="9499"/>
                    <a:pt x="4963" y="9323"/>
                    <a:pt x="4963" y="9273"/>
                  </a:cubicBezTo>
                  <a:cubicBezTo>
                    <a:pt x="4913" y="9148"/>
                    <a:pt x="5013" y="8872"/>
                    <a:pt x="5013" y="8772"/>
                  </a:cubicBezTo>
                  <a:lnTo>
                    <a:pt x="5013" y="8321"/>
                  </a:lnTo>
                  <a:cubicBezTo>
                    <a:pt x="5013" y="8196"/>
                    <a:pt x="4913" y="7970"/>
                    <a:pt x="4863" y="7870"/>
                  </a:cubicBezTo>
                  <a:cubicBezTo>
                    <a:pt x="4863" y="7795"/>
                    <a:pt x="4913" y="7644"/>
                    <a:pt x="4913" y="7569"/>
                  </a:cubicBezTo>
                  <a:lnTo>
                    <a:pt x="4913" y="7193"/>
                  </a:lnTo>
                  <a:cubicBezTo>
                    <a:pt x="4863" y="7068"/>
                    <a:pt x="4688" y="6792"/>
                    <a:pt x="4637" y="6692"/>
                  </a:cubicBezTo>
                  <a:cubicBezTo>
                    <a:pt x="4562" y="6566"/>
                    <a:pt x="4512" y="6241"/>
                    <a:pt x="4462" y="6115"/>
                  </a:cubicBezTo>
                  <a:cubicBezTo>
                    <a:pt x="4412" y="6065"/>
                    <a:pt x="4287" y="5940"/>
                    <a:pt x="4287" y="5890"/>
                  </a:cubicBezTo>
                  <a:cubicBezTo>
                    <a:pt x="4236" y="5890"/>
                    <a:pt x="4111" y="5790"/>
                    <a:pt x="4111" y="5714"/>
                  </a:cubicBezTo>
                  <a:cubicBezTo>
                    <a:pt x="4061" y="5664"/>
                    <a:pt x="3961" y="5489"/>
                    <a:pt x="3886" y="5439"/>
                  </a:cubicBezTo>
                  <a:cubicBezTo>
                    <a:pt x="3835" y="5389"/>
                    <a:pt x="3660" y="5389"/>
                    <a:pt x="3610" y="5338"/>
                  </a:cubicBezTo>
                  <a:cubicBezTo>
                    <a:pt x="3510" y="5263"/>
                    <a:pt x="3334" y="5163"/>
                    <a:pt x="3284" y="5113"/>
                  </a:cubicBezTo>
                  <a:cubicBezTo>
                    <a:pt x="3284" y="5113"/>
                    <a:pt x="3209" y="5113"/>
                    <a:pt x="3209" y="5063"/>
                  </a:cubicBezTo>
                  <a:lnTo>
                    <a:pt x="3209" y="4887"/>
                  </a:lnTo>
                  <a:cubicBezTo>
                    <a:pt x="3209" y="4712"/>
                    <a:pt x="3159" y="4386"/>
                    <a:pt x="3109" y="4211"/>
                  </a:cubicBezTo>
                  <a:cubicBezTo>
                    <a:pt x="3058" y="4085"/>
                    <a:pt x="2833" y="3935"/>
                    <a:pt x="2708" y="3860"/>
                  </a:cubicBezTo>
                  <a:cubicBezTo>
                    <a:pt x="2657" y="3810"/>
                    <a:pt x="2432" y="3759"/>
                    <a:pt x="2307" y="3709"/>
                  </a:cubicBezTo>
                  <a:cubicBezTo>
                    <a:pt x="2206" y="3634"/>
                    <a:pt x="1981" y="3484"/>
                    <a:pt x="1855" y="3409"/>
                  </a:cubicBezTo>
                  <a:cubicBezTo>
                    <a:pt x="1805" y="3308"/>
                    <a:pt x="1705" y="3133"/>
                    <a:pt x="1580" y="3083"/>
                  </a:cubicBezTo>
                  <a:cubicBezTo>
                    <a:pt x="1530" y="3033"/>
                    <a:pt x="1354" y="2957"/>
                    <a:pt x="1304" y="2857"/>
                  </a:cubicBezTo>
                  <a:cubicBezTo>
                    <a:pt x="1179" y="2732"/>
                    <a:pt x="1129" y="2406"/>
                    <a:pt x="1079" y="2306"/>
                  </a:cubicBezTo>
                  <a:cubicBezTo>
                    <a:pt x="1028" y="2180"/>
                    <a:pt x="903" y="1905"/>
                    <a:pt x="853" y="1779"/>
                  </a:cubicBezTo>
                  <a:cubicBezTo>
                    <a:pt x="728" y="1729"/>
                    <a:pt x="502" y="1679"/>
                    <a:pt x="452" y="1629"/>
                  </a:cubicBezTo>
                  <a:cubicBezTo>
                    <a:pt x="352" y="1554"/>
                    <a:pt x="226" y="1404"/>
                    <a:pt x="126" y="1278"/>
                  </a:cubicBezTo>
                  <a:cubicBezTo>
                    <a:pt x="126" y="1278"/>
                    <a:pt x="51" y="1228"/>
                    <a:pt x="1" y="1103"/>
                  </a:cubicBezTo>
                  <a:cubicBezTo>
                    <a:pt x="126" y="1103"/>
                    <a:pt x="277" y="1103"/>
                    <a:pt x="402" y="1053"/>
                  </a:cubicBezTo>
                  <a:cubicBezTo>
                    <a:pt x="452" y="1053"/>
                    <a:pt x="627" y="952"/>
                    <a:pt x="678" y="877"/>
                  </a:cubicBezTo>
                  <a:cubicBezTo>
                    <a:pt x="678" y="827"/>
                    <a:pt x="803" y="777"/>
                    <a:pt x="803" y="727"/>
                  </a:cubicBezTo>
                  <a:cubicBezTo>
                    <a:pt x="853" y="602"/>
                    <a:pt x="853" y="426"/>
                    <a:pt x="903" y="326"/>
                  </a:cubicBezTo>
                  <a:cubicBezTo>
                    <a:pt x="953" y="276"/>
                    <a:pt x="1129" y="100"/>
                    <a:pt x="1254" y="50"/>
                  </a:cubicBezTo>
                  <a:cubicBezTo>
                    <a:pt x="1304" y="0"/>
                    <a:pt x="1530" y="0"/>
                    <a:pt x="1630" y="50"/>
                  </a:cubicBezTo>
                  <a:cubicBezTo>
                    <a:pt x="1705" y="50"/>
                    <a:pt x="1805" y="150"/>
                    <a:pt x="1855" y="201"/>
                  </a:cubicBezTo>
                  <a:cubicBezTo>
                    <a:pt x="1931" y="276"/>
                    <a:pt x="2156" y="276"/>
                    <a:pt x="2256" y="326"/>
                  </a:cubicBezTo>
                  <a:cubicBezTo>
                    <a:pt x="2307" y="326"/>
                    <a:pt x="2482" y="276"/>
                    <a:pt x="2607" y="276"/>
                  </a:cubicBezTo>
                  <a:cubicBezTo>
                    <a:pt x="2657" y="326"/>
                    <a:pt x="2758" y="426"/>
                    <a:pt x="2758" y="501"/>
                  </a:cubicBezTo>
                  <a:cubicBezTo>
                    <a:pt x="2833" y="602"/>
                    <a:pt x="2758" y="877"/>
                    <a:pt x="2758" y="1003"/>
                  </a:cubicBezTo>
                  <a:cubicBezTo>
                    <a:pt x="2833" y="1053"/>
                    <a:pt x="2883" y="1178"/>
                    <a:pt x="2933" y="1228"/>
                  </a:cubicBezTo>
                  <a:cubicBezTo>
                    <a:pt x="3058" y="1328"/>
                    <a:pt x="3334" y="1454"/>
                    <a:pt x="3510" y="1454"/>
                  </a:cubicBezTo>
                  <a:cubicBezTo>
                    <a:pt x="3660" y="1504"/>
                    <a:pt x="3961" y="1454"/>
                    <a:pt x="4111" y="1504"/>
                  </a:cubicBezTo>
                  <a:cubicBezTo>
                    <a:pt x="4236" y="1554"/>
                    <a:pt x="4462" y="1679"/>
                    <a:pt x="4562" y="1729"/>
                  </a:cubicBezTo>
                  <a:cubicBezTo>
                    <a:pt x="4688" y="1855"/>
                    <a:pt x="4863" y="2080"/>
                    <a:pt x="4913" y="2231"/>
                  </a:cubicBezTo>
                  <a:cubicBezTo>
                    <a:pt x="4963" y="2306"/>
                    <a:pt x="4963" y="2531"/>
                    <a:pt x="5089" y="2581"/>
                  </a:cubicBezTo>
                  <a:cubicBezTo>
                    <a:pt x="5139" y="2682"/>
                    <a:pt x="5289" y="2807"/>
                    <a:pt x="5364" y="2732"/>
                  </a:cubicBezTo>
                  <a:cubicBezTo>
                    <a:pt x="5465" y="2732"/>
                    <a:pt x="5515" y="2456"/>
                    <a:pt x="5515" y="2356"/>
                  </a:cubicBezTo>
                  <a:cubicBezTo>
                    <a:pt x="5515" y="2356"/>
                    <a:pt x="5465" y="2231"/>
                    <a:pt x="5465" y="2180"/>
                  </a:cubicBezTo>
                  <a:cubicBezTo>
                    <a:pt x="5465" y="2130"/>
                    <a:pt x="5515" y="2005"/>
                    <a:pt x="5515" y="2005"/>
                  </a:cubicBezTo>
                  <a:cubicBezTo>
                    <a:pt x="5640" y="2005"/>
                    <a:pt x="5690" y="2231"/>
                    <a:pt x="5740" y="2306"/>
                  </a:cubicBezTo>
                  <a:cubicBezTo>
                    <a:pt x="5815" y="2356"/>
                    <a:pt x="5815" y="2581"/>
                    <a:pt x="5916" y="2632"/>
                  </a:cubicBezTo>
                  <a:cubicBezTo>
                    <a:pt x="5966" y="2682"/>
                    <a:pt x="6267" y="2732"/>
                    <a:pt x="6367" y="2807"/>
                  </a:cubicBezTo>
                  <a:cubicBezTo>
                    <a:pt x="6542" y="2857"/>
                    <a:pt x="6818" y="3033"/>
                    <a:pt x="6943" y="3133"/>
                  </a:cubicBezTo>
                  <a:cubicBezTo>
                    <a:pt x="7043" y="3258"/>
                    <a:pt x="7094" y="3534"/>
                    <a:pt x="7269" y="3634"/>
                  </a:cubicBezTo>
                  <a:cubicBezTo>
                    <a:pt x="7319" y="3709"/>
                    <a:pt x="7545" y="3709"/>
                    <a:pt x="7670" y="3759"/>
                  </a:cubicBezTo>
                  <a:cubicBezTo>
                    <a:pt x="7770" y="3810"/>
                    <a:pt x="7996" y="4035"/>
                    <a:pt x="8171" y="4035"/>
                  </a:cubicBezTo>
                  <a:cubicBezTo>
                    <a:pt x="8297" y="4035"/>
                    <a:pt x="8522" y="3985"/>
                    <a:pt x="8622" y="3935"/>
                  </a:cubicBezTo>
                  <a:cubicBezTo>
                    <a:pt x="8673" y="3860"/>
                    <a:pt x="8798" y="3709"/>
                    <a:pt x="8848" y="3634"/>
                  </a:cubicBezTo>
                  <a:cubicBezTo>
                    <a:pt x="8973" y="3634"/>
                    <a:pt x="9199" y="3584"/>
                    <a:pt x="9299" y="3584"/>
                  </a:cubicBezTo>
                  <a:cubicBezTo>
                    <a:pt x="9424" y="3634"/>
                    <a:pt x="9650" y="3759"/>
                    <a:pt x="9750" y="3810"/>
                  </a:cubicBezTo>
                  <a:cubicBezTo>
                    <a:pt x="9876" y="3935"/>
                    <a:pt x="10101" y="4261"/>
                    <a:pt x="10252" y="4311"/>
                  </a:cubicBezTo>
                  <a:cubicBezTo>
                    <a:pt x="10377" y="4386"/>
                    <a:pt x="10602" y="4436"/>
                    <a:pt x="10653" y="4436"/>
                  </a:cubicBezTo>
                  <a:cubicBezTo>
                    <a:pt x="10778" y="4436"/>
                    <a:pt x="10878" y="4311"/>
                    <a:pt x="10928" y="4261"/>
                  </a:cubicBezTo>
                  <a:cubicBezTo>
                    <a:pt x="11054" y="4211"/>
                    <a:pt x="11054" y="3985"/>
                    <a:pt x="11104" y="3935"/>
                  </a:cubicBezTo>
                  <a:cubicBezTo>
                    <a:pt x="11154" y="3860"/>
                    <a:pt x="11329" y="3810"/>
                    <a:pt x="11379" y="3810"/>
                  </a:cubicBezTo>
                  <a:cubicBezTo>
                    <a:pt x="11505" y="3860"/>
                    <a:pt x="11605" y="3935"/>
                    <a:pt x="11680" y="3985"/>
                  </a:cubicBezTo>
                  <a:cubicBezTo>
                    <a:pt x="11780" y="4035"/>
                    <a:pt x="11906" y="4211"/>
                    <a:pt x="11956" y="4261"/>
                  </a:cubicBezTo>
                  <a:cubicBezTo>
                    <a:pt x="12006" y="4311"/>
                    <a:pt x="12181" y="4436"/>
                    <a:pt x="12282" y="4436"/>
                  </a:cubicBezTo>
                  <a:cubicBezTo>
                    <a:pt x="12407" y="4436"/>
                    <a:pt x="12582" y="4386"/>
                    <a:pt x="12683" y="4386"/>
                  </a:cubicBezTo>
                  <a:lnTo>
                    <a:pt x="13134" y="4386"/>
                  </a:lnTo>
                  <a:cubicBezTo>
                    <a:pt x="13234" y="4386"/>
                    <a:pt x="13409" y="4486"/>
                    <a:pt x="13535" y="4436"/>
                  </a:cubicBezTo>
                  <a:cubicBezTo>
                    <a:pt x="13585" y="4436"/>
                    <a:pt x="13685" y="4261"/>
                    <a:pt x="13685" y="4211"/>
                  </a:cubicBezTo>
                  <a:cubicBezTo>
                    <a:pt x="13685" y="4160"/>
                    <a:pt x="13535" y="3985"/>
                    <a:pt x="13535" y="3935"/>
                  </a:cubicBezTo>
                  <a:cubicBezTo>
                    <a:pt x="13535" y="3810"/>
                    <a:pt x="13585" y="3634"/>
                    <a:pt x="13635" y="3584"/>
                  </a:cubicBezTo>
                  <a:cubicBezTo>
                    <a:pt x="13685" y="3584"/>
                    <a:pt x="13861" y="3534"/>
                    <a:pt x="13861" y="3484"/>
                  </a:cubicBezTo>
                  <a:cubicBezTo>
                    <a:pt x="13911" y="3409"/>
                    <a:pt x="13911" y="3258"/>
                    <a:pt x="13911" y="3183"/>
                  </a:cubicBezTo>
                  <a:cubicBezTo>
                    <a:pt x="14036" y="3133"/>
                    <a:pt x="14211" y="3083"/>
                    <a:pt x="14312" y="3083"/>
                  </a:cubicBezTo>
                  <a:cubicBezTo>
                    <a:pt x="14362" y="3033"/>
                    <a:pt x="14663" y="3083"/>
                    <a:pt x="14713" y="3033"/>
                  </a:cubicBezTo>
                  <a:cubicBezTo>
                    <a:pt x="14763" y="2957"/>
                    <a:pt x="14813" y="2807"/>
                    <a:pt x="14888" y="2732"/>
                  </a:cubicBezTo>
                  <a:cubicBezTo>
                    <a:pt x="14988" y="2632"/>
                    <a:pt x="15339" y="2581"/>
                    <a:pt x="15439" y="2632"/>
                  </a:cubicBezTo>
                  <a:cubicBezTo>
                    <a:pt x="15490" y="2632"/>
                    <a:pt x="15665" y="2732"/>
                    <a:pt x="15665" y="2807"/>
                  </a:cubicBezTo>
                  <a:cubicBezTo>
                    <a:pt x="15715" y="2857"/>
                    <a:pt x="15615" y="3033"/>
                    <a:pt x="15615" y="3133"/>
                  </a:cubicBezTo>
                  <a:cubicBezTo>
                    <a:pt x="15665" y="3183"/>
                    <a:pt x="15841" y="3308"/>
                    <a:pt x="15941" y="3308"/>
                  </a:cubicBezTo>
                  <a:cubicBezTo>
                    <a:pt x="16016" y="3358"/>
                    <a:pt x="16166" y="3358"/>
                    <a:pt x="16292" y="3358"/>
                  </a:cubicBezTo>
                  <a:cubicBezTo>
                    <a:pt x="16392" y="3358"/>
                    <a:pt x="16567" y="3358"/>
                    <a:pt x="16693" y="3409"/>
                  </a:cubicBezTo>
                  <a:cubicBezTo>
                    <a:pt x="16743" y="3484"/>
                    <a:pt x="16918" y="3634"/>
                    <a:pt x="16968" y="3759"/>
                  </a:cubicBezTo>
                  <a:cubicBezTo>
                    <a:pt x="17018" y="3810"/>
                    <a:pt x="17018" y="4035"/>
                    <a:pt x="17069" y="4160"/>
                  </a:cubicBezTo>
                  <a:cubicBezTo>
                    <a:pt x="17194" y="4211"/>
                    <a:pt x="17369" y="4261"/>
                    <a:pt x="17419" y="4211"/>
                  </a:cubicBezTo>
                  <a:cubicBezTo>
                    <a:pt x="17470" y="4211"/>
                    <a:pt x="17470" y="4035"/>
                    <a:pt x="17520" y="3985"/>
                  </a:cubicBezTo>
                  <a:cubicBezTo>
                    <a:pt x="17595" y="3985"/>
                    <a:pt x="17695" y="3935"/>
                    <a:pt x="17745" y="3935"/>
                  </a:cubicBezTo>
                  <a:cubicBezTo>
                    <a:pt x="17820" y="3935"/>
                    <a:pt x="17921" y="3985"/>
                    <a:pt x="17971" y="3985"/>
                  </a:cubicBezTo>
                  <a:cubicBezTo>
                    <a:pt x="18046" y="4035"/>
                    <a:pt x="18146" y="4160"/>
                    <a:pt x="18146" y="4211"/>
                  </a:cubicBezTo>
                  <a:cubicBezTo>
                    <a:pt x="18196" y="4261"/>
                    <a:pt x="18196" y="4386"/>
                    <a:pt x="18146" y="4436"/>
                  </a:cubicBezTo>
                  <a:cubicBezTo>
                    <a:pt x="18146" y="4486"/>
                    <a:pt x="17971" y="4536"/>
                    <a:pt x="17921" y="4612"/>
                  </a:cubicBezTo>
                  <a:cubicBezTo>
                    <a:pt x="17871" y="4712"/>
                    <a:pt x="17745" y="4887"/>
                    <a:pt x="17695" y="4988"/>
                  </a:cubicBezTo>
                  <a:cubicBezTo>
                    <a:pt x="17645" y="5113"/>
                    <a:pt x="17645" y="5338"/>
                    <a:pt x="17595" y="5389"/>
                  </a:cubicBezTo>
                  <a:cubicBezTo>
                    <a:pt x="17520" y="5439"/>
                    <a:pt x="17369" y="5439"/>
                    <a:pt x="17294" y="5489"/>
                  </a:cubicBezTo>
                  <a:cubicBezTo>
                    <a:pt x="17244" y="5564"/>
                    <a:pt x="17244" y="5664"/>
                    <a:pt x="17294" y="5790"/>
                  </a:cubicBezTo>
                  <a:cubicBezTo>
                    <a:pt x="17294" y="5840"/>
                    <a:pt x="17419" y="6015"/>
                    <a:pt x="17470" y="6065"/>
                  </a:cubicBezTo>
                  <a:cubicBezTo>
                    <a:pt x="17595" y="6115"/>
                    <a:pt x="17820" y="6241"/>
                    <a:pt x="17921" y="6341"/>
                  </a:cubicBezTo>
                  <a:cubicBezTo>
                    <a:pt x="17971" y="6391"/>
                    <a:pt x="18146" y="6617"/>
                    <a:pt x="18196" y="6742"/>
                  </a:cubicBezTo>
                  <a:cubicBezTo>
                    <a:pt x="18272" y="6842"/>
                    <a:pt x="18372" y="7193"/>
                    <a:pt x="18422" y="7293"/>
                  </a:cubicBezTo>
                  <a:cubicBezTo>
                    <a:pt x="18497" y="7419"/>
                    <a:pt x="18723" y="7519"/>
                    <a:pt x="18773" y="7569"/>
                  </a:cubicBezTo>
                  <a:cubicBezTo>
                    <a:pt x="18873" y="7644"/>
                    <a:pt x="19049" y="7644"/>
                    <a:pt x="19174" y="7569"/>
                  </a:cubicBezTo>
                  <a:cubicBezTo>
                    <a:pt x="19224" y="7569"/>
                    <a:pt x="19450" y="7519"/>
                    <a:pt x="19500" y="7519"/>
                  </a:cubicBezTo>
                  <a:cubicBezTo>
                    <a:pt x="19675" y="7519"/>
                    <a:pt x="19951" y="7519"/>
                    <a:pt x="20001" y="7644"/>
                  </a:cubicBezTo>
                  <a:cubicBezTo>
                    <a:pt x="20126" y="7694"/>
                    <a:pt x="20076" y="7970"/>
                    <a:pt x="20126" y="8020"/>
                  </a:cubicBezTo>
                  <a:cubicBezTo>
                    <a:pt x="20226" y="8095"/>
                    <a:pt x="20402" y="8095"/>
                    <a:pt x="20527" y="8145"/>
                  </a:cubicBezTo>
                  <a:cubicBezTo>
                    <a:pt x="20577" y="8145"/>
                    <a:pt x="20728" y="8246"/>
                    <a:pt x="20803" y="8246"/>
                  </a:cubicBezTo>
                  <a:cubicBezTo>
                    <a:pt x="20903" y="8321"/>
                    <a:pt x="21079" y="8246"/>
                    <a:pt x="21179" y="8196"/>
                  </a:cubicBezTo>
                  <a:cubicBezTo>
                    <a:pt x="21254" y="8196"/>
                    <a:pt x="21304" y="8020"/>
                    <a:pt x="21354" y="8020"/>
                  </a:cubicBezTo>
                  <a:cubicBezTo>
                    <a:pt x="21404" y="8020"/>
                    <a:pt x="21480" y="8020"/>
                    <a:pt x="21530" y="8095"/>
                  </a:cubicBezTo>
                  <a:cubicBezTo>
                    <a:pt x="21580" y="8145"/>
                    <a:pt x="21630" y="8145"/>
                    <a:pt x="21705" y="8196"/>
                  </a:cubicBezTo>
                  <a:cubicBezTo>
                    <a:pt x="21755" y="8196"/>
                    <a:pt x="21931" y="8145"/>
                    <a:pt x="21981" y="8145"/>
                  </a:cubicBezTo>
                  <a:cubicBezTo>
                    <a:pt x="22031" y="8095"/>
                    <a:pt x="22031" y="8020"/>
                    <a:pt x="22081" y="7970"/>
                  </a:cubicBezTo>
                  <a:lnTo>
                    <a:pt x="22432" y="7970"/>
                  </a:lnTo>
                  <a:cubicBezTo>
                    <a:pt x="22482" y="7970"/>
                    <a:pt x="22607" y="8020"/>
                    <a:pt x="22658" y="8095"/>
                  </a:cubicBezTo>
                  <a:cubicBezTo>
                    <a:pt x="22708" y="8095"/>
                    <a:pt x="22833" y="8196"/>
                    <a:pt x="22883" y="8196"/>
                  </a:cubicBezTo>
                  <a:cubicBezTo>
                    <a:pt x="22883" y="8246"/>
                    <a:pt x="22983" y="8321"/>
                    <a:pt x="23059" y="8371"/>
                  </a:cubicBezTo>
                  <a:cubicBezTo>
                    <a:pt x="23109" y="8421"/>
                    <a:pt x="23209" y="8546"/>
                    <a:pt x="23209" y="8647"/>
                  </a:cubicBezTo>
                  <a:cubicBezTo>
                    <a:pt x="23209" y="8697"/>
                    <a:pt x="23159" y="8772"/>
                    <a:pt x="23109" y="8772"/>
                  </a:cubicBezTo>
                  <a:cubicBezTo>
                    <a:pt x="23109" y="8822"/>
                    <a:pt x="22983" y="8872"/>
                    <a:pt x="22933" y="8872"/>
                  </a:cubicBezTo>
                  <a:cubicBezTo>
                    <a:pt x="22933" y="8998"/>
                    <a:pt x="22883" y="9148"/>
                    <a:pt x="22833" y="9148"/>
                  </a:cubicBezTo>
                  <a:cubicBezTo>
                    <a:pt x="22758" y="9273"/>
                    <a:pt x="22482" y="9273"/>
                    <a:pt x="22482" y="9273"/>
                  </a:cubicBezTo>
                  <a:cubicBezTo>
                    <a:pt x="22482" y="9273"/>
                    <a:pt x="22382" y="9499"/>
                    <a:pt x="22382" y="9549"/>
                  </a:cubicBezTo>
                  <a:cubicBezTo>
                    <a:pt x="22382" y="9674"/>
                    <a:pt x="22482" y="9774"/>
                    <a:pt x="22482" y="9900"/>
                  </a:cubicBezTo>
                  <a:cubicBezTo>
                    <a:pt x="22482" y="9950"/>
                    <a:pt x="22482" y="10000"/>
                    <a:pt x="22432" y="10050"/>
                  </a:cubicBezTo>
                  <a:cubicBezTo>
                    <a:pt x="22432" y="10100"/>
                    <a:pt x="22432" y="10176"/>
                    <a:pt x="22382" y="10176"/>
                  </a:cubicBezTo>
                  <a:cubicBezTo>
                    <a:pt x="22307" y="10276"/>
                    <a:pt x="22081" y="10401"/>
                    <a:pt x="21981" y="10451"/>
                  </a:cubicBezTo>
                  <a:cubicBezTo>
                    <a:pt x="21931" y="10501"/>
                    <a:pt x="21805" y="10627"/>
                    <a:pt x="21755" y="10677"/>
                  </a:cubicBezTo>
                  <a:cubicBezTo>
                    <a:pt x="21630" y="10727"/>
                    <a:pt x="21480" y="10727"/>
                    <a:pt x="21404" y="10777"/>
                  </a:cubicBezTo>
                  <a:cubicBezTo>
                    <a:pt x="21354" y="10852"/>
                    <a:pt x="21304" y="11078"/>
                    <a:pt x="21304" y="11128"/>
                  </a:cubicBezTo>
                  <a:cubicBezTo>
                    <a:pt x="21304" y="11228"/>
                    <a:pt x="21354" y="11404"/>
                    <a:pt x="21354" y="11529"/>
                  </a:cubicBezTo>
                  <a:cubicBezTo>
                    <a:pt x="21354" y="11579"/>
                    <a:pt x="21254" y="11679"/>
                    <a:pt x="21179" y="11754"/>
                  </a:cubicBezTo>
                  <a:cubicBezTo>
                    <a:pt x="21129" y="11805"/>
                    <a:pt x="21029" y="11754"/>
                    <a:pt x="20953" y="11805"/>
                  </a:cubicBezTo>
                  <a:cubicBezTo>
                    <a:pt x="20903" y="11855"/>
                    <a:pt x="20903" y="11980"/>
                    <a:pt x="20903" y="11980"/>
                  </a:cubicBezTo>
                  <a:cubicBezTo>
                    <a:pt x="20903" y="12080"/>
                    <a:pt x="21029" y="12256"/>
                    <a:pt x="21079" y="12356"/>
                  </a:cubicBezTo>
                  <a:cubicBezTo>
                    <a:pt x="21079" y="12406"/>
                    <a:pt x="21079" y="12632"/>
                    <a:pt x="21129" y="12757"/>
                  </a:cubicBezTo>
                  <a:cubicBezTo>
                    <a:pt x="21179" y="12807"/>
                    <a:pt x="21304" y="12932"/>
                    <a:pt x="21404" y="12983"/>
                  </a:cubicBezTo>
                  <a:cubicBezTo>
                    <a:pt x="21480" y="13033"/>
                    <a:pt x="21705" y="12983"/>
                    <a:pt x="21755" y="13033"/>
                  </a:cubicBezTo>
                  <a:cubicBezTo>
                    <a:pt x="21856" y="13083"/>
                    <a:pt x="22031" y="13258"/>
                    <a:pt x="22156" y="13308"/>
                  </a:cubicBezTo>
                  <a:cubicBezTo>
                    <a:pt x="22206" y="13434"/>
                    <a:pt x="22382" y="13709"/>
                    <a:pt x="22382" y="13835"/>
                  </a:cubicBezTo>
                  <a:cubicBezTo>
                    <a:pt x="22382" y="13935"/>
                    <a:pt x="22257" y="14110"/>
                    <a:pt x="22206" y="14160"/>
                  </a:cubicBezTo>
                  <a:cubicBezTo>
                    <a:pt x="22156" y="14211"/>
                    <a:pt x="21931" y="14286"/>
                    <a:pt x="21856" y="14336"/>
                  </a:cubicBezTo>
                  <a:cubicBezTo>
                    <a:pt x="21805" y="14386"/>
                    <a:pt x="21805" y="14612"/>
                    <a:pt x="21705" y="14662"/>
                  </a:cubicBezTo>
                  <a:cubicBezTo>
                    <a:pt x="21580" y="14787"/>
                    <a:pt x="21129" y="14612"/>
                    <a:pt x="21029" y="14712"/>
                  </a:cubicBezTo>
                  <a:cubicBezTo>
                    <a:pt x="20953" y="14787"/>
                    <a:pt x="20903" y="14937"/>
                    <a:pt x="20903" y="15063"/>
                  </a:cubicBezTo>
                  <a:cubicBezTo>
                    <a:pt x="20853" y="15113"/>
                    <a:pt x="20903" y="15389"/>
                    <a:pt x="20803" y="15464"/>
                  </a:cubicBezTo>
                  <a:cubicBezTo>
                    <a:pt x="20728" y="15564"/>
                    <a:pt x="20577" y="15689"/>
                    <a:pt x="20452" y="15689"/>
                  </a:cubicBezTo>
                  <a:cubicBezTo>
                    <a:pt x="20402" y="15689"/>
                    <a:pt x="20352" y="15564"/>
                    <a:pt x="20352" y="15564"/>
                  </a:cubicBezTo>
                  <a:cubicBezTo>
                    <a:pt x="20302" y="15514"/>
                    <a:pt x="20176" y="15514"/>
                    <a:pt x="20126" y="15514"/>
                  </a:cubicBezTo>
                  <a:cubicBezTo>
                    <a:pt x="20076" y="15514"/>
                    <a:pt x="19901" y="15739"/>
                    <a:pt x="19901" y="15790"/>
                  </a:cubicBezTo>
                  <a:cubicBezTo>
                    <a:pt x="19851" y="15915"/>
                    <a:pt x="19901" y="16191"/>
                    <a:pt x="19901" y="16291"/>
                  </a:cubicBezTo>
                  <a:cubicBezTo>
                    <a:pt x="19901" y="16416"/>
                    <a:pt x="19851" y="16642"/>
                    <a:pt x="19901" y="16742"/>
                  </a:cubicBezTo>
                  <a:cubicBezTo>
                    <a:pt x="19951" y="16817"/>
                    <a:pt x="20126" y="16917"/>
                    <a:pt x="20176" y="17043"/>
                  </a:cubicBezTo>
                  <a:cubicBezTo>
                    <a:pt x="20176" y="17093"/>
                    <a:pt x="20176" y="17243"/>
                    <a:pt x="20226" y="17318"/>
                  </a:cubicBezTo>
                  <a:cubicBezTo>
                    <a:pt x="20226" y="17369"/>
                    <a:pt x="20402" y="17469"/>
                    <a:pt x="20452" y="17594"/>
                  </a:cubicBezTo>
                  <a:cubicBezTo>
                    <a:pt x="20527" y="17694"/>
                    <a:pt x="20577" y="18045"/>
                    <a:pt x="20527" y="18221"/>
                  </a:cubicBezTo>
                  <a:cubicBezTo>
                    <a:pt x="20527" y="18271"/>
                    <a:pt x="20527" y="18446"/>
                    <a:pt x="20452" y="18496"/>
                  </a:cubicBezTo>
                  <a:cubicBezTo>
                    <a:pt x="20452" y="18597"/>
                    <a:pt x="20226" y="18722"/>
                    <a:pt x="20226" y="18772"/>
                  </a:cubicBezTo>
                  <a:cubicBezTo>
                    <a:pt x="20126" y="18897"/>
                    <a:pt x="20126" y="19223"/>
                    <a:pt x="20076" y="19348"/>
                  </a:cubicBezTo>
                  <a:cubicBezTo>
                    <a:pt x="20001" y="19348"/>
                    <a:pt x="19951" y="19449"/>
                    <a:pt x="19901" y="19499"/>
                  </a:cubicBezTo>
                  <a:close/>
                </a:path>
              </a:pathLst>
            </a:custGeom>
            <a:noFill/>
            <a:ln w="7525" cap="flat" cmpd="sng">
              <a:solidFill>
                <a:srgbClr val="000202"/>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178" name="Google Shape;235;p16">
              <a:extLst>
                <a:ext uri="{FF2B5EF4-FFF2-40B4-BE49-F238E27FC236}">
                  <a16:creationId xmlns:a16="http://schemas.microsoft.com/office/drawing/2014/main" id="{B9F9D0CD-1CA2-24B0-A0B3-20FE64B1511C}"/>
                </a:ext>
              </a:extLst>
            </p:cNvPr>
            <p:cNvSpPr/>
            <p:nvPr/>
          </p:nvSpPr>
          <p:spPr>
            <a:xfrm>
              <a:off x="1894989" y="1725512"/>
              <a:ext cx="872327" cy="463780"/>
            </a:xfrm>
            <a:custGeom>
              <a:avLst/>
              <a:gdLst/>
              <a:ahLst/>
              <a:cxnLst/>
              <a:rect l="l" t="t" r="r" b="b"/>
              <a:pathLst>
                <a:path w="31255" h="16617" extrusionOk="0">
                  <a:moveTo>
                    <a:pt x="427" y="5940"/>
                  </a:moveTo>
                  <a:cubicBezTo>
                    <a:pt x="502" y="5815"/>
                    <a:pt x="602" y="5664"/>
                    <a:pt x="602" y="5589"/>
                  </a:cubicBezTo>
                  <a:cubicBezTo>
                    <a:pt x="653" y="5439"/>
                    <a:pt x="728" y="5088"/>
                    <a:pt x="778" y="4988"/>
                  </a:cubicBezTo>
                  <a:cubicBezTo>
                    <a:pt x="828" y="4862"/>
                    <a:pt x="1003" y="4812"/>
                    <a:pt x="1054" y="4687"/>
                  </a:cubicBezTo>
                  <a:cubicBezTo>
                    <a:pt x="1054" y="4637"/>
                    <a:pt x="1003" y="4361"/>
                    <a:pt x="1054" y="4311"/>
                  </a:cubicBezTo>
                  <a:cubicBezTo>
                    <a:pt x="1054" y="4186"/>
                    <a:pt x="1279" y="4186"/>
                    <a:pt x="1329" y="4085"/>
                  </a:cubicBezTo>
                  <a:cubicBezTo>
                    <a:pt x="1404" y="3960"/>
                    <a:pt x="1505" y="3735"/>
                    <a:pt x="1455" y="3634"/>
                  </a:cubicBezTo>
                  <a:cubicBezTo>
                    <a:pt x="1455" y="3459"/>
                    <a:pt x="1179" y="3233"/>
                    <a:pt x="1104" y="3108"/>
                  </a:cubicBezTo>
                  <a:cubicBezTo>
                    <a:pt x="1003" y="3008"/>
                    <a:pt x="878" y="2732"/>
                    <a:pt x="828" y="2607"/>
                  </a:cubicBezTo>
                  <a:cubicBezTo>
                    <a:pt x="828" y="2431"/>
                    <a:pt x="878" y="2030"/>
                    <a:pt x="953" y="1805"/>
                  </a:cubicBezTo>
                  <a:cubicBezTo>
                    <a:pt x="1003" y="1654"/>
                    <a:pt x="1179" y="1253"/>
                    <a:pt x="1279" y="1078"/>
                  </a:cubicBezTo>
                  <a:cubicBezTo>
                    <a:pt x="1404" y="978"/>
                    <a:pt x="1630" y="627"/>
                    <a:pt x="1780" y="577"/>
                  </a:cubicBezTo>
                  <a:cubicBezTo>
                    <a:pt x="1906" y="527"/>
                    <a:pt x="2131" y="752"/>
                    <a:pt x="2307" y="752"/>
                  </a:cubicBezTo>
                  <a:cubicBezTo>
                    <a:pt x="2457" y="677"/>
                    <a:pt x="2683" y="301"/>
                    <a:pt x="2858" y="226"/>
                  </a:cubicBezTo>
                  <a:cubicBezTo>
                    <a:pt x="2983" y="176"/>
                    <a:pt x="3259" y="176"/>
                    <a:pt x="3359" y="301"/>
                  </a:cubicBezTo>
                  <a:cubicBezTo>
                    <a:pt x="3485" y="351"/>
                    <a:pt x="3535" y="677"/>
                    <a:pt x="3660" y="802"/>
                  </a:cubicBezTo>
                  <a:cubicBezTo>
                    <a:pt x="3886" y="902"/>
                    <a:pt x="4387" y="1078"/>
                    <a:pt x="4663" y="978"/>
                  </a:cubicBezTo>
                  <a:cubicBezTo>
                    <a:pt x="4838" y="902"/>
                    <a:pt x="5014" y="577"/>
                    <a:pt x="5164" y="401"/>
                  </a:cubicBezTo>
                  <a:cubicBezTo>
                    <a:pt x="5289" y="351"/>
                    <a:pt x="5515" y="126"/>
                    <a:pt x="5690" y="75"/>
                  </a:cubicBezTo>
                  <a:cubicBezTo>
                    <a:pt x="5790" y="0"/>
                    <a:pt x="6066" y="126"/>
                    <a:pt x="6191" y="126"/>
                  </a:cubicBezTo>
                  <a:cubicBezTo>
                    <a:pt x="6292" y="126"/>
                    <a:pt x="6592" y="75"/>
                    <a:pt x="6643" y="126"/>
                  </a:cubicBezTo>
                  <a:cubicBezTo>
                    <a:pt x="6818" y="176"/>
                    <a:pt x="7094" y="351"/>
                    <a:pt x="7144" y="527"/>
                  </a:cubicBezTo>
                  <a:cubicBezTo>
                    <a:pt x="7194" y="627"/>
                    <a:pt x="6968" y="978"/>
                    <a:pt x="7044" y="1128"/>
                  </a:cubicBezTo>
                  <a:cubicBezTo>
                    <a:pt x="7044" y="1253"/>
                    <a:pt x="7269" y="1529"/>
                    <a:pt x="7420" y="1529"/>
                  </a:cubicBezTo>
                  <a:cubicBezTo>
                    <a:pt x="7595" y="1579"/>
                    <a:pt x="7871" y="1128"/>
                    <a:pt x="8096" y="1128"/>
                  </a:cubicBezTo>
                  <a:cubicBezTo>
                    <a:pt x="8272" y="1078"/>
                    <a:pt x="8547" y="1203"/>
                    <a:pt x="8673" y="1253"/>
                  </a:cubicBezTo>
                  <a:cubicBezTo>
                    <a:pt x="8848" y="1354"/>
                    <a:pt x="9074" y="1704"/>
                    <a:pt x="9174" y="1755"/>
                  </a:cubicBezTo>
                  <a:cubicBezTo>
                    <a:pt x="9400" y="1805"/>
                    <a:pt x="9851" y="1654"/>
                    <a:pt x="10026" y="1654"/>
                  </a:cubicBezTo>
                  <a:cubicBezTo>
                    <a:pt x="10176" y="1704"/>
                    <a:pt x="10527" y="1880"/>
                    <a:pt x="10628" y="1930"/>
                  </a:cubicBezTo>
                  <a:cubicBezTo>
                    <a:pt x="10753" y="2030"/>
                    <a:pt x="10928" y="2256"/>
                    <a:pt x="11029" y="2331"/>
                  </a:cubicBezTo>
                  <a:cubicBezTo>
                    <a:pt x="11304" y="2431"/>
                    <a:pt x="11881" y="2431"/>
                    <a:pt x="12106" y="2381"/>
                  </a:cubicBezTo>
                  <a:cubicBezTo>
                    <a:pt x="12332" y="2331"/>
                    <a:pt x="12658" y="1980"/>
                    <a:pt x="12883" y="1930"/>
                  </a:cubicBezTo>
                  <a:cubicBezTo>
                    <a:pt x="13059" y="1880"/>
                    <a:pt x="13460" y="1930"/>
                    <a:pt x="13685" y="1980"/>
                  </a:cubicBezTo>
                  <a:cubicBezTo>
                    <a:pt x="13911" y="2030"/>
                    <a:pt x="14312" y="2331"/>
                    <a:pt x="14537" y="2331"/>
                  </a:cubicBezTo>
                  <a:cubicBezTo>
                    <a:pt x="14688" y="2331"/>
                    <a:pt x="15039" y="2030"/>
                    <a:pt x="15214" y="1980"/>
                  </a:cubicBezTo>
                  <a:cubicBezTo>
                    <a:pt x="15490" y="1930"/>
                    <a:pt x="15991" y="1805"/>
                    <a:pt x="16217" y="1805"/>
                  </a:cubicBezTo>
                  <a:cubicBezTo>
                    <a:pt x="16442" y="1755"/>
                    <a:pt x="16893" y="1755"/>
                    <a:pt x="17119" y="1704"/>
                  </a:cubicBezTo>
                  <a:cubicBezTo>
                    <a:pt x="17244" y="1654"/>
                    <a:pt x="17470" y="1529"/>
                    <a:pt x="17620" y="1429"/>
                  </a:cubicBezTo>
                  <a:lnTo>
                    <a:pt x="17745" y="1429"/>
                  </a:lnTo>
                  <a:cubicBezTo>
                    <a:pt x="17896" y="1479"/>
                    <a:pt x="18197" y="1429"/>
                    <a:pt x="18297" y="1429"/>
                  </a:cubicBezTo>
                  <a:cubicBezTo>
                    <a:pt x="18472" y="1429"/>
                    <a:pt x="18748" y="1429"/>
                    <a:pt x="18873" y="1479"/>
                  </a:cubicBezTo>
                  <a:cubicBezTo>
                    <a:pt x="18973" y="1529"/>
                    <a:pt x="19099" y="1704"/>
                    <a:pt x="19199" y="1704"/>
                  </a:cubicBezTo>
                  <a:cubicBezTo>
                    <a:pt x="19324" y="1805"/>
                    <a:pt x="19600" y="1880"/>
                    <a:pt x="19775" y="1930"/>
                  </a:cubicBezTo>
                  <a:cubicBezTo>
                    <a:pt x="19876" y="1980"/>
                    <a:pt x="20051" y="2206"/>
                    <a:pt x="20151" y="2256"/>
                  </a:cubicBezTo>
                  <a:cubicBezTo>
                    <a:pt x="20277" y="2331"/>
                    <a:pt x="20552" y="2431"/>
                    <a:pt x="20728" y="2431"/>
                  </a:cubicBezTo>
                  <a:cubicBezTo>
                    <a:pt x="20778" y="2481"/>
                    <a:pt x="20953" y="2431"/>
                    <a:pt x="21004" y="2381"/>
                  </a:cubicBezTo>
                  <a:cubicBezTo>
                    <a:pt x="21129" y="2331"/>
                    <a:pt x="21279" y="2156"/>
                    <a:pt x="21405" y="2030"/>
                  </a:cubicBezTo>
                  <a:cubicBezTo>
                    <a:pt x="21455" y="1930"/>
                    <a:pt x="21505" y="1704"/>
                    <a:pt x="21580" y="1654"/>
                  </a:cubicBezTo>
                  <a:cubicBezTo>
                    <a:pt x="21680" y="1529"/>
                    <a:pt x="21956" y="1479"/>
                    <a:pt x="22131" y="1479"/>
                  </a:cubicBezTo>
                  <a:cubicBezTo>
                    <a:pt x="22257" y="1529"/>
                    <a:pt x="22357" y="1704"/>
                    <a:pt x="22407" y="1704"/>
                  </a:cubicBezTo>
                  <a:cubicBezTo>
                    <a:pt x="22532" y="1755"/>
                    <a:pt x="22708" y="1880"/>
                    <a:pt x="22808" y="1880"/>
                  </a:cubicBezTo>
                  <a:cubicBezTo>
                    <a:pt x="22933" y="1880"/>
                    <a:pt x="23209" y="1805"/>
                    <a:pt x="23309" y="1755"/>
                  </a:cubicBezTo>
                  <a:cubicBezTo>
                    <a:pt x="23385" y="1654"/>
                    <a:pt x="23435" y="1429"/>
                    <a:pt x="23535" y="1354"/>
                  </a:cubicBezTo>
                  <a:cubicBezTo>
                    <a:pt x="23660" y="1303"/>
                    <a:pt x="23886" y="1303"/>
                    <a:pt x="23936" y="1303"/>
                  </a:cubicBezTo>
                  <a:cubicBezTo>
                    <a:pt x="24111" y="1253"/>
                    <a:pt x="24387" y="1203"/>
                    <a:pt x="24512" y="1253"/>
                  </a:cubicBezTo>
                  <a:cubicBezTo>
                    <a:pt x="24738" y="1253"/>
                    <a:pt x="25114" y="1479"/>
                    <a:pt x="25339" y="1579"/>
                  </a:cubicBezTo>
                  <a:cubicBezTo>
                    <a:pt x="25465" y="1654"/>
                    <a:pt x="25640" y="1805"/>
                    <a:pt x="25690" y="1930"/>
                  </a:cubicBezTo>
                  <a:cubicBezTo>
                    <a:pt x="25791" y="1980"/>
                    <a:pt x="25966" y="2206"/>
                    <a:pt x="26016" y="2331"/>
                  </a:cubicBezTo>
                  <a:cubicBezTo>
                    <a:pt x="26141" y="2431"/>
                    <a:pt x="26367" y="2607"/>
                    <a:pt x="26417" y="2782"/>
                  </a:cubicBezTo>
                  <a:cubicBezTo>
                    <a:pt x="26467" y="2832"/>
                    <a:pt x="26467" y="2882"/>
                    <a:pt x="26517" y="3008"/>
                  </a:cubicBezTo>
                  <a:lnTo>
                    <a:pt x="26417" y="3108"/>
                  </a:lnTo>
                  <a:lnTo>
                    <a:pt x="26417" y="3233"/>
                  </a:lnTo>
                  <a:cubicBezTo>
                    <a:pt x="26417" y="3283"/>
                    <a:pt x="26517" y="3459"/>
                    <a:pt x="26467" y="3509"/>
                  </a:cubicBezTo>
                  <a:cubicBezTo>
                    <a:pt x="26467" y="3559"/>
                    <a:pt x="26417" y="3634"/>
                    <a:pt x="26367" y="3634"/>
                  </a:cubicBezTo>
                  <a:lnTo>
                    <a:pt x="26242" y="3634"/>
                  </a:lnTo>
                  <a:cubicBezTo>
                    <a:pt x="26192" y="3559"/>
                    <a:pt x="26192" y="3509"/>
                    <a:pt x="26141" y="3459"/>
                  </a:cubicBezTo>
                  <a:lnTo>
                    <a:pt x="25966" y="3459"/>
                  </a:lnTo>
                  <a:cubicBezTo>
                    <a:pt x="25916" y="3509"/>
                    <a:pt x="25791" y="3634"/>
                    <a:pt x="25791" y="3684"/>
                  </a:cubicBezTo>
                  <a:cubicBezTo>
                    <a:pt x="25791" y="3735"/>
                    <a:pt x="25916" y="3910"/>
                    <a:pt x="25966" y="3910"/>
                  </a:cubicBezTo>
                  <a:cubicBezTo>
                    <a:pt x="26016" y="3910"/>
                    <a:pt x="26192" y="3785"/>
                    <a:pt x="26242" y="3860"/>
                  </a:cubicBezTo>
                  <a:cubicBezTo>
                    <a:pt x="26317" y="3860"/>
                    <a:pt x="26367" y="3960"/>
                    <a:pt x="26367" y="3960"/>
                  </a:cubicBezTo>
                  <a:cubicBezTo>
                    <a:pt x="26367" y="4085"/>
                    <a:pt x="26242" y="4186"/>
                    <a:pt x="26242" y="4311"/>
                  </a:cubicBezTo>
                  <a:cubicBezTo>
                    <a:pt x="26192" y="4411"/>
                    <a:pt x="26317" y="4687"/>
                    <a:pt x="26317" y="4812"/>
                  </a:cubicBezTo>
                  <a:lnTo>
                    <a:pt x="26317" y="5138"/>
                  </a:lnTo>
                  <a:cubicBezTo>
                    <a:pt x="26367" y="5213"/>
                    <a:pt x="26417" y="5314"/>
                    <a:pt x="26417" y="5439"/>
                  </a:cubicBezTo>
                  <a:cubicBezTo>
                    <a:pt x="26417" y="5489"/>
                    <a:pt x="26367" y="5589"/>
                    <a:pt x="26317" y="5589"/>
                  </a:cubicBezTo>
                  <a:cubicBezTo>
                    <a:pt x="26242" y="5664"/>
                    <a:pt x="26192" y="5589"/>
                    <a:pt x="26192" y="5589"/>
                  </a:cubicBezTo>
                  <a:cubicBezTo>
                    <a:pt x="26141" y="5539"/>
                    <a:pt x="26091" y="5314"/>
                    <a:pt x="25966" y="5364"/>
                  </a:cubicBezTo>
                  <a:cubicBezTo>
                    <a:pt x="25916" y="5364"/>
                    <a:pt x="25966" y="5489"/>
                    <a:pt x="25916" y="5489"/>
                  </a:cubicBezTo>
                  <a:cubicBezTo>
                    <a:pt x="25866" y="5539"/>
                    <a:pt x="25740" y="5489"/>
                    <a:pt x="25740" y="5439"/>
                  </a:cubicBezTo>
                  <a:cubicBezTo>
                    <a:pt x="25690" y="5364"/>
                    <a:pt x="25690" y="5263"/>
                    <a:pt x="25740" y="5263"/>
                  </a:cubicBezTo>
                  <a:cubicBezTo>
                    <a:pt x="25740" y="5213"/>
                    <a:pt x="25791" y="5138"/>
                    <a:pt x="25791" y="5088"/>
                  </a:cubicBezTo>
                  <a:cubicBezTo>
                    <a:pt x="25791" y="5038"/>
                    <a:pt x="25740" y="4988"/>
                    <a:pt x="25690" y="4988"/>
                  </a:cubicBezTo>
                  <a:cubicBezTo>
                    <a:pt x="25690" y="4913"/>
                    <a:pt x="25565" y="4988"/>
                    <a:pt x="25515" y="4988"/>
                  </a:cubicBezTo>
                  <a:cubicBezTo>
                    <a:pt x="25465" y="5038"/>
                    <a:pt x="25565" y="5213"/>
                    <a:pt x="25515" y="5263"/>
                  </a:cubicBezTo>
                  <a:cubicBezTo>
                    <a:pt x="25515" y="5314"/>
                    <a:pt x="25415" y="5314"/>
                    <a:pt x="25339" y="5314"/>
                  </a:cubicBezTo>
                  <a:cubicBezTo>
                    <a:pt x="25289" y="5314"/>
                    <a:pt x="25239" y="5263"/>
                    <a:pt x="25189" y="5263"/>
                  </a:cubicBezTo>
                  <a:cubicBezTo>
                    <a:pt x="25114" y="5263"/>
                    <a:pt x="25014" y="5314"/>
                    <a:pt x="24963" y="5364"/>
                  </a:cubicBezTo>
                  <a:cubicBezTo>
                    <a:pt x="24888" y="5489"/>
                    <a:pt x="24888" y="5715"/>
                    <a:pt x="24963" y="5815"/>
                  </a:cubicBezTo>
                  <a:cubicBezTo>
                    <a:pt x="24963" y="5890"/>
                    <a:pt x="25064" y="6040"/>
                    <a:pt x="25114" y="6166"/>
                  </a:cubicBezTo>
                  <a:cubicBezTo>
                    <a:pt x="25189" y="6216"/>
                    <a:pt x="25289" y="6341"/>
                    <a:pt x="25339" y="6266"/>
                  </a:cubicBezTo>
                  <a:cubicBezTo>
                    <a:pt x="25415" y="6266"/>
                    <a:pt x="25465" y="6216"/>
                    <a:pt x="25465" y="6166"/>
                  </a:cubicBezTo>
                  <a:cubicBezTo>
                    <a:pt x="25465" y="6166"/>
                    <a:pt x="25415" y="6040"/>
                    <a:pt x="25415" y="5990"/>
                  </a:cubicBezTo>
                  <a:cubicBezTo>
                    <a:pt x="25465" y="5990"/>
                    <a:pt x="25515" y="5940"/>
                    <a:pt x="25565" y="5940"/>
                  </a:cubicBezTo>
                  <a:cubicBezTo>
                    <a:pt x="25640" y="5990"/>
                    <a:pt x="25565" y="6116"/>
                    <a:pt x="25565" y="6166"/>
                  </a:cubicBezTo>
                  <a:lnTo>
                    <a:pt x="25740" y="6166"/>
                  </a:lnTo>
                  <a:cubicBezTo>
                    <a:pt x="25866" y="6166"/>
                    <a:pt x="25966" y="6040"/>
                    <a:pt x="26016" y="5990"/>
                  </a:cubicBezTo>
                  <a:cubicBezTo>
                    <a:pt x="26091" y="5990"/>
                    <a:pt x="26242" y="5990"/>
                    <a:pt x="26317" y="5940"/>
                  </a:cubicBezTo>
                  <a:cubicBezTo>
                    <a:pt x="26317" y="5940"/>
                    <a:pt x="26367" y="5815"/>
                    <a:pt x="26367" y="5765"/>
                  </a:cubicBezTo>
                  <a:cubicBezTo>
                    <a:pt x="26417" y="5765"/>
                    <a:pt x="26517" y="5664"/>
                    <a:pt x="26593" y="5715"/>
                  </a:cubicBezTo>
                  <a:cubicBezTo>
                    <a:pt x="26643" y="5715"/>
                    <a:pt x="26693" y="5890"/>
                    <a:pt x="26693" y="5940"/>
                  </a:cubicBezTo>
                  <a:cubicBezTo>
                    <a:pt x="26743" y="6040"/>
                    <a:pt x="26743" y="6216"/>
                    <a:pt x="26743" y="6266"/>
                  </a:cubicBezTo>
                  <a:cubicBezTo>
                    <a:pt x="26743" y="6391"/>
                    <a:pt x="26693" y="6567"/>
                    <a:pt x="26693" y="6667"/>
                  </a:cubicBezTo>
                  <a:cubicBezTo>
                    <a:pt x="26643" y="6792"/>
                    <a:pt x="26693" y="7068"/>
                    <a:pt x="26693" y="7193"/>
                  </a:cubicBezTo>
                  <a:cubicBezTo>
                    <a:pt x="26743" y="7419"/>
                    <a:pt x="26918" y="7795"/>
                    <a:pt x="26969" y="8020"/>
                  </a:cubicBezTo>
                  <a:cubicBezTo>
                    <a:pt x="27044" y="8246"/>
                    <a:pt x="27144" y="8647"/>
                    <a:pt x="27194" y="8872"/>
                  </a:cubicBezTo>
                  <a:cubicBezTo>
                    <a:pt x="27269" y="9098"/>
                    <a:pt x="27370" y="9549"/>
                    <a:pt x="27420" y="9725"/>
                  </a:cubicBezTo>
                  <a:cubicBezTo>
                    <a:pt x="27495" y="9900"/>
                    <a:pt x="27645" y="10176"/>
                    <a:pt x="27720" y="10276"/>
                  </a:cubicBezTo>
                  <a:cubicBezTo>
                    <a:pt x="27821" y="10451"/>
                    <a:pt x="28096" y="10752"/>
                    <a:pt x="28222" y="10903"/>
                  </a:cubicBezTo>
                  <a:cubicBezTo>
                    <a:pt x="28322" y="11028"/>
                    <a:pt x="28497" y="11253"/>
                    <a:pt x="28547" y="11354"/>
                  </a:cubicBezTo>
                  <a:cubicBezTo>
                    <a:pt x="28673" y="11529"/>
                    <a:pt x="28848" y="11930"/>
                    <a:pt x="28999" y="12106"/>
                  </a:cubicBezTo>
                  <a:cubicBezTo>
                    <a:pt x="29124" y="12206"/>
                    <a:pt x="29400" y="12381"/>
                    <a:pt x="29525" y="12481"/>
                  </a:cubicBezTo>
                  <a:cubicBezTo>
                    <a:pt x="29675" y="12657"/>
                    <a:pt x="29976" y="13058"/>
                    <a:pt x="30126" y="13158"/>
                  </a:cubicBezTo>
                  <a:cubicBezTo>
                    <a:pt x="30252" y="13284"/>
                    <a:pt x="30477" y="13384"/>
                    <a:pt x="30653" y="13459"/>
                  </a:cubicBezTo>
                  <a:cubicBezTo>
                    <a:pt x="30703" y="13509"/>
                    <a:pt x="30803" y="13509"/>
                    <a:pt x="30928" y="13509"/>
                  </a:cubicBezTo>
                  <a:cubicBezTo>
                    <a:pt x="30979" y="13509"/>
                    <a:pt x="31104" y="13559"/>
                    <a:pt x="31204" y="13559"/>
                  </a:cubicBezTo>
                  <a:cubicBezTo>
                    <a:pt x="31154" y="13685"/>
                    <a:pt x="31154" y="13785"/>
                    <a:pt x="31154" y="13910"/>
                  </a:cubicBezTo>
                  <a:cubicBezTo>
                    <a:pt x="31154" y="14010"/>
                    <a:pt x="31254" y="14286"/>
                    <a:pt x="31204" y="14411"/>
                  </a:cubicBezTo>
                  <a:cubicBezTo>
                    <a:pt x="31204" y="14512"/>
                    <a:pt x="31154" y="14762"/>
                    <a:pt x="31104" y="14812"/>
                  </a:cubicBezTo>
                  <a:cubicBezTo>
                    <a:pt x="30979" y="14913"/>
                    <a:pt x="30753" y="14988"/>
                    <a:pt x="30653" y="15038"/>
                  </a:cubicBezTo>
                  <a:cubicBezTo>
                    <a:pt x="30578" y="15088"/>
                    <a:pt x="30527" y="15314"/>
                    <a:pt x="30477" y="15364"/>
                  </a:cubicBezTo>
                  <a:cubicBezTo>
                    <a:pt x="30352" y="15439"/>
                    <a:pt x="30202" y="15664"/>
                    <a:pt x="30026" y="15664"/>
                  </a:cubicBezTo>
                  <a:cubicBezTo>
                    <a:pt x="29901" y="15664"/>
                    <a:pt x="29675" y="15439"/>
                    <a:pt x="29625" y="15314"/>
                  </a:cubicBezTo>
                  <a:cubicBezTo>
                    <a:pt x="29625" y="15263"/>
                    <a:pt x="29675" y="15038"/>
                    <a:pt x="29625" y="14913"/>
                  </a:cubicBezTo>
                  <a:cubicBezTo>
                    <a:pt x="29625" y="14862"/>
                    <a:pt x="29625" y="14762"/>
                    <a:pt x="29575" y="14687"/>
                  </a:cubicBezTo>
                  <a:cubicBezTo>
                    <a:pt x="29525" y="14587"/>
                    <a:pt x="29224" y="14637"/>
                    <a:pt x="29124" y="14512"/>
                  </a:cubicBezTo>
                  <a:cubicBezTo>
                    <a:pt x="29074" y="14461"/>
                    <a:pt x="29074" y="14286"/>
                    <a:pt x="28999" y="14236"/>
                  </a:cubicBezTo>
                  <a:cubicBezTo>
                    <a:pt x="28999" y="14186"/>
                    <a:pt x="28948" y="14186"/>
                    <a:pt x="28948" y="14186"/>
                  </a:cubicBezTo>
                  <a:cubicBezTo>
                    <a:pt x="28898" y="14136"/>
                    <a:pt x="28848" y="14060"/>
                    <a:pt x="28848" y="14010"/>
                  </a:cubicBezTo>
                  <a:cubicBezTo>
                    <a:pt x="28848" y="13910"/>
                    <a:pt x="28999" y="13735"/>
                    <a:pt x="28948" y="13609"/>
                  </a:cubicBezTo>
                  <a:cubicBezTo>
                    <a:pt x="28898" y="13509"/>
                    <a:pt x="28623" y="13609"/>
                    <a:pt x="28497" y="13609"/>
                  </a:cubicBezTo>
                  <a:cubicBezTo>
                    <a:pt x="28397" y="13609"/>
                    <a:pt x="28222" y="13685"/>
                    <a:pt x="28172" y="13735"/>
                  </a:cubicBezTo>
                  <a:cubicBezTo>
                    <a:pt x="28096" y="13785"/>
                    <a:pt x="27996" y="13960"/>
                    <a:pt x="27946" y="14010"/>
                  </a:cubicBezTo>
                  <a:lnTo>
                    <a:pt x="27871" y="14010"/>
                  </a:lnTo>
                  <a:cubicBezTo>
                    <a:pt x="27771" y="14060"/>
                    <a:pt x="27495" y="14136"/>
                    <a:pt x="27370" y="14136"/>
                  </a:cubicBezTo>
                  <a:cubicBezTo>
                    <a:pt x="27269" y="14136"/>
                    <a:pt x="27144" y="13960"/>
                    <a:pt x="27094" y="14010"/>
                  </a:cubicBezTo>
                  <a:cubicBezTo>
                    <a:pt x="27044" y="14060"/>
                    <a:pt x="27094" y="14236"/>
                    <a:pt x="27044" y="14286"/>
                  </a:cubicBezTo>
                  <a:cubicBezTo>
                    <a:pt x="27044" y="14361"/>
                    <a:pt x="26969" y="14512"/>
                    <a:pt x="26918" y="14587"/>
                  </a:cubicBezTo>
                  <a:cubicBezTo>
                    <a:pt x="26868" y="14637"/>
                    <a:pt x="26643" y="14637"/>
                    <a:pt x="26593" y="14587"/>
                  </a:cubicBezTo>
                  <a:cubicBezTo>
                    <a:pt x="26517" y="14512"/>
                    <a:pt x="26593" y="14411"/>
                    <a:pt x="26593" y="14361"/>
                  </a:cubicBezTo>
                  <a:cubicBezTo>
                    <a:pt x="26517" y="14236"/>
                    <a:pt x="26417" y="14060"/>
                    <a:pt x="26317" y="14060"/>
                  </a:cubicBezTo>
                  <a:cubicBezTo>
                    <a:pt x="26242" y="14060"/>
                    <a:pt x="26141" y="14236"/>
                    <a:pt x="26091" y="14286"/>
                  </a:cubicBezTo>
                  <a:cubicBezTo>
                    <a:pt x="26016" y="14461"/>
                    <a:pt x="25966" y="14687"/>
                    <a:pt x="25966" y="14812"/>
                  </a:cubicBezTo>
                  <a:cubicBezTo>
                    <a:pt x="25966" y="14913"/>
                    <a:pt x="26091" y="15138"/>
                    <a:pt x="26091" y="15263"/>
                  </a:cubicBezTo>
                  <a:cubicBezTo>
                    <a:pt x="26141" y="15364"/>
                    <a:pt x="26091" y="15539"/>
                    <a:pt x="26091" y="15664"/>
                  </a:cubicBezTo>
                  <a:cubicBezTo>
                    <a:pt x="26016" y="15765"/>
                    <a:pt x="25916" y="15940"/>
                    <a:pt x="25916" y="16040"/>
                  </a:cubicBezTo>
                  <a:cubicBezTo>
                    <a:pt x="25866" y="16116"/>
                    <a:pt x="25866" y="16266"/>
                    <a:pt x="25866" y="16391"/>
                  </a:cubicBezTo>
                  <a:cubicBezTo>
                    <a:pt x="25791" y="16341"/>
                    <a:pt x="25740" y="16341"/>
                    <a:pt x="25690" y="16341"/>
                  </a:cubicBezTo>
                  <a:cubicBezTo>
                    <a:pt x="25640" y="16341"/>
                    <a:pt x="25565" y="16492"/>
                    <a:pt x="25515" y="16492"/>
                  </a:cubicBezTo>
                  <a:cubicBezTo>
                    <a:pt x="25415" y="16567"/>
                    <a:pt x="25239" y="16617"/>
                    <a:pt x="25114" y="16567"/>
                  </a:cubicBezTo>
                  <a:cubicBezTo>
                    <a:pt x="25064" y="16567"/>
                    <a:pt x="24888" y="16441"/>
                    <a:pt x="24838" y="16441"/>
                  </a:cubicBezTo>
                  <a:cubicBezTo>
                    <a:pt x="24738" y="16391"/>
                    <a:pt x="24562" y="16391"/>
                    <a:pt x="24437" y="16341"/>
                  </a:cubicBezTo>
                  <a:cubicBezTo>
                    <a:pt x="24387" y="16266"/>
                    <a:pt x="24437" y="15990"/>
                    <a:pt x="24337" y="15940"/>
                  </a:cubicBezTo>
                  <a:cubicBezTo>
                    <a:pt x="24287" y="15815"/>
                    <a:pt x="23986" y="15815"/>
                    <a:pt x="23836" y="15815"/>
                  </a:cubicBezTo>
                  <a:cubicBezTo>
                    <a:pt x="23760" y="15815"/>
                    <a:pt x="23535" y="15890"/>
                    <a:pt x="23485" y="15890"/>
                  </a:cubicBezTo>
                  <a:cubicBezTo>
                    <a:pt x="23385" y="15940"/>
                    <a:pt x="23209" y="15940"/>
                    <a:pt x="23084" y="15890"/>
                  </a:cubicBezTo>
                  <a:cubicBezTo>
                    <a:pt x="23034" y="15815"/>
                    <a:pt x="22808" y="15715"/>
                    <a:pt x="22758" y="15589"/>
                  </a:cubicBezTo>
                  <a:cubicBezTo>
                    <a:pt x="22708" y="15489"/>
                    <a:pt x="22583" y="15138"/>
                    <a:pt x="22532" y="15038"/>
                  </a:cubicBezTo>
                  <a:cubicBezTo>
                    <a:pt x="22482" y="14913"/>
                    <a:pt x="22307" y="14687"/>
                    <a:pt x="22257" y="14637"/>
                  </a:cubicBezTo>
                  <a:cubicBezTo>
                    <a:pt x="22131" y="14512"/>
                    <a:pt x="21906" y="14411"/>
                    <a:pt x="21806" y="14361"/>
                  </a:cubicBezTo>
                  <a:cubicBezTo>
                    <a:pt x="21730" y="14286"/>
                    <a:pt x="21630" y="14136"/>
                    <a:pt x="21630" y="14060"/>
                  </a:cubicBezTo>
                  <a:cubicBezTo>
                    <a:pt x="21580" y="13960"/>
                    <a:pt x="21580" y="13835"/>
                    <a:pt x="21630" y="13785"/>
                  </a:cubicBezTo>
                  <a:cubicBezTo>
                    <a:pt x="21680" y="13735"/>
                    <a:pt x="21856" y="13735"/>
                    <a:pt x="21906" y="13685"/>
                  </a:cubicBezTo>
                  <a:cubicBezTo>
                    <a:pt x="21956" y="13609"/>
                    <a:pt x="21956" y="13384"/>
                    <a:pt x="22031" y="13284"/>
                  </a:cubicBezTo>
                  <a:cubicBezTo>
                    <a:pt x="22081" y="13158"/>
                    <a:pt x="22182" y="13008"/>
                    <a:pt x="22257" y="12882"/>
                  </a:cubicBezTo>
                  <a:cubicBezTo>
                    <a:pt x="22307" y="12832"/>
                    <a:pt x="22482" y="12782"/>
                    <a:pt x="22482" y="12707"/>
                  </a:cubicBezTo>
                  <a:cubicBezTo>
                    <a:pt x="22532" y="12657"/>
                    <a:pt x="22532" y="12557"/>
                    <a:pt x="22482" y="12481"/>
                  </a:cubicBezTo>
                  <a:cubicBezTo>
                    <a:pt x="22482" y="12431"/>
                    <a:pt x="22357" y="12331"/>
                    <a:pt x="22307" y="12256"/>
                  </a:cubicBezTo>
                  <a:cubicBezTo>
                    <a:pt x="22257" y="12256"/>
                    <a:pt x="22131" y="12206"/>
                    <a:pt x="22081" y="12206"/>
                  </a:cubicBezTo>
                  <a:cubicBezTo>
                    <a:pt x="22031" y="12206"/>
                    <a:pt x="21906" y="12256"/>
                    <a:pt x="21856" y="12256"/>
                  </a:cubicBezTo>
                  <a:cubicBezTo>
                    <a:pt x="21806" y="12331"/>
                    <a:pt x="21806" y="12481"/>
                    <a:pt x="21730" y="12481"/>
                  </a:cubicBezTo>
                  <a:cubicBezTo>
                    <a:pt x="21680" y="12557"/>
                    <a:pt x="21505" y="12481"/>
                    <a:pt x="21405" y="12431"/>
                  </a:cubicBezTo>
                  <a:cubicBezTo>
                    <a:pt x="21354" y="12331"/>
                    <a:pt x="21354" y="12106"/>
                    <a:pt x="21279" y="12030"/>
                  </a:cubicBezTo>
                  <a:cubicBezTo>
                    <a:pt x="21229" y="11930"/>
                    <a:pt x="21054" y="11755"/>
                    <a:pt x="21004" y="11705"/>
                  </a:cubicBezTo>
                  <a:cubicBezTo>
                    <a:pt x="20903" y="11654"/>
                    <a:pt x="20728" y="11654"/>
                    <a:pt x="20603" y="11654"/>
                  </a:cubicBezTo>
                  <a:cubicBezTo>
                    <a:pt x="20502" y="11654"/>
                    <a:pt x="20327" y="11654"/>
                    <a:pt x="20277" y="11579"/>
                  </a:cubicBezTo>
                  <a:cubicBezTo>
                    <a:pt x="20151" y="11579"/>
                    <a:pt x="20001" y="11479"/>
                    <a:pt x="19926" y="11429"/>
                  </a:cubicBezTo>
                  <a:cubicBezTo>
                    <a:pt x="19926" y="11304"/>
                    <a:pt x="20051" y="11128"/>
                    <a:pt x="20001" y="11078"/>
                  </a:cubicBezTo>
                  <a:cubicBezTo>
                    <a:pt x="20001" y="11028"/>
                    <a:pt x="19826" y="10903"/>
                    <a:pt x="19775" y="10903"/>
                  </a:cubicBezTo>
                  <a:cubicBezTo>
                    <a:pt x="19650" y="10852"/>
                    <a:pt x="19324" y="10903"/>
                    <a:pt x="19199" y="11028"/>
                  </a:cubicBezTo>
                  <a:cubicBezTo>
                    <a:pt x="19149" y="11078"/>
                    <a:pt x="19099" y="11253"/>
                    <a:pt x="19024" y="11304"/>
                  </a:cubicBezTo>
                  <a:cubicBezTo>
                    <a:pt x="18973" y="11354"/>
                    <a:pt x="18698" y="11304"/>
                    <a:pt x="18648" y="11354"/>
                  </a:cubicBezTo>
                  <a:cubicBezTo>
                    <a:pt x="18522" y="11354"/>
                    <a:pt x="18347" y="11429"/>
                    <a:pt x="18247" y="11479"/>
                  </a:cubicBezTo>
                  <a:cubicBezTo>
                    <a:pt x="18247" y="11529"/>
                    <a:pt x="18247" y="11705"/>
                    <a:pt x="18197" y="11755"/>
                  </a:cubicBezTo>
                  <a:cubicBezTo>
                    <a:pt x="18197" y="11805"/>
                    <a:pt x="18021" y="11880"/>
                    <a:pt x="17971" y="11880"/>
                  </a:cubicBezTo>
                  <a:cubicBezTo>
                    <a:pt x="17896" y="11930"/>
                    <a:pt x="17846" y="12106"/>
                    <a:pt x="17846" y="12206"/>
                  </a:cubicBezTo>
                  <a:cubicBezTo>
                    <a:pt x="17846" y="12256"/>
                    <a:pt x="18021" y="12431"/>
                    <a:pt x="18021" y="12481"/>
                  </a:cubicBezTo>
                  <a:cubicBezTo>
                    <a:pt x="18021" y="12557"/>
                    <a:pt x="17896" y="12707"/>
                    <a:pt x="17846" y="12707"/>
                  </a:cubicBezTo>
                  <a:cubicBezTo>
                    <a:pt x="17745" y="12782"/>
                    <a:pt x="17570" y="12657"/>
                    <a:pt x="17470" y="12657"/>
                  </a:cubicBezTo>
                  <a:lnTo>
                    <a:pt x="17019" y="12657"/>
                  </a:lnTo>
                  <a:cubicBezTo>
                    <a:pt x="16893" y="12657"/>
                    <a:pt x="16718" y="12707"/>
                    <a:pt x="16618" y="12707"/>
                  </a:cubicBezTo>
                  <a:cubicBezTo>
                    <a:pt x="16492" y="12707"/>
                    <a:pt x="16342" y="12607"/>
                    <a:pt x="16267" y="12557"/>
                  </a:cubicBezTo>
                  <a:cubicBezTo>
                    <a:pt x="16217" y="12481"/>
                    <a:pt x="16116" y="12331"/>
                    <a:pt x="15991" y="12256"/>
                  </a:cubicBezTo>
                  <a:cubicBezTo>
                    <a:pt x="15941" y="12206"/>
                    <a:pt x="15816" y="12156"/>
                    <a:pt x="15715" y="12106"/>
                  </a:cubicBezTo>
                  <a:cubicBezTo>
                    <a:pt x="15665" y="12106"/>
                    <a:pt x="15490" y="12156"/>
                    <a:pt x="15440" y="12206"/>
                  </a:cubicBezTo>
                  <a:cubicBezTo>
                    <a:pt x="15364" y="12256"/>
                    <a:pt x="15364" y="12481"/>
                    <a:pt x="15264" y="12557"/>
                  </a:cubicBezTo>
                  <a:cubicBezTo>
                    <a:pt x="15214" y="12607"/>
                    <a:pt x="15089" y="12707"/>
                    <a:pt x="14989" y="12707"/>
                  </a:cubicBezTo>
                  <a:cubicBezTo>
                    <a:pt x="14913" y="12707"/>
                    <a:pt x="14688" y="12657"/>
                    <a:pt x="14588" y="12607"/>
                  </a:cubicBezTo>
                  <a:cubicBezTo>
                    <a:pt x="14412" y="12557"/>
                    <a:pt x="14186" y="12206"/>
                    <a:pt x="14086" y="12106"/>
                  </a:cubicBezTo>
                  <a:cubicBezTo>
                    <a:pt x="13961" y="12030"/>
                    <a:pt x="13735" y="11930"/>
                    <a:pt x="13635" y="11880"/>
                  </a:cubicBezTo>
                  <a:cubicBezTo>
                    <a:pt x="13510" y="11880"/>
                    <a:pt x="13284" y="11930"/>
                    <a:pt x="13184" y="11930"/>
                  </a:cubicBezTo>
                  <a:cubicBezTo>
                    <a:pt x="13109" y="11980"/>
                    <a:pt x="13009" y="12156"/>
                    <a:pt x="12958" y="12206"/>
                  </a:cubicBezTo>
                  <a:cubicBezTo>
                    <a:pt x="12833" y="12256"/>
                    <a:pt x="12608" y="12331"/>
                    <a:pt x="12507" y="12331"/>
                  </a:cubicBezTo>
                  <a:cubicBezTo>
                    <a:pt x="12332" y="12331"/>
                    <a:pt x="12106" y="12106"/>
                    <a:pt x="11981" y="12030"/>
                  </a:cubicBezTo>
                  <a:cubicBezTo>
                    <a:pt x="11881" y="11980"/>
                    <a:pt x="11655" y="11980"/>
                    <a:pt x="11605" y="11930"/>
                  </a:cubicBezTo>
                  <a:cubicBezTo>
                    <a:pt x="11430" y="11805"/>
                    <a:pt x="11379" y="11529"/>
                    <a:pt x="11254" y="11429"/>
                  </a:cubicBezTo>
                  <a:cubicBezTo>
                    <a:pt x="11154" y="11304"/>
                    <a:pt x="10853" y="11128"/>
                    <a:pt x="10703" y="11078"/>
                  </a:cubicBezTo>
                  <a:cubicBezTo>
                    <a:pt x="10577" y="11028"/>
                    <a:pt x="10302" y="10978"/>
                    <a:pt x="10252" y="10903"/>
                  </a:cubicBezTo>
                  <a:cubicBezTo>
                    <a:pt x="10126" y="10852"/>
                    <a:pt x="10126" y="10627"/>
                    <a:pt x="10076" y="10577"/>
                  </a:cubicBezTo>
                  <a:cubicBezTo>
                    <a:pt x="10026" y="10502"/>
                    <a:pt x="9951" y="10276"/>
                    <a:pt x="9851" y="10276"/>
                  </a:cubicBezTo>
                  <a:cubicBezTo>
                    <a:pt x="9851" y="10276"/>
                    <a:pt x="9801" y="10401"/>
                    <a:pt x="9801" y="10451"/>
                  </a:cubicBezTo>
                  <a:cubicBezTo>
                    <a:pt x="9801" y="10502"/>
                    <a:pt x="9851" y="10627"/>
                    <a:pt x="9851" y="10627"/>
                  </a:cubicBezTo>
                  <a:cubicBezTo>
                    <a:pt x="9851" y="10752"/>
                    <a:pt x="9801" y="11028"/>
                    <a:pt x="9675" y="11028"/>
                  </a:cubicBezTo>
                  <a:cubicBezTo>
                    <a:pt x="9625" y="11078"/>
                    <a:pt x="9450" y="10978"/>
                    <a:pt x="9400" y="10852"/>
                  </a:cubicBezTo>
                  <a:cubicBezTo>
                    <a:pt x="9274" y="10802"/>
                    <a:pt x="9274" y="10577"/>
                    <a:pt x="9224" y="10502"/>
                  </a:cubicBezTo>
                  <a:cubicBezTo>
                    <a:pt x="9174" y="10351"/>
                    <a:pt x="8998" y="10126"/>
                    <a:pt x="8898" y="10000"/>
                  </a:cubicBezTo>
                  <a:cubicBezTo>
                    <a:pt x="8773" y="9950"/>
                    <a:pt x="8547" y="9825"/>
                    <a:pt x="8447" y="9775"/>
                  </a:cubicBezTo>
                  <a:cubicBezTo>
                    <a:pt x="8272" y="9725"/>
                    <a:pt x="7996" y="9775"/>
                    <a:pt x="7821" y="9725"/>
                  </a:cubicBezTo>
                  <a:cubicBezTo>
                    <a:pt x="7645" y="9725"/>
                    <a:pt x="7369" y="9599"/>
                    <a:pt x="7269" y="9499"/>
                  </a:cubicBezTo>
                  <a:cubicBezTo>
                    <a:pt x="7194" y="9449"/>
                    <a:pt x="7144" y="9324"/>
                    <a:pt x="7094" y="9273"/>
                  </a:cubicBezTo>
                  <a:cubicBezTo>
                    <a:pt x="7094" y="9148"/>
                    <a:pt x="7144" y="8872"/>
                    <a:pt x="7094" y="8772"/>
                  </a:cubicBezTo>
                  <a:cubicBezTo>
                    <a:pt x="7094" y="8697"/>
                    <a:pt x="6968" y="8597"/>
                    <a:pt x="6918" y="8547"/>
                  </a:cubicBezTo>
                  <a:cubicBezTo>
                    <a:pt x="6818" y="8547"/>
                    <a:pt x="6643" y="8597"/>
                    <a:pt x="6592" y="8597"/>
                  </a:cubicBezTo>
                  <a:cubicBezTo>
                    <a:pt x="6467" y="8547"/>
                    <a:pt x="6242" y="8547"/>
                    <a:pt x="6191" y="8471"/>
                  </a:cubicBezTo>
                  <a:cubicBezTo>
                    <a:pt x="6141" y="8421"/>
                    <a:pt x="6016" y="8321"/>
                    <a:pt x="5966" y="8321"/>
                  </a:cubicBezTo>
                  <a:cubicBezTo>
                    <a:pt x="5841" y="8246"/>
                    <a:pt x="5615" y="8246"/>
                    <a:pt x="5565" y="8321"/>
                  </a:cubicBezTo>
                  <a:cubicBezTo>
                    <a:pt x="5465" y="8371"/>
                    <a:pt x="5289" y="8547"/>
                    <a:pt x="5239" y="8597"/>
                  </a:cubicBezTo>
                  <a:cubicBezTo>
                    <a:pt x="5164" y="8697"/>
                    <a:pt x="5164" y="8872"/>
                    <a:pt x="5114" y="8998"/>
                  </a:cubicBezTo>
                  <a:cubicBezTo>
                    <a:pt x="5114" y="9048"/>
                    <a:pt x="5014" y="9098"/>
                    <a:pt x="5014" y="9148"/>
                  </a:cubicBezTo>
                  <a:cubicBezTo>
                    <a:pt x="4938" y="9223"/>
                    <a:pt x="4788" y="9324"/>
                    <a:pt x="4713" y="9324"/>
                  </a:cubicBezTo>
                  <a:cubicBezTo>
                    <a:pt x="4613" y="9374"/>
                    <a:pt x="4437" y="9374"/>
                    <a:pt x="4337" y="9374"/>
                  </a:cubicBezTo>
                  <a:cubicBezTo>
                    <a:pt x="4262" y="9324"/>
                    <a:pt x="4212" y="9273"/>
                    <a:pt x="4212" y="9223"/>
                  </a:cubicBezTo>
                  <a:cubicBezTo>
                    <a:pt x="4111" y="9098"/>
                    <a:pt x="3986" y="8822"/>
                    <a:pt x="3886" y="8772"/>
                  </a:cubicBezTo>
                  <a:cubicBezTo>
                    <a:pt x="3811" y="8697"/>
                    <a:pt x="3660" y="8697"/>
                    <a:pt x="3535" y="8697"/>
                  </a:cubicBezTo>
                  <a:lnTo>
                    <a:pt x="3209" y="8697"/>
                  </a:lnTo>
                  <a:cubicBezTo>
                    <a:pt x="3084" y="8772"/>
                    <a:pt x="2908" y="8923"/>
                    <a:pt x="2808" y="8923"/>
                  </a:cubicBezTo>
                  <a:cubicBezTo>
                    <a:pt x="2758" y="8998"/>
                    <a:pt x="2582" y="9048"/>
                    <a:pt x="2532" y="9048"/>
                  </a:cubicBezTo>
                  <a:cubicBezTo>
                    <a:pt x="2457" y="8998"/>
                    <a:pt x="2457" y="8822"/>
                    <a:pt x="2457" y="8772"/>
                  </a:cubicBezTo>
                  <a:cubicBezTo>
                    <a:pt x="2457" y="8697"/>
                    <a:pt x="2633" y="8547"/>
                    <a:pt x="2683" y="8471"/>
                  </a:cubicBezTo>
                  <a:cubicBezTo>
                    <a:pt x="2683" y="8371"/>
                    <a:pt x="2758" y="8146"/>
                    <a:pt x="2758" y="8096"/>
                  </a:cubicBezTo>
                  <a:cubicBezTo>
                    <a:pt x="2758" y="7920"/>
                    <a:pt x="2683" y="7644"/>
                    <a:pt x="2633" y="7519"/>
                  </a:cubicBezTo>
                  <a:cubicBezTo>
                    <a:pt x="2582" y="7344"/>
                    <a:pt x="2357" y="7118"/>
                    <a:pt x="2232" y="6968"/>
                  </a:cubicBezTo>
                  <a:cubicBezTo>
                    <a:pt x="2181" y="6892"/>
                    <a:pt x="2081" y="6792"/>
                    <a:pt x="2006" y="6742"/>
                  </a:cubicBezTo>
                  <a:cubicBezTo>
                    <a:pt x="1906" y="6742"/>
                    <a:pt x="1730" y="6742"/>
                    <a:pt x="1630" y="6792"/>
                  </a:cubicBezTo>
                  <a:cubicBezTo>
                    <a:pt x="1555" y="6792"/>
                    <a:pt x="1404" y="6892"/>
                    <a:pt x="1279" y="6968"/>
                  </a:cubicBezTo>
                  <a:cubicBezTo>
                    <a:pt x="1179" y="6968"/>
                    <a:pt x="1003" y="6842"/>
                    <a:pt x="953" y="6792"/>
                  </a:cubicBezTo>
                  <a:cubicBezTo>
                    <a:pt x="878" y="6792"/>
                    <a:pt x="728" y="6667"/>
                    <a:pt x="602" y="6617"/>
                  </a:cubicBezTo>
                  <a:lnTo>
                    <a:pt x="201" y="6617"/>
                  </a:lnTo>
                  <a:cubicBezTo>
                    <a:pt x="151" y="6617"/>
                    <a:pt x="51" y="6667"/>
                    <a:pt x="1" y="6667"/>
                  </a:cubicBezTo>
                  <a:cubicBezTo>
                    <a:pt x="51" y="6491"/>
                    <a:pt x="201" y="6341"/>
                    <a:pt x="277" y="6216"/>
                  </a:cubicBezTo>
                  <a:cubicBezTo>
                    <a:pt x="327" y="6166"/>
                    <a:pt x="377" y="6040"/>
                    <a:pt x="427" y="5940"/>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179" name="Google Shape;236;p16">
              <a:extLst>
                <a:ext uri="{FF2B5EF4-FFF2-40B4-BE49-F238E27FC236}">
                  <a16:creationId xmlns:a16="http://schemas.microsoft.com/office/drawing/2014/main" id="{B97F5EE5-4337-04BB-D9FA-0A15B233D5E6}"/>
                </a:ext>
              </a:extLst>
            </p:cNvPr>
            <p:cNvSpPr/>
            <p:nvPr/>
          </p:nvSpPr>
          <p:spPr>
            <a:xfrm>
              <a:off x="1894989" y="1725512"/>
              <a:ext cx="872327" cy="463780"/>
            </a:xfrm>
            <a:custGeom>
              <a:avLst/>
              <a:gdLst/>
              <a:ahLst/>
              <a:cxnLst/>
              <a:rect l="l" t="t" r="r" b="b"/>
              <a:pathLst>
                <a:path w="31255" h="16617" fill="none" extrusionOk="0">
                  <a:moveTo>
                    <a:pt x="427" y="5940"/>
                  </a:moveTo>
                  <a:cubicBezTo>
                    <a:pt x="502" y="5815"/>
                    <a:pt x="602" y="5664"/>
                    <a:pt x="602" y="5589"/>
                  </a:cubicBezTo>
                  <a:cubicBezTo>
                    <a:pt x="653" y="5439"/>
                    <a:pt x="728" y="5088"/>
                    <a:pt x="778" y="4988"/>
                  </a:cubicBezTo>
                  <a:cubicBezTo>
                    <a:pt x="828" y="4862"/>
                    <a:pt x="1003" y="4812"/>
                    <a:pt x="1054" y="4687"/>
                  </a:cubicBezTo>
                  <a:cubicBezTo>
                    <a:pt x="1054" y="4637"/>
                    <a:pt x="1003" y="4361"/>
                    <a:pt x="1054" y="4311"/>
                  </a:cubicBezTo>
                  <a:cubicBezTo>
                    <a:pt x="1054" y="4186"/>
                    <a:pt x="1279" y="4186"/>
                    <a:pt x="1329" y="4085"/>
                  </a:cubicBezTo>
                  <a:cubicBezTo>
                    <a:pt x="1404" y="3960"/>
                    <a:pt x="1505" y="3735"/>
                    <a:pt x="1455" y="3634"/>
                  </a:cubicBezTo>
                  <a:cubicBezTo>
                    <a:pt x="1455" y="3459"/>
                    <a:pt x="1179" y="3233"/>
                    <a:pt x="1104" y="3108"/>
                  </a:cubicBezTo>
                  <a:cubicBezTo>
                    <a:pt x="1003" y="3008"/>
                    <a:pt x="878" y="2732"/>
                    <a:pt x="828" y="2607"/>
                  </a:cubicBezTo>
                  <a:cubicBezTo>
                    <a:pt x="828" y="2431"/>
                    <a:pt x="878" y="2030"/>
                    <a:pt x="953" y="1805"/>
                  </a:cubicBezTo>
                  <a:cubicBezTo>
                    <a:pt x="1003" y="1654"/>
                    <a:pt x="1179" y="1253"/>
                    <a:pt x="1279" y="1078"/>
                  </a:cubicBezTo>
                  <a:cubicBezTo>
                    <a:pt x="1404" y="978"/>
                    <a:pt x="1630" y="627"/>
                    <a:pt x="1780" y="577"/>
                  </a:cubicBezTo>
                  <a:cubicBezTo>
                    <a:pt x="1906" y="527"/>
                    <a:pt x="2131" y="752"/>
                    <a:pt x="2307" y="752"/>
                  </a:cubicBezTo>
                  <a:cubicBezTo>
                    <a:pt x="2457" y="677"/>
                    <a:pt x="2683" y="301"/>
                    <a:pt x="2858" y="226"/>
                  </a:cubicBezTo>
                  <a:cubicBezTo>
                    <a:pt x="2983" y="176"/>
                    <a:pt x="3259" y="176"/>
                    <a:pt x="3359" y="301"/>
                  </a:cubicBezTo>
                  <a:cubicBezTo>
                    <a:pt x="3485" y="351"/>
                    <a:pt x="3535" y="677"/>
                    <a:pt x="3660" y="802"/>
                  </a:cubicBezTo>
                  <a:cubicBezTo>
                    <a:pt x="3886" y="902"/>
                    <a:pt x="4387" y="1078"/>
                    <a:pt x="4663" y="978"/>
                  </a:cubicBezTo>
                  <a:cubicBezTo>
                    <a:pt x="4838" y="902"/>
                    <a:pt x="5014" y="577"/>
                    <a:pt x="5164" y="401"/>
                  </a:cubicBezTo>
                  <a:cubicBezTo>
                    <a:pt x="5289" y="351"/>
                    <a:pt x="5515" y="126"/>
                    <a:pt x="5690" y="75"/>
                  </a:cubicBezTo>
                  <a:cubicBezTo>
                    <a:pt x="5790" y="0"/>
                    <a:pt x="6066" y="126"/>
                    <a:pt x="6191" y="126"/>
                  </a:cubicBezTo>
                  <a:cubicBezTo>
                    <a:pt x="6292" y="126"/>
                    <a:pt x="6592" y="75"/>
                    <a:pt x="6643" y="126"/>
                  </a:cubicBezTo>
                  <a:cubicBezTo>
                    <a:pt x="6818" y="176"/>
                    <a:pt x="7094" y="351"/>
                    <a:pt x="7144" y="527"/>
                  </a:cubicBezTo>
                  <a:cubicBezTo>
                    <a:pt x="7194" y="627"/>
                    <a:pt x="6968" y="978"/>
                    <a:pt x="7044" y="1128"/>
                  </a:cubicBezTo>
                  <a:cubicBezTo>
                    <a:pt x="7044" y="1253"/>
                    <a:pt x="7269" y="1529"/>
                    <a:pt x="7420" y="1529"/>
                  </a:cubicBezTo>
                  <a:cubicBezTo>
                    <a:pt x="7595" y="1579"/>
                    <a:pt x="7871" y="1128"/>
                    <a:pt x="8096" y="1128"/>
                  </a:cubicBezTo>
                  <a:cubicBezTo>
                    <a:pt x="8272" y="1078"/>
                    <a:pt x="8547" y="1203"/>
                    <a:pt x="8673" y="1253"/>
                  </a:cubicBezTo>
                  <a:cubicBezTo>
                    <a:pt x="8848" y="1354"/>
                    <a:pt x="9074" y="1704"/>
                    <a:pt x="9174" y="1755"/>
                  </a:cubicBezTo>
                  <a:cubicBezTo>
                    <a:pt x="9400" y="1805"/>
                    <a:pt x="9851" y="1654"/>
                    <a:pt x="10026" y="1654"/>
                  </a:cubicBezTo>
                  <a:cubicBezTo>
                    <a:pt x="10176" y="1704"/>
                    <a:pt x="10527" y="1880"/>
                    <a:pt x="10628" y="1930"/>
                  </a:cubicBezTo>
                  <a:cubicBezTo>
                    <a:pt x="10753" y="2030"/>
                    <a:pt x="10928" y="2256"/>
                    <a:pt x="11029" y="2331"/>
                  </a:cubicBezTo>
                  <a:cubicBezTo>
                    <a:pt x="11304" y="2431"/>
                    <a:pt x="11881" y="2431"/>
                    <a:pt x="12106" y="2381"/>
                  </a:cubicBezTo>
                  <a:cubicBezTo>
                    <a:pt x="12332" y="2331"/>
                    <a:pt x="12658" y="1980"/>
                    <a:pt x="12883" y="1930"/>
                  </a:cubicBezTo>
                  <a:cubicBezTo>
                    <a:pt x="13059" y="1880"/>
                    <a:pt x="13460" y="1930"/>
                    <a:pt x="13685" y="1980"/>
                  </a:cubicBezTo>
                  <a:cubicBezTo>
                    <a:pt x="13911" y="2030"/>
                    <a:pt x="14312" y="2331"/>
                    <a:pt x="14537" y="2331"/>
                  </a:cubicBezTo>
                  <a:cubicBezTo>
                    <a:pt x="14688" y="2331"/>
                    <a:pt x="15039" y="2030"/>
                    <a:pt x="15214" y="1980"/>
                  </a:cubicBezTo>
                  <a:cubicBezTo>
                    <a:pt x="15490" y="1930"/>
                    <a:pt x="15991" y="1805"/>
                    <a:pt x="16217" y="1805"/>
                  </a:cubicBezTo>
                  <a:cubicBezTo>
                    <a:pt x="16442" y="1755"/>
                    <a:pt x="16893" y="1755"/>
                    <a:pt x="17119" y="1704"/>
                  </a:cubicBezTo>
                  <a:cubicBezTo>
                    <a:pt x="17244" y="1654"/>
                    <a:pt x="17470" y="1529"/>
                    <a:pt x="17620" y="1429"/>
                  </a:cubicBezTo>
                  <a:lnTo>
                    <a:pt x="17745" y="1429"/>
                  </a:lnTo>
                  <a:cubicBezTo>
                    <a:pt x="17896" y="1479"/>
                    <a:pt x="18197" y="1429"/>
                    <a:pt x="18297" y="1429"/>
                  </a:cubicBezTo>
                  <a:cubicBezTo>
                    <a:pt x="18472" y="1429"/>
                    <a:pt x="18748" y="1429"/>
                    <a:pt x="18873" y="1479"/>
                  </a:cubicBezTo>
                  <a:cubicBezTo>
                    <a:pt x="18973" y="1529"/>
                    <a:pt x="19099" y="1704"/>
                    <a:pt x="19199" y="1704"/>
                  </a:cubicBezTo>
                  <a:cubicBezTo>
                    <a:pt x="19324" y="1805"/>
                    <a:pt x="19600" y="1880"/>
                    <a:pt x="19775" y="1930"/>
                  </a:cubicBezTo>
                  <a:cubicBezTo>
                    <a:pt x="19876" y="1980"/>
                    <a:pt x="20051" y="2206"/>
                    <a:pt x="20151" y="2256"/>
                  </a:cubicBezTo>
                  <a:cubicBezTo>
                    <a:pt x="20277" y="2331"/>
                    <a:pt x="20552" y="2431"/>
                    <a:pt x="20728" y="2431"/>
                  </a:cubicBezTo>
                  <a:cubicBezTo>
                    <a:pt x="20778" y="2481"/>
                    <a:pt x="20953" y="2431"/>
                    <a:pt x="21004" y="2381"/>
                  </a:cubicBezTo>
                  <a:cubicBezTo>
                    <a:pt x="21129" y="2331"/>
                    <a:pt x="21279" y="2156"/>
                    <a:pt x="21405" y="2030"/>
                  </a:cubicBezTo>
                  <a:cubicBezTo>
                    <a:pt x="21455" y="1930"/>
                    <a:pt x="21505" y="1704"/>
                    <a:pt x="21580" y="1654"/>
                  </a:cubicBezTo>
                  <a:cubicBezTo>
                    <a:pt x="21680" y="1529"/>
                    <a:pt x="21956" y="1479"/>
                    <a:pt x="22131" y="1479"/>
                  </a:cubicBezTo>
                  <a:cubicBezTo>
                    <a:pt x="22257" y="1529"/>
                    <a:pt x="22357" y="1704"/>
                    <a:pt x="22407" y="1704"/>
                  </a:cubicBezTo>
                  <a:cubicBezTo>
                    <a:pt x="22532" y="1755"/>
                    <a:pt x="22708" y="1880"/>
                    <a:pt x="22808" y="1880"/>
                  </a:cubicBezTo>
                  <a:cubicBezTo>
                    <a:pt x="22933" y="1880"/>
                    <a:pt x="23209" y="1805"/>
                    <a:pt x="23309" y="1755"/>
                  </a:cubicBezTo>
                  <a:cubicBezTo>
                    <a:pt x="23385" y="1654"/>
                    <a:pt x="23435" y="1429"/>
                    <a:pt x="23535" y="1354"/>
                  </a:cubicBezTo>
                  <a:cubicBezTo>
                    <a:pt x="23660" y="1303"/>
                    <a:pt x="23886" y="1303"/>
                    <a:pt x="23936" y="1303"/>
                  </a:cubicBezTo>
                  <a:cubicBezTo>
                    <a:pt x="24111" y="1253"/>
                    <a:pt x="24387" y="1203"/>
                    <a:pt x="24512" y="1253"/>
                  </a:cubicBezTo>
                  <a:cubicBezTo>
                    <a:pt x="24738" y="1253"/>
                    <a:pt x="25114" y="1479"/>
                    <a:pt x="25339" y="1579"/>
                  </a:cubicBezTo>
                  <a:cubicBezTo>
                    <a:pt x="25465" y="1654"/>
                    <a:pt x="25640" y="1805"/>
                    <a:pt x="25690" y="1930"/>
                  </a:cubicBezTo>
                  <a:cubicBezTo>
                    <a:pt x="25791" y="1980"/>
                    <a:pt x="25966" y="2206"/>
                    <a:pt x="26016" y="2331"/>
                  </a:cubicBezTo>
                  <a:cubicBezTo>
                    <a:pt x="26141" y="2431"/>
                    <a:pt x="26367" y="2607"/>
                    <a:pt x="26417" y="2782"/>
                  </a:cubicBezTo>
                  <a:cubicBezTo>
                    <a:pt x="26467" y="2832"/>
                    <a:pt x="26467" y="2882"/>
                    <a:pt x="26517" y="3008"/>
                  </a:cubicBezTo>
                  <a:lnTo>
                    <a:pt x="26417" y="3108"/>
                  </a:lnTo>
                  <a:lnTo>
                    <a:pt x="26417" y="3233"/>
                  </a:lnTo>
                  <a:cubicBezTo>
                    <a:pt x="26417" y="3283"/>
                    <a:pt x="26517" y="3459"/>
                    <a:pt x="26467" y="3509"/>
                  </a:cubicBezTo>
                  <a:cubicBezTo>
                    <a:pt x="26467" y="3559"/>
                    <a:pt x="26417" y="3634"/>
                    <a:pt x="26367" y="3634"/>
                  </a:cubicBezTo>
                  <a:lnTo>
                    <a:pt x="26242" y="3634"/>
                  </a:lnTo>
                  <a:cubicBezTo>
                    <a:pt x="26192" y="3559"/>
                    <a:pt x="26192" y="3509"/>
                    <a:pt x="26141" y="3459"/>
                  </a:cubicBezTo>
                  <a:lnTo>
                    <a:pt x="25966" y="3459"/>
                  </a:lnTo>
                  <a:cubicBezTo>
                    <a:pt x="25916" y="3509"/>
                    <a:pt x="25791" y="3634"/>
                    <a:pt x="25791" y="3684"/>
                  </a:cubicBezTo>
                  <a:cubicBezTo>
                    <a:pt x="25791" y="3735"/>
                    <a:pt x="25916" y="3910"/>
                    <a:pt x="25966" y="3910"/>
                  </a:cubicBezTo>
                  <a:cubicBezTo>
                    <a:pt x="26016" y="3910"/>
                    <a:pt x="26192" y="3785"/>
                    <a:pt x="26242" y="3860"/>
                  </a:cubicBezTo>
                  <a:cubicBezTo>
                    <a:pt x="26317" y="3860"/>
                    <a:pt x="26367" y="3960"/>
                    <a:pt x="26367" y="3960"/>
                  </a:cubicBezTo>
                  <a:cubicBezTo>
                    <a:pt x="26367" y="4085"/>
                    <a:pt x="26242" y="4186"/>
                    <a:pt x="26242" y="4311"/>
                  </a:cubicBezTo>
                  <a:cubicBezTo>
                    <a:pt x="26192" y="4411"/>
                    <a:pt x="26317" y="4687"/>
                    <a:pt x="26317" y="4812"/>
                  </a:cubicBezTo>
                  <a:lnTo>
                    <a:pt x="26317" y="5138"/>
                  </a:lnTo>
                  <a:cubicBezTo>
                    <a:pt x="26367" y="5213"/>
                    <a:pt x="26417" y="5314"/>
                    <a:pt x="26417" y="5439"/>
                  </a:cubicBezTo>
                  <a:cubicBezTo>
                    <a:pt x="26417" y="5489"/>
                    <a:pt x="26367" y="5589"/>
                    <a:pt x="26317" y="5589"/>
                  </a:cubicBezTo>
                  <a:cubicBezTo>
                    <a:pt x="26242" y="5664"/>
                    <a:pt x="26192" y="5589"/>
                    <a:pt x="26192" y="5589"/>
                  </a:cubicBezTo>
                  <a:cubicBezTo>
                    <a:pt x="26141" y="5539"/>
                    <a:pt x="26091" y="5314"/>
                    <a:pt x="25966" y="5364"/>
                  </a:cubicBezTo>
                  <a:cubicBezTo>
                    <a:pt x="25916" y="5364"/>
                    <a:pt x="25966" y="5489"/>
                    <a:pt x="25916" y="5489"/>
                  </a:cubicBezTo>
                  <a:cubicBezTo>
                    <a:pt x="25866" y="5539"/>
                    <a:pt x="25740" y="5489"/>
                    <a:pt x="25740" y="5439"/>
                  </a:cubicBezTo>
                  <a:cubicBezTo>
                    <a:pt x="25690" y="5364"/>
                    <a:pt x="25690" y="5263"/>
                    <a:pt x="25740" y="5263"/>
                  </a:cubicBezTo>
                  <a:cubicBezTo>
                    <a:pt x="25740" y="5213"/>
                    <a:pt x="25791" y="5138"/>
                    <a:pt x="25791" y="5088"/>
                  </a:cubicBezTo>
                  <a:cubicBezTo>
                    <a:pt x="25791" y="5038"/>
                    <a:pt x="25740" y="4988"/>
                    <a:pt x="25690" y="4988"/>
                  </a:cubicBezTo>
                  <a:cubicBezTo>
                    <a:pt x="25690" y="4913"/>
                    <a:pt x="25565" y="4988"/>
                    <a:pt x="25515" y="4988"/>
                  </a:cubicBezTo>
                  <a:cubicBezTo>
                    <a:pt x="25465" y="5038"/>
                    <a:pt x="25565" y="5213"/>
                    <a:pt x="25515" y="5263"/>
                  </a:cubicBezTo>
                  <a:cubicBezTo>
                    <a:pt x="25515" y="5314"/>
                    <a:pt x="25415" y="5314"/>
                    <a:pt x="25339" y="5314"/>
                  </a:cubicBezTo>
                  <a:cubicBezTo>
                    <a:pt x="25289" y="5314"/>
                    <a:pt x="25239" y="5263"/>
                    <a:pt x="25189" y="5263"/>
                  </a:cubicBezTo>
                  <a:cubicBezTo>
                    <a:pt x="25114" y="5263"/>
                    <a:pt x="25014" y="5314"/>
                    <a:pt x="24963" y="5364"/>
                  </a:cubicBezTo>
                  <a:cubicBezTo>
                    <a:pt x="24888" y="5489"/>
                    <a:pt x="24888" y="5715"/>
                    <a:pt x="24963" y="5815"/>
                  </a:cubicBezTo>
                  <a:cubicBezTo>
                    <a:pt x="24963" y="5890"/>
                    <a:pt x="25064" y="6040"/>
                    <a:pt x="25114" y="6166"/>
                  </a:cubicBezTo>
                  <a:cubicBezTo>
                    <a:pt x="25189" y="6216"/>
                    <a:pt x="25289" y="6341"/>
                    <a:pt x="25339" y="6266"/>
                  </a:cubicBezTo>
                  <a:cubicBezTo>
                    <a:pt x="25415" y="6266"/>
                    <a:pt x="25465" y="6216"/>
                    <a:pt x="25465" y="6166"/>
                  </a:cubicBezTo>
                  <a:cubicBezTo>
                    <a:pt x="25465" y="6166"/>
                    <a:pt x="25415" y="6040"/>
                    <a:pt x="25415" y="5990"/>
                  </a:cubicBezTo>
                  <a:cubicBezTo>
                    <a:pt x="25465" y="5990"/>
                    <a:pt x="25515" y="5940"/>
                    <a:pt x="25565" y="5940"/>
                  </a:cubicBezTo>
                  <a:cubicBezTo>
                    <a:pt x="25640" y="5990"/>
                    <a:pt x="25565" y="6116"/>
                    <a:pt x="25565" y="6166"/>
                  </a:cubicBezTo>
                  <a:lnTo>
                    <a:pt x="25740" y="6166"/>
                  </a:lnTo>
                  <a:cubicBezTo>
                    <a:pt x="25866" y="6166"/>
                    <a:pt x="25966" y="6040"/>
                    <a:pt x="26016" y="5990"/>
                  </a:cubicBezTo>
                  <a:cubicBezTo>
                    <a:pt x="26091" y="5990"/>
                    <a:pt x="26242" y="5990"/>
                    <a:pt x="26317" y="5940"/>
                  </a:cubicBezTo>
                  <a:cubicBezTo>
                    <a:pt x="26317" y="5940"/>
                    <a:pt x="26367" y="5815"/>
                    <a:pt x="26367" y="5765"/>
                  </a:cubicBezTo>
                  <a:cubicBezTo>
                    <a:pt x="26417" y="5765"/>
                    <a:pt x="26517" y="5664"/>
                    <a:pt x="26593" y="5715"/>
                  </a:cubicBezTo>
                  <a:cubicBezTo>
                    <a:pt x="26643" y="5715"/>
                    <a:pt x="26693" y="5890"/>
                    <a:pt x="26693" y="5940"/>
                  </a:cubicBezTo>
                  <a:cubicBezTo>
                    <a:pt x="26743" y="6040"/>
                    <a:pt x="26743" y="6216"/>
                    <a:pt x="26743" y="6266"/>
                  </a:cubicBezTo>
                  <a:cubicBezTo>
                    <a:pt x="26743" y="6391"/>
                    <a:pt x="26693" y="6567"/>
                    <a:pt x="26693" y="6667"/>
                  </a:cubicBezTo>
                  <a:cubicBezTo>
                    <a:pt x="26643" y="6792"/>
                    <a:pt x="26693" y="7068"/>
                    <a:pt x="26693" y="7193"/>
                  </a:cubicBezTo>
                  <a:cubicBezTo>
                    <a:pt x="26743" y="7419"/>
                    <a:pt x="26918" y="7795"/>
                    <a:pt x="26969" y="8020"/>
                  </a:cubicBezTo>
                  <a:cubicBezTo>
                    <a:pt x="27044" y="8246"/>
                    <a:pt x="27144" y="8647"/>
                    <a:pt x="27194" y="8872"/>
                  </a:cubicBezTo>
                  <a:cubicBezTo>
                    <a:pt x="27269" y="9098"/>
                    <a:pt x="27370" y="9549"/>
                    <a:pt x="27420" y="9725"/>
                  </a:cubicBezTo>
                  <a:cubicBezTo>
                    <a:pt x="27495" y="9900"/>
                    <a:pt x="27645" y="10176"/>
                    <a:pt x="27720" y="10276"/>
                  </a:cubicBezTo>
                  <a:cubicBezTo>
                    <a:pt x="27821" y="10451"/>
                    <a:pt x="28096" y="10752"/>
                    <a:pt x="28222" y="10903"/>
                  </a:cubicBezTo>
                  <a:cubicBezTo>
                    <a:pt x="28322" y="11028"/>
                    <a:pt x="28497" y="11253"/>
                    <a:pt x="28547" y="11354"/>
                  </a:cubicBezTo>
                  <a:cubicBezTo>
                    <a:pt x="28673" y="11529"/>
                    <a:pt x="28848" y="11930"/>
                    <a:pt x="28999" y="12106"/>
                  </a:cubicBezTo>
                  <a:cubicBezTo>
                    <a:pt x="29124" y="12206"/>
                    <a:pt x="29400" y="12381"/>
                    <a:pt x="29525" y="12481"/>
                  </a:cubicBezTo>
                  <a:cubicBezTo>
                    <a:pt x="29675" y="12657"/>
                    <a:pt x="29976" y="13058"/>
                    <a:pt x="30126" y="13158"/>
                  </a:cubicBezTo>
                  <a:cubicBezTo>
                    <a:pt x="30252" y="13284"/>
                    <a:pt x="30477" y="13384"/>
                    <a:pt x="30653" y="13459"/>
                  </a:cubicBezTo>
                  <a:cubicBezTo>
                    <a:pt x="30703" y="13509"/>
                    <a:pt x="30803" y="13509"/>
                    <a:pt x="30928" y="13509"/>
                  </a:cubicBezTo>
                  <a:cubicBezTo>
                    <a:pt x="30979" y="13509"/>
                    <a:pt x="31104" y="13559"/>
                    <a:pt x="31204" y="13559"/>
                  </a:cubicBezTo>
                  <a:cubicBezTo>
                    <a:pt x="31154" y="13685"/>
                    <a:pt x="31154" y="13785"/>
                    <a:pt x="31154" y="13910"/>
                  </a:cubicBezTo>
                  <a:cubicBezTo>
                    <a:pt x="31154" y="14010"/>
                    <a:pt x="31254" y="14286"/>
                    <a:pt x="31204" y="14411"/>
                  </a:cubicBezTo>
                  <a:cubicBezTo>
                    <a:pt x="31204" y="14512"/>
                    <a:pt x="31154" y="14762"/>
                    <a:pt x="31104" y="14812"/>
                  </a:cubicBezTo>
                  <a:cubicBezTo>
                    <a:pt x="30979" y="14913"/>
                    <a:pt x="30753" y="14988"/>
                    <a:pt x="30653" y="15038"/>
                  </a:cubicBezTo>
                  <a:cubicBezTo>
                    <a:pt x="30578" y="15088"/>
                    <a:pt x="30527" y="15314"/>
                    <a:pt x="30477" y="15364"/>
                  </a:cubicBezTo>
                  <a:cubicBezTo>
                    <a:pt x="30352" y="15439"/>
                    <a:pt x="30202" y="15664"/>
                    <a:pt x="30026" y="15664"/>
                  </a:cubicBezTo>
                  <a:cubicBezTo>
                    <a:pt x="29901" y="15664"/>
                    <a:pt x="29675" y="15439"/>
                    <a:pt x="29625" y="15314"/>
                  </a:cubicBezTo>
                  <a:cubicBezTo>
                    <a:pt x="29625" y="15263"/>
                    <a:pt x="29675" y="15038"/>
                    <a:pt x="29625" y="14913"/>
                  </a:cubicBezTo>
                  <a:cubicBezTo>
                    <a:pt x="29625" y="14862"/>
                    <a:pt x="29625" y="14762"/>
                    <a:pt x="29575" y="14687"/>
                  </a:cubicBezTo>
                  <a:cubicBezTo>
                    <a:pt x="29525" y="14587"/>
                    <a:pt x="29224" y="14637"/>
                    <a:pt x="29124" y="14512"/>
                  </a:cubicBezTo>
                  <a:cubicBezTo>
                    <a:pt x="29074" y="14461"/>
                    <a:pt x="29074" y="14286"/>
                    <a:pt x="28999" y="14236"/>
                  </a:cubicBezTo>
                  <a:cubicBezTo>
                    <a:pt x="28999" y="14186"/>
                    <a:pt x="28948" y="14186"/>
                    <a:pt x="28948" y="14186"/>
                  </a:cubicBezTo>
                  <a:cubicBezTo>
                    <a:pt x="28898" y="14136"/>
                    <a:pt x="28848" y="14060"/>
                    <a:pt x="28848" y="14010"/>
                  </a:cubicBezTo>
                  <a:cubicBezTo>
                    <a:pt x="28848" y="13910"/>
                    <a:pt x="28999" y="13735"/>
                    <a:pt x="28948" y="13609"/>
                  </a:cubicBezTo>
                  <a:cubicBezTo>
                    <a:pt x="28898" y="13509"/>
                    <a:pt x="28623" y="13609"/>
                    <a:pt x="28497" y="13609"/>
                  </a:cubicBezTo>
                  <a:cubicBezTo>
                    <a:pt x="28397" y="13609"/>
                    <a:pt x="28222" y="13685"/>
                    <a:pt x="28172" y="13735"/>
                  </a:cubicBezTo>
                  <a:cubicBezTo>
                    <a:pt x="28096" y="13785"/>
                    <a:pt x="27996" y="13960"/>
                    <a:pt x="27946" y="14010"/>
                  </a:cubicBezTo>
                  <a:lnTo>
                    <a:pt x="27871" y="14010"/>
                  </a:lnTo>
                  <a:cubicBezTo>
                    <a:pt x="27771" y="14060"/>
                    <a:pt x="27495" y="14136"/>
                    <a:pt x="27370" y="14136"/>
                  </a:cubicBezTo>
                  <a:cubicBezTo>
                    <a:pt x="27269" y="14136"/>
                    <a:pt x="27144" y="13960"/>
                    <a:pt x="27094" y="14010"/>
                  </a:cubicBezTo>
                  <a:cubicBezTo>
                    <a:pt x="27044" y="14060"/>
                    <a:pt x="27094" y="14236"/>
                    <a:pt x="27044" y="14286"/>
                  </a:cubicBezTo>
                  <a:cubicBezTo>
                    <a:pt x="27044" y="14361"/>
                    <a:pt x="26969" y="14512"/>
                    <a:pt x="26918" y="14587"/>
                  </a:cubicBezTo>
                  <a:cubicBezTo>
                    <a:pt x="26868" y="14637"/>
                    <a:pt x="26643" y="14637"/>
                    <a:pt x="26593" y="14587"/>
                  </a:cubicBezTo>
                  <a:cubicBezTo>
                    <a:pt x="26517" y="14512"/>
                    <a:pt x="26593" y="14411"/>
                    <a:pt x="26593" y="14361"/>
                  </a:cubicBezTo>
                  <a:cubicBezTo>
                    <a:pt x="26517" y="14236"/>
                    <a:pt x="26417" y="14060"/>
                    <a:pt x="26317" y="14060"/>
                  </a:cubicBezTo>
                  <a:cubicBezTo>
                    <a:pt x="26242" y="14060"/>
                    <a:pt x="26141" y="14236"/>
                    <a:pt x="26091" y="14286"/>
                  </a:cubicBezTo>
                  <a:cubicBezTo>
                    <a:pt x="26016" y="14461"/>
                    <a:pt x="25966" y="14687"/>
                    <a:pt x="25966" y="14812"/>
                  </a:cubicBezTo>
                  <a:cubicBezTo>
                    <a:pt x="25966" y="14913"/>
                    <a:pt x="26091" y="15138"/>
                    <a:pt x="26091" y="15263"/>
                  </a:cubicBezTo>
                  <a:cubicBezTo>
                    <a:pt x="26141" y="15364"/>
                    <a:pt x="26091" y="15539"/>
                    <a:pt x="26091" y="15664"/>
                  </a:cubicBezTo>
                  <a:cubicBezTo>
                    <a:pt x="26016" y="15765"/>
                    <a:pt x="25916" y="15940"/>
                    <a:pt x="25916" y="16040"/>
                  </a:cubicBezTo>
                  <a:cubicBezTo>
                    <a:pt x="25866" y="16116"/>
                    <a:pt x="25866" y="16266"/>
                    <a:pt x="25866" y="16391"/>
                  </a:cubicBezTo>
                  <a:cubicBezTo>
                    <a:pt x="25791" y="16341"/>
                    <a:pt x="25740" y="16341"/>
                    <a:pt x="25690" y="16341"/>
                  </a:cubicBezTo>
                  <a:cubicBezTo>
                    <a:pt x="25640" y="16341"/>
                    <a:pt x="25565" y="16492"/>
                    <a:pt x="25515" y="16492"/>
                  </a:cubicBezTo>
                  <a:cubicBezTo>
                    <a:pt x="25415" y="16567"/>
                    <a:pt x="25239" y="16617"/>
                    <a:pt x="25114" y="16567"/>
                  </a:cubicBezTo>
                  <a:cubicBezTo>
                    <a:pt x="25064" y="16567"/>
                    <a:pt x="24888" y="16441"/>
                    <a:pt x="24838" y="16441"/>
                  </a:cubicBezTo>
                  <a:cubicBezTo>
                    <a:pt x="24738" y="16391"/>
                    <a:pt x="24562" y="16391"/>
                    <a:pt x="24437" y="16341"/>
                  </a:cubicBezTo>
                  <a:cubicBezTo>
                    <a:pt x="24387" y="16266"/>
                    <a:pt x="24437" y="15990"/>
                    <a:pt x="24337" y="15940"/>
                  </a:cubicBezTo>
                  <a:cubicBezTo>
                    <a:pt x="24287" y="15815"/>
                    <a:pt x="23986" y="15815"/>
                    <a:pt x="23836" y="15815"/>
                  </a:cubicBezTo>
                  <a:cubicBezTo>
                    <a:pt x="23760" y="15815"/>
                    <a:pt x="23535" y="15890"/>
                    <a:pt x="23485" y="15890"/>
                  </a:cubicBezTo>
                  <a:cubicBezTo>
                    <a:pt x="23385" y="15940"/>
                    <a:pt x="23209" y="15940"/>
                    <a:pt x="23084" y="15890"/>
                  </a:cubicBezTo>
                  <a:cubicBezTo>
                    <a:pt x="23034" y="15815"/>
                    <a:pt x="22808" y="15715"/>
                    <a:pt x="22758" y="15589"/>
                  </a:cubicBezTo>
                  <a:cubicBezTo>
                    <a:pt x="22708" y="15489"/>
                    <a:pt x="22583" y="15138"/>
                    <a:pt x="22532" y="15038"/>
                  </a:cubicBezTo>
                  <a:cubicBezTo>
                    <a:pt x="22482" y="14913"/>
                    <a:pt x="22307" y="14687"/>
                    <a:pt x="22257" y="14637"/>
                  </a:cubicBezTo>
                  <a:cubicBezTo>
                    <a:pt x="22131" y="14512"/>
                    <a:pt x="21906" y="14411"/>
                    <a:pt x="21806" y="14361"/>
                  </a:cubicBezTo>
                  <a:cubicBezTo>
                    <a:pt x="21730" y="14286"/>
                    <a:pt x="21630" y="14136"/>
                    <a:pt x="21630" y="14060"/>
                  </a:cubicBezTo>
                  <a:cubicBezTo>
                    <a:pt x="21580" y="13960"/>
                    <a:pt x="21580" y="13835"/>
                    <a:pt x="21630" y="13785"/>
                  </a:cubicBezTo>
                  <a:cubicBezTo>
                    <a:pt x="21680" y="13735"/>
                    <a:pt x="21856" y="13735"/>
                    <a:pt x="21906" y="13685"/>
                  </a:cubicBezTo>
                  <a:cubicBezTo>
                    <a:pt x="21956" y="13609"/>
                    <a:pt x="21956" y="13384"/>
                    <a:pt x="22031" y="13284"/>
                  </a:cubicBezTo>
                  <a:cubicBezTo>
                    <a:pt x="22081" y="13158"/>
                    <a:pt x="22182" y="13008"/>
                    <a:pt x="22257" y="12882"/>
                  </a:cubicBezTo>
                  <a:cubicBezTo>
                    <a:pt x="22307" y="12832"/>
                    <a:pt x="22482" y="12782"/>
                    <a:pt x="22482" y="12707"/>
                  </a:cubicBezTo>
                  <a:cubicBezTo>
                    <a:pt x="22532" y="12657"/>
                    <a:pt x="22532" y="12557"/>
                    <a:pt x="22482" y="12481"/>
                  </a:cubicBezTo>
                  <a:cubicBezTo>
                    <a:pt x="22482" y="12431"/>
                    <a:pt x="22357" y="12331"/>
                    <a:pt x="22307" y="12256"/>
                  </a:cubicBezTo>
                  <a:cubicBezTo>
                    <a:pt x="22257" y="12256"/>
                    <a:pt x="22131" y="12206"/>
                    <a:pt x="22081" y="12206"/>
                  </a:cubicBezTo>
                  <a:cubicBezTo>
                    <a:pt x="22031" y="12206"/>
                    <a:pt x="21906" y="12256"/>
                    <a:pt x="21856" y="12256"/>
                  </a:cubicBezTo>
                  <a:cubicBezTo>
                    <a:pt x="21806" y="12331"/>
                    <a:pt x="21806" y="12481"/>
                    <a:pt x="21730" y="12481"/>
                  </a:cubicBezTo>
                  <a:cubicBezTo>
                    <a:pt x="21680" y="12557"/>
                    <a:pt x="21505" y="12481"/>
                    <a:pt x="21405" y="12431"/>
                  </a:cubicBezTo>
                  <a:cubicBezTo>
                    <a:pt x="21354" y="12331"/>
                    <a:pt x="21354" y="12106"/>
                    <a:pt x="21279" y="12030"/>
                  </a:cubicBezTo>
                  <a:cubicBezTo>
                    <a:pt x="21229" y="11930"/>
                    <a:pt x="21054" y="11755"/>
                    <a:pt x="21004" y="11705"/>
                  </a:cubicBezTo>
                  <a:cubicBezTo>
                    <a:pt x="20903" y="11654"/>
                    <a:pt x="20728" y="11654"/>
                    <a:pt x="20603" y="11654"/>
                  </a:cubicBezTo>
                  <a:cubicBezTo>
                    <a:pt x="20502" y="11654"/>
                    <a:pt x="20327" y="11654"/>
                    <a:pt x="20277" y="11579"/>
                  </a:cubicBezTo>
                  <a:cubicBezTo>
                    <a:pt x="20151" y="11579"/>
                    <a:pt x="20001" y="11479"/>
                    <a:pt x="19926" y="11429"/>
                  </a:cubicBezTo>
                  <a:cubicBezTo>
                    <a:pt x="19926" y="11304"/>
                    <a:pt x="20051" y="11128"/>
                    <a:pt x="20001" y="11078"/>
                  </a:cubicBezTo>
                  <a:cubicBezTo>
                    <a:pt x="20001" y="11028"/>
                    <a:pt x="19826" y="10903"/>
                    <a:pt x="19775" y="10903"/>
                  </a:cubicBezTo>
                  <a:cubicBezTo>
                    <a:pt x="19650" y="10852"/>
                    <a:pt x="19324" y="10903"/>
                    <a:pt x="19199" y="11028"/>
                  </a:cubicBezTo>
                  <a:cubicBezTo>
                    <a:pt x="19149" y="11078"/>
                    <a:pt x="19099" y="11253"/>
                    <a:pt x="19024" y="11304"/>
                  </a:cubicBezTo>
                  <a:cubicBezTo>
                    <a:pt x="18973" y="11354"/>
                    <a:pt x="18698" y="11304"/>
                    <a:pt x="18648" y="11354"/>
                  </a:cubicBezTo>
                  <a:cubicBezTo>
                    <a:pt x="18522" y="11354"/>
                    <a:pt x="18347" y="11429"/>
                    <a:pt x="18247" y="11479"/>
                  </a:cubicBezTo>
                  <a:cubicBezTo>
                    <a:pt x="18247" y="11529"/>
                    <a:pt x="18247" y="11705"/>
                    <a:pt x="18197" y="11755"/>
                  </a:cubicBezTo>
                  <a:cubicBezTo>
                    <a:pt x="18197" y="11805"/>
                    <a:pt x="18021" y="11880"/>
                    <a:pt x="17971" y="11880"/>
                  </a:cubicBezTo>
                  <a:cubicBezTo>
                    <a:pt x="17896" y="11930"/>
                    <a:pt x="17846" y="12106"/>
                    <a:pt x="17846" y="12206"/>
                  </a:cubicBezTo>
                  <a:cubicBezTo>
                    <a:pt x="17846" y="12256"/>
                    <a:pt x="18021" y="12431"/>
                    <a:pt x="18021" y="12481"/>
                  </a:cubicBezTo>
                  <a:cubicBezTo>
                    <a:pt x="18021" y="12557"/>
                    <a:pt x="17896" y="12707"/>
                    <a:pt x="17846" y="12707"/>
                  </a:cubicBezTo>
                  <a:cubicBezTo>
                    <a:pt x="17745" y="12782"/>
                    <a:pt x="17570" y="12657"/>
                    <a:pt x="17470" y="12657"/>
                  </a:cubicBezTo>
                  <a:lnTo>
                    <a:pt x="17019" y="12657"/>
                  </a:lnTo>
                  <a:cubicBezTo>
                    <a:pt x="16893" y="12657"/>
                    <a:pt x="16718" y="12707"/>
                    <a:pt x="16618" y="12707"/>
                  </a:cubicBezTo>
                  <a:cubicBezTo>
                    <a:pt x="16492" y="12707"/>
                    <a:pt x="16342" y="12607"/>
                    <a:pt x="16267" y="12557"/>
                  </a:cubicBezTo>
                  <a:cubicBezTo>
                    <a:pt x="16217" y="12481"/>
                    <a:pt x="16116" y="12331"/>
                    <a:pt x="15991" y="12256"/>
                  </a:cubicBezTo>
                  <a:cubicBezTo>
                    <a:pt x="15941" y="12206"/>
                    <a:pt x="15816" y="12156"/>
                    <a:pt x="15715" y="12106"/>
                  </a:cubicBezTo>
                  <a:cubicBezTo>
                    <a:pt x="15665" y="12106"/>
                    <a:pt x="15490" y="12156"/>
                    <a:pt x="15440" y="12206"/>
                  </a:cubicBezTo>
                  <a:cubicBezTo>
                    <a:pt x="15364" y="12256"/>
                    <a:pt x="15364" y="12481"/>
                    <a:pt x="15264" y="12557"/>
                  </a:cubicBezTo>
                  <a:cubicBezTo>
                    <a:pt x="15214" y="12607"/>
                    <a:pt x="15089" y="12707"/>
                    <a:pt x="14989" y="12707"/>
                  </a:cubicBezTo>
                  <a:cubicBezTo>
                    <a:pt x="14913" y="12707"/>
                    <a:pt x="14688" y="12657"/>
                    <a:pt x="14588" y="12607"/>
                  </a:cubicBezTo>
                  <a:cubicBezTo>
                    <a:pt x="14412" y="12557"/>
                    <a:pt x="14186" y="12206"/>
                    <a:pt x="14086" y="12106"/>
                  </a:cubicBezTo>
                  <a:cubicBezTo>
                    <a:pt x="13961" y="12030"/>
                    <a:pt x="13735" y="11930"/>
                    <a:pt x="13635" y="11880"/>
                  </a:cubicBezTo>
                  <a:cubicBezTo>
                    <a:pt x="13510" y="11880"/>
                    <a:pt x="13284" y="11930"/>
                    <a:pt x="13184" y="11930"/>
                  </a:cubicBezTo>
                  <a:cubicBezTo>
                    <a:pt x="13109" y="11980"/>
                    <a:pt x="13009" y="12156"/>
                    <a:pt x="12958" y="12206"/>
                  </a:cubicBezTo>
                  <a:cubicBezTo>
                    <a:pt x="12833" y="12256"/>
                    <a:pt x="12608" y="12331"/>
                    <a:pt x="12507" y="12331"/>
                  </a:cubicBezTo>
                  <a:cubicBezTo>
                    <a:pt x="12332" y="12331"/>
                    <a:pt x="12106" y="12106"/>
                    <a:pt x="11981" y="12030"/>
                  </a:cubicBezTo>
                  <a:cubicBezTo>
                    <a:pt x="11881" y="11980"/>
                    <a:pt x="11655" y="11980"/>
                    <a:pt x="11605" y="11930"/>
                  </a:cubicBezTo>
                  <a:cubicBezTo>
                    <a:pt x="11430" y="11805"/>
                    <a:pt x="11379" y="11529"/>
                    <a:pt x="11254" y="11429"/>
                  </a:cubicBezTo>
                  <a:cubicBezTo>
                    <a:pt x="11154" y="11304"/>
                    <a:pt x="10853" y="11128"/>
                    <a:pt x="10703" y="11078"/>
                  </a:cubicBezTo>
                  <a:cubicBezTo>
                    <a:pt x="10577" y="11028"/>
                    <a:pt x="10302" y="10978"/>
                    <a:pt x="10252" y="10903"/>
                  </a:cubicBezTo>
                  <a:cubicBezTo>
                    <a:pt x="10126" y="10852"/>
                    <a:pt x="10126" y="10627"/>
                    <a:pt x="10076" y="10577"/>
                  </a:cubicBezTo>
                  <a:cubicBezTo>
                    <a:pt x="10026" y="10502"/>
                    <a:pt x="9951" y="10276"/>
                    <a:pt x="9851" y="10276"/>
                  </a:cubicBezTo>
                  <a:cubicBezTo>
                    <a:pt x="9851" y="10276"/>
                    <a:pt x="9801" y="10401"/>
                    <a:pt x="9801" y="10451"/>
                  </a:cubicBezTo>
                  <a:cubicBezTo>
                    <a:pt x="9801" y="10502"/>
                    <a:pt x="9851" y="10627"/>
                    <a:pt x="9851" y="10627"/>
                  </a:cubicBezTo>
                  <a:cubicBezTo>
                    <a:pt x="9851" y="10752"/>
                    <a:pt x="9801" y="11028"/>
                    <a:pt x="9675" y="11028"/>
                  </a:cubicBezTo>
                  <a:cubicBezTo>
                    <a:pt x="9625" y="11078"/>
                    <a:pt x="9450" y="10978"/>
                    <a:pt x="9400" y="10852"/>
                  </a:cubicBezTo>
                  <a:cubicBezTo>
                    <a:pt x="9274" y="10802"/>
                    <a:pt x="9274" y="10577"/>
                    <a:pt x="9224" y="10502"/>
                  </a:cubicBezTo>
                  <a:cubicBezTo>
                    <a:pt x="9174" y="10351"/>
                    <a:pt x="8998" y="10126"/>
                    <a:pt x="8898" y="10000"/>
                  </a:cubicBezTo>
                  <a:cubicBezTo>
                    <a:pt x="8773" y="9950"/>
                    <a:pt x="8547" y="9825"/>
                    <a:pt x="8447" y="9775"/>
                  </a:cubicBezTo>
                  <a:cubicBezTo>
                    <a:pt x="8272" y="9725"/>
                    <a:pt x="7996" y="9775"/>
                    <a:pt x="7821" y="9725"/>
                  </a:cubicBezTo>
                  <a:cubicBezTo>
                    <a:pt x="7645" y="9725"/>
                    <a:pt x="7369" y="9599"/>
                    <a:pt x="7269" y="9499"/>
                  </a:cubicBezTo>
                  <a:cubicBezTo>
                    <a:pt x="7194" y="9449"/>
                    <a:pt x="7144" y="9324"/>
                    <a:pt x="7094" y="9273"/>
                  </a:cubicBezTo>
                  <a:cubicBezTo>
                    <a:pt x="7094" y="9148"/>
                    <a:pt x="7144" y="8872"/>
                    <a:pt x="7094" y="8772"/>
                  </a:cubicBezTo>
                  <a:cubicBezTo>
                    <a:pt x="7094" y="8697"/>
                    <a:pt x="6968" y="8597"/>
                    <a:pt x="6918" y="8547"/>
                  </a:cubicBezTo>
                  <a:cubicBezTo>
                    <a:pt x="6818" y="8547"/>
                    <a:pt x="6643" y="8597"/>
                    <a:pt x="6592" y="8597"/>
                  </a:cubicBezTo>
                  <a:cubicBezTo>
                    <a:pt x="6467" y="8547"/>
                    <a:pt x="6242" y="8547"/>
                    <a:pt x="6191" y="8471"/>
                  </a:cubicBezTo>
                  <a:cubicBezTo>
                    <a:pt x="6141" y="8421"/>
                    <a:pt x="6016" y="8321"/>
                    <a:pt x="5966" y="8321"/>
                  </a:cubicBezTo>
                  <a:cubicBezTo>
                    <a:pt x="5841" y="8246"/>
                    <a:pt x="5615" y="8246"/>
                    <a:pt x="5565" y="8321"/>
                  </a:cubicBezTo>
                  <a:cubicBezTo>
                    <a:pt x="5465" y="8371"/>
                    <a:pt x="5289" y="8547"/>
                    <a:pt x="5239" y="8597"/>
                  </a:cubicBezTo>
                  <a:cubicBezTo>
                    <a:pt x="5164" y="8697"/>
                    <a:pt x="5164" y="8872"/>
                    <a:pt x="5114" y="8998"/>
                  </a:cubicBezTo>
                  <a:cubicBezTo>
                    <a:pt x="5114" y="9048"/>
                    <a:pt x="5014" y="9098"/>
                    <a:pt x="5014" y="9148"/>
                  </a:cubicBezTo>
                  <a:cubicBezTo>
                    <a:pt x="4938" y="9223"/>
                    <a:pt x="4788" y="9324"/>
                    <a:pt x="4713" y="9324"/>
                  </a:cubicBezTo>
                  <a:cubicBezTo>
                    <a:pt x="4613" y="9374"/>
                    <a:pt x="4437" y="9374"/>
                    <a:pt x="4337" y="9374"/>
                  </a:cubicBezTo>
                  <a:cubicBezTo>
                    <a:pt x="4262" y="9324"/>
                    <a:pt x="4212" y="9273"/>
                    <a:pt x="4212" y="9223"/>
                  </a:cubicBezTo>
                  <a:cubicBezTo>
                    <a:pt x="4111" y="9098"/>
                    <a:pt x="3986" y="8822"/>
                    <a:pt x="3886" y="8772"/>
                  </a:cubicBezTo>
                  <a:cubicBezTo>
                    <a:pt x="3811" y="8697"/>
                    <a:pt x="3660" y="8697"/>
                    <a:pt x="3535" y="8697"/>
                  </a:cubicBezTo>
                  <a:lnTo>
                    <a:pt x="3209" y="8697"/>
                  </a:lnTo>
                  <a:cubicBezTo>
                    <a:pt x="3084" y="8772"/>
                    <a:pt x="2908" y="8923"/>
                    <a:pt x="2808" y="8923"/>
                  </a:cubicBezTo>
                  <a:cubicBezTo>
                    <a:pt x="2758" y="8998"/>
                    <a:pt x="2582" y="9048"/>
                    <a:pt x="2532" y="9048"/>
                  </a:cubicBezTo>
                  <a:cubicBezTo>
                    <a:pt x="2457" y="8998"/>
                    <a:pt x="2457" y="8822"/>
                    <a:pt x="2457" y="8772"/>
                  </a:cubicBezTo>
                  <a:cubicBezTo>
                    <a:pt x="2457" y="8697"/>
                    <a:pt x="2633" y="8547"/>
                    <a:pt x="2683" y="8471"/>
                  </a:cubicBezTo>
                  <a:cubicBezTo>
                    <a:pt x="2683" y="8371"/>
                    <a:pt x="2758" y="8146"/>
                    <a:pt x="2758" y="8096"/>
                  </a:cubicBezTo>
                  <a:cubicBezTo>
                    <a:pt x="2758" y="7920"/>
                    <a:pt x="2683" y="7644"/>
                    <a:pt x="2633" y="7519"/>
                  </a:cubicBezTo>
                  <a:cubicBezTo>
                    <a:pt x="2582" y="7344"/>
                    <a:pt x="2357" y="7118"/>
                    <a:pt x="2232" y="6968"/>
                  </a:cubicBezTo>
                  <a:cubicBezTo>
                    <a:pt x="2181" y="6892"/>
                    <a:pt x="2081" y="6792"/>
                    <a:pt x="2006" y="6742"/>
                  </a:cubicBezTo>
                  <a:cubicBezTo>
                    <a:pt x="1906" y="6742"/>
                    <a:pt x="1730" y="6742"/>
                    <a:pt x="1630" y="6792"/>
                  </a:cubicBezTo>
                  <a:cubicBezTo>
                    <a:pt x="1555" y="6792"/>
                    <a:pt x="1404" y="6892"/>
                    <a:pt x="1279" y="6968"/>
                  </a:cubicBezTo>
                  <a:cubicBezTo>
                    <a:pt x="1179" y="6968"/>
                    <a:pt x="1003" y="6842"/>
                    <a:pt x="953" y="6792"/>
                  </a:cubicBezTo>
                  <a:cubicBezTo>
                    <a:pt x="878" y="6792"/>
                    <a:pt x="728" y="6667"/>
                    <a:pt x="602" y="6617"/>
                  </a:cubicBezTo>
                  <a:lnTo>
                    <a:pt x="201" y="6617"/>
                  </a:lnTo>
                  <a:cubicBezTo>
                    <a:pt x="151" y="6617"/>
                    <a:pt x="51" y="6667"/>
                    <a:pt x="1" y="6667"/>
                  </a:cubicBezTo>
                  <a:cubicBezTo>
                    <a:pt x="51" y="6491"/>
                    <a:pt x="201" y="6341"/>
                    <a:pt x="277" y="6216"/>
                  </a:cubicBezTo>
                  <a:cubicBezTo>
                    <a:pt x="327" y="6166"/>
                    <a:pt x="377" y="6040"/>
                    <a:pt x="427" y="5940"/>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180" name="Google Shape;237;p16">
              <a:extLst>
                <a:ext uri="{FF2B5EF4-FFF2-40B4-BE49-F238E27FC236}">
                  <a16:creationId xmlns:a16="http://schemas.microsoft.com/office/drawing/2014/main" id="{C91E5D52-2E16-184B-67F7-75F94E522831}"/>
                </a:ext>
              </a:extLst>
            </p:cNvPr>
            <p:cNvSpPr/>
            <p:nvPr/>
          </p:nvSpPr>
          <p:spPr>
            <a:xfrm>
              <a:off x="1894989" y="1726935"/>
              <a:ext cx="872327" cy="461520"/>
            </a:xfrm>
            <a:custGeom>
              <a:avLst/>
              <a:gdLst/>
              <a:ahLst/>
              <a:cxnLst/>
              <a:rect l="l" t="t" r="r" b="b"/>
              <a:pathLst>
                <a:path w="31255" h="16536" extrusionOk="0">
                  <a:moveTo>
                    <a:pt x="5784" y="0"/>
                  </a:moveTo>
                  <a:cubicBezTo>
                    <a:pt x="5746" y="0"/>
                    <a:pt x="5713" y="7"/>
                    <a:pt x="5690" y="24"/>
                  </a:cubicBezTo>
                  <a:cubicBezTo>
                    <a:pt x="5515" y="75"/>
                    <a:pt x="5289" y="300"/>
                    <a:pt x="5164" y="350"/>
                  </a:cubicBezTo>
                  <a:cubicBezTo>
                    <a:pt x="5014" y="526"/>
                    <a:pt x="4838" y="851"/>
                    <a:pt x="4663" y="927"/>
                  </a:cubicBezTo>
                  <a:cubicBezTo>
                    <a:pt x="4605" y="948"/>
                    <a:pt x="4537" y="957"/>
                    <a:pt x="4464" y="957"/>
                  </a:cubicBezTo>
                  <a:cubicBezTo>
                    <a:pt x="4189" y="957"/>
                    <a:pt x="3838" y="830"/>
                    <a:pt x="3660" y="751"/>
                  </a:cubicBezTo>
                  <a:cubicBezTo>
                    <a:pt x="3535" y="626"/>
                    <a:pt x="3485" y="300"/>
                    <a:pt x="3359" y="250"/>
                  </a:cubicBezTo>
                  <a:cubicBezTo>
                    <a:pt x="3298" y="173"/>
                    <a:pt x="3171" y="143"/>
                    <a:pt x="3053" y="143"/>
                  </a:cubicBezTo>
                  <a:cubicBezTo>
                    <a:pt x="2978" y="143"/>
                    <a:pt x="2907" y="155"/>
                    <a:pt x="2858" y="175"/>
                  </a:cubicBezTo>
                  <a:cubicBezTo>
                    <a:pt x="2683" y="250"/>
                    <a:pt x="2457" y="626"/>
                    <a:pt x="2307" y="701"/>
                  </a:cubicBezTo>
                  <a:cubicBezTo>
                    <a:pt x="2149" y="701"/>
                    <a:pt x="1950" y="518"/>
                    <a:pt x="1821" y="518"/>
                  </a:cubicBezTo>
                  <a:cubicBezTo>
                    <a:pt x="1806" y="518"/>
                    <a:pt x="1793" y="521"/>
                    <a:pt x="1780" y="526"/>
                  </a:cubicBezTo>
                  <a:cubicBezTo>
                    <a:pt x="1630" y="576"/>
                    <a:pt x="1404" y="927"/>
                    <a:pt x="1279" y="1027"/>
                  </a:cubicBezTo>
                  <a:cubicBezTo>
                    <a:pt x="1179" y="1202"/>
                    <a:pt x="1003" y="1603"/>
                    <a:pt x="953" y="1754"/>
                  </a:cubicBezTo>
                  <a:cubicBezTo>
                    <a:pt x="878" y="1979"/>
                    <a:pt x="828" y="2380"/>
                    <a:pt x="828" y="2556"/>
                  </a:cubicBezTo>
                  <a:cubicBezTo>
                    <a:pt x="878" y="2681"/>
                    <a:pt x="1003" y="2957"/>
                    <a:pt x="1104" y="3057"/>
                  </a:cubicBezTo>
                  <a:cubicBezTo>
                    <a:pt x="1179" y="3182"/>
                    <a:pt x="1455" y="3408"/>
                    <a:pt x="1455" y="3583"/>
                  </a:cubicBezTo>
                  <a:cubicBezTo>
                    <a:pt x="1505" y="3684"/>
                    <a:pt x="1404" y="3909"/>
                    <a:pt x="1329" y="4034"/>
                  </a:cubicBezTo>
                  <a:cubicBezTo>
                    <a:pt x="1279" y="4135"/>
                    <a:pt x="1054" y="4135"/>
                    <a:pt x="1054" y="4260"/>
                  </a:cubicBezTo>
                  <a:cubicBezTo>
                    <a:pt x="1003" y="4310"/>
                    <a:pt x="1054" y="4586"/>
                    <a:pt x="1054" y="4636"/>
                  </a:cubicBezTo>
                  <a:cubicBezTo>
                    <a:pt x="1003" y="4761"/>
                    <a:pt x="828" y="4811"/>
                    <a:pt x="778" y="4937"/>
                  </a:cubicBezTo>
                  <a:cubicBezTo>
                    <a:pt x="728" y="5037"/>
                    <a:pt x="653" y="5388"/>
                    <a:pt x="602" y="5538"/>
                  </a:cubicBezTo>
                  <a:cubicBezTo>
                    <a:pt x="602" y="5613"/>
                    <a:pt x="502" y="5764"/>
                    <a:pt x="427" y="5889"/>
                  </a:cubicBezTo>
                  <a:cubicBezTo>
                    <a:pt x="377" y="5989"/>
                    <a:pt x="327" y="6115"/>
                    <a:pt x="277" y="6165"/>
                  </a:cubicBezTo>
                  <a:cubicBezTo>
                    <a:pt x="201" y="6290"/>
                    <a:pt x="51" y="6440"/>
                    <a:pt x="1" y="6616"/>
                  </a:cubicBezTo>
                  <a:cubicBezTo>
                    <a:pt x="51" y="6616"/>
                    <a:pt x="151" y="6566"/>
                    <a:pt x="201" y="6566"/>
                  </a:cubicBezTo>
                  <a:lnTo>
                    <a:pt x="602" y="6566"/>
                  </a:lnTo>
                  <a:cubicBezTo>
                    <a:pt x="728" y="6616"/>
                    <a:pt x="878" y="6741"/>
                    <a:pt x="953" y="6741"/>
                  </a:cubicBezTo>
                  <a:cubicBezTo>
                    <a:pt x="1003" y="6791"/>
                    <a:pt x="1179" y="6917"/>
                    <a:pt x="1279" y="6917"/>
                  </a:cubicBezTo>
                  <a:cubicBezTo>
                    <a:pt x="1404" y="6841"/>
                    <a:pt x="1555" y="6741"/>
                    <a:pt x="1630" y="6741"/>
                  </a:cubicBezTo>
                  <a:cubicBezTo>
                    <a:pt x="1730" y="6691"/>
                    <a:pt x="1906" y="6691"/>
                    <a:pt x="2006" y="6691"/>
                  </a:cubicBezTo>
                  <a:cubicBezTo>
                    <a:pt x="2081" y="6741"/>
                    <a:pt x="2181" y="6841"/>
                    <a:pt x="2232" y="6917"/>
                  </a:cubicBezTo>
                  <a:cubicBezTo>
                    <a:pt x="2357" y="7067"/>
                    <a:pt x="2582" y="7293"/>
                    <a:pt x="2633" y="7468"/>
                  </a:cubicBezTo>
                  <a:cubicBezTo>
                    <a:pt x="2683" y="7593"/>
                    <a:pt x="2758" y="7869"/>
                    <a:pt x="2758" y="8045"/>
                  </a:cubicBezTo>
                  <a:cubicBezTo>
                    <a:pt x="2758" y="8095"/>
                    <a:pt x="2683" y="8320"/>
                    <a:pt x="2683" y="8420"/>
                  </a:cubicBezTo>
                  <a:cubicBezTo>
                    <a:pt x="2633" y="8496"/>
                    <a:pt x="2457" y="8646"/>
                    <a:pt x="2457" y="8721"/>
                  </a:cubicBezTo>
                  <a:cubicBezTo>
                    <a:pt x="2457" y="8771"/>
                    <a:pt x="2457" y="8947"/>
                    <a:pt x="2532" y="8997"/>
                  </a:cubicBezTo>
                  <a:cubicBezTo>
                    <a:pt x="2582" y="8997"/>
                    <a:pt x="2758" y="8947"/>
                    <a:pt x="2808" y="8872"/>
                  </a:cubicBezTo>
                  <a:cubicBezTo>
                    <a:pt x="2908" y="8872"/>
                    <a:pt x="3084" y="8721"/>
                    <a:pt x="3209" y="8646"/>
                  </a:cubicBezTo>
                  <a:lnTo>
                    <a:pt x="3535" y="8646"/>
                  </a:lnTo>
                  <a:cubicBezTo>
                    <a:pt x="3660" y="8646"/>
                    <a:pt x="3811" y="8646"/>
                    <a:pt x="3886" y="8721"/>
                  </a:cubicBezTo>
                  <a:cubicBezTo>
                    <a:pt x="3986" y="8771"/>
                    <a:pt x="4111" y="9047"/>
                    <a:pt x="4212" y="9172"/>
                  </a:cubicBezTo>
                  <a:cubicBezTo>
                    <a:pt x="4212" y="9222"/>
                    <a:pt x="4262" y="9273"/>
                    <a:pt x="4337" y="9323"/>
                  </a:cubicBezTo>
                  <a:cubicBezTo>
                    <a:pt x="4437" y="9323"/>
                    <a:pt x="4613" y="9323"/>
                    <a:pt x="4713" y="9273"/>
                  </a:cubicBezTo>
                  <a:cubicBezTo>
                    <a:pt x="4788" y="9273"/>
                    <a:pt x="4938" y="9172"/>
                    <a:pt x="5014" y="9097"/>
                  </a:cubicBezTo>
                  <a:cubicBezTo>
                    <a:pt x="5014" y="9047"/>
                    <a:pt x="5114" y="8997"/>
                    <a:pt x="5114" y="8947"/>
                  </a:cubicBezTo>
                  <a:cubicBezTo>
                    <a:pt x="5164" y="8821"/>
                    <a:pt x="5164" y="8646"/>
                    <a:pt x="5239" y="8546"/>
                  </a:cubicBezTo>
                  <a:cubicBezTo>
                    <a:pt x="5289" y="8496"/>
                    <a:pt x="5465" y="8320"/>
                    <a:pt x="5565" y="8270"/>
                  </a:cubicBezTo>
                  <a:cubicBezTo>
                    <a:pt x="5590" y="8232"/>
                    <a:pt x="5659" y="8214"/>
                    <a:pt x="5737" y="8214"/>
                  </a:cubicBezTo>
                  <a:cubicBezTo>
                    <a:pt x="5816" y="8214"/>
                    <a:pt x="5903" y="8232"/>
                    <a:pt x="5966" y="8270"/>
                  </a:cubicBezTo>
                  <a:cubicBezTo>
                    <a:pt x="6016" y="8270"/>
                    <a:pt x="6141" y="8370"/>
                    <a:pt x="6191" y="8420"/>
                  </a:cubicBezTo>
                  <a:cubicBezTo>
                    <a:pt x="6242" y="8496"/>
                    <a:pt x="6467" y="8496"/>
                    <a:pt x="6592" y="8546"/>
                  </a:cubicBezTo>
                  <a:cubicBezTo>
                    <a:pt x="6643" y="8546"/>
                    <a:pt x="6818" y="8496"/>
                    <a:pt x="6918" y="8496"/>
                  </a:cubicBezTo>
                  <a:cubicBezTo>
                    <a:pt x="6968" y="8546"/>
                    <a:pt x="7094" y="8646"/>
                    <a:pt x="7094" y="8721"/>
                  </a:cubicBezTo>
                  <a:cubicBezTo>
                    <a:pt x="7144" y="8821"/>
                    <a:pt x="7094" y="9097"/>
                    <a:pt x="7094" y="9222"/>
                  </a:cubicBezTo>
                  <a:cubicBezTo>
                    <a:pt x="7144" y="9273"/>
                    <a:pt x="7194" y="9398"/>
                    <a:pt x="7269" y="9448"/>
                  </a:cubicBezTo>
                  <a:cubicBezTo>
                    <a:pt x="7369" y="9548"/>
                    <a:pt x="7645" y="9674"/>
                    <a:pt x="7821" y="9674"/>
                  </a:cubicBezTo>
                  <a:cubicBezTo>
                    <a:pt x="7908" y="9699"/>
                    <a:pt x="8021" y="9699"/>
                    <a:pt x="8134" y="9699"/>
                  </a:cubicBezTo>
                  <a:cubicBezTo>
                    <a:pt x="8247" y="9699"/>
                    <a:pt x="8359" y="9699"/>
                    <a:pt x="8447" y="9724"/>
                  </a:cubicBezTo>
                  <a:cubicBezTo>
                    <a:pt x="8547" y="9774"/>
                    <a:pt x="8773" y="9899"/>
                    <a:pt x="8898" y="9949"/>
                  </a:cubicBezTo>
                  <a:cubicBezTo>
                    <a:pt x="8998" y="10075"/>
                    <a:pt x="9174" y="10300"/>
                    <a:pt x="9224" y="10451"/>
                  </a:cubicBezTo>
                  <a:cubicBezTo>
                    <a:pt x="9274" y="10526"/>
                    <a:pt x="9274" y="10751"/>
                    <a:pt x="9400" y="10801"/>
                  </a:cubicBezTo>
                  <a:cubicBezTo>
                    <a:pt x="9441" y="10904"/>
                    <a:pt x="9566" y="10990"/>
                    <a:pt x="9637" y="10990"/>
                  </a:cubicBezTo>
                  <a:cubicBezTo>
                    <a:pt x="9653" y="10990"/>
                    <a:pt x="9666" y="10986"/>
                    <a:pt x="9675" y="10977"/>
                  </a:cubicBezTo>
                  <a:cubicBezTo>
                    <a:pt x="9801" y="10977"/>
                    <a:pt x="9851" y="10701"/>
                    <a:pt x="9851" y="10576"/>
                  </a:cubicBezTo>
                  <a:cubicBezTo>
                    <a:pt x="9851" y="10576"/>
                    <a:pt x="9801" y="10451"/>
                    <a:pt x="9801" y="10400"/>
                  </a:cubicBezTo>
                  <a:cubicBezTo>
                    <a:pt x="9801" y="10350"/>
                    <a:pt x="9851" y="10225"/>
                    <a:pt x="9851" y="10225"/>
                  </a:cubicBezTo>
                  <a:cubicBezTo>
                    <a:pt x="9951" y="10225"/>
                    <a:pt x="10026" y="10451"/>
                    <a:pt x="10076" y="10526"/>
                  </a:cubicBezTo>
                  <a:cubicBezTo>
                    <a:pt x="10126" y="10576"/>
                    <a:pt x="10126" y="10801"/>
                    <a:pt x="10252" y="10852"/>
                  </a:cubicBezTo>
                  <a:cubicBezTo>
                    <a:pt x="10302" y="10927"/>
                    <a:pt x="10577" y="10977"/>
                    <a:pt x="10703" y="11027"/>
                  </a:cubicBezTo>
                  <a:cubicBezTo>
                    <a:pt x="10853" y="11077"/>
                    <a:pt x="11154" y="11253"/>
                    <a:pt x="11254" y="11378"/>
                  </a:cubicBezTo>
                  <a:cubicBezTo>
                    <a:pt x="11379" y="11478"/>
                    <a:pt x="11430" y="11754"/>
                    <a:pt x="11605" y="11879"/>
                  </a:cubicBezTo>
                  <a:cubicBezTo>
                    <a:pt x="11655" y="11929"/>
                    <a:pt x="11881" y="11929"/>
                    <a:pt x="11981" y="11979"/>
                  </a:cubicBezTo>
                  <a:cubicBezTo>
                    <a:pt x="12106" y="12055"/>
                    <a:pt x="12332" y="12280"/>
                    <a:pt x="12507" y="12280"/>
                  </a:cubicBezTo>
                  <a:cubicBezTo>
                    <a:pt x="12608" y="12280"/>
                    <a:pt x="12833" y="12205"/>
                    <a:pt x="12958" y="12155"/>
                  </a:cubicBezTo>
                  <a:cubicBezTo>
                    <a:pt x="13009" y="12105"/>
                    <a:pt x="13109" y="11929"/>
                    <a:pt x="13184" y="11879"/>
                  </a:cubicBezTo>
                  <a:cubicBezTo>
                    <a:pt x="13284" y="11879"/>
                    <a:pt x="13510" y="11829"/>
                    <a:pt x="13635" y="11829"/>
                  </a:cubicBezTo>
                  <a:cubicBezTo>
                    <a:pt x="13735" y="11879"/>
                    <a:pt x="13961" y="11979"/>
                    <a:pt x="14086" y="12055"/>
                  </a:cubicBezTo>
                  <a:cubicBezTo>
                    <a:pt x="14186" y="12155"/>
                    <a:pt x="14412" y="12506"/>
                    <a:pt x="14588" y="12556"/>
                  </a:cubicBezTo>
                  <a:cubicBezTo>
                    <a:pt x="14688" y="12606"/>
                    <a:pt x="14913" y="12656"/>
                    <a:pt x="14989" y="12656"/>
                  </a:cubicBezTo>
                  <a:cubicBezTo>
                    <a:pt x="15089" y="12656"/>
                    <a:pt x="15214" y="12556"/>
                    <a:pt x="15264" y="12506"/>
                  </a:cubicBezTo>
                  <a:cubicBezTo>
                    <a:pt x="15364" y="12430"/>
                    <a:pt x="15364" y="12205"/>
                    <a:pt x="15440" y="12155"/>
                  </a:cubicBezTo>
                  <a:cubicBezTo>
                    <a:pt x="15490" y="12105"/>
                    <a:pt x="15665" y="12055"/>
                    <a:pt x="15715" y="12055"/>
                  </a:cubicBezTo>
                  <a:cubicBezTo>
                    <a:pt x="15816" y="12105"/>
                    <a:pt x="15941" y="12155"/>
                    <a:pt x="15991" y="12205"/>
                  </a:cubicBezTo>
                  <a:cubicBezTo>
                    <a:pt x="16116" y="12280"/>
                    <a:pt x="16217" y="12430"/>
                    <a:pt x="16267" y="12506"/>
                  </a:cubicBezTo>
                  <a:cubicBezTo>
                    <a:pt x="16342" y="12556"/>
                    <a:pt x="16492" y="12656"/>
                    <a:pt x="16618" y="12656"/>
                  </a:cubicBezTo>
                  <a:cubicBezTo>
                    <a:pt x="16718" y="12656"/>
                    <a:pt x="16893" y="12606"/>
                    <a:pt x="17019" y="12606"/>
                  </a:cubicBezTo>
                  <a:lnTo>
                    <a:pt x="17470" y="12606"/>
                  </a:lnTo>
                  <a:cubicBezTo>
                    <a:pt x="17547" y="12606"/>
                    <a:pt x="17668" y="12680"/>
                    <a:pt x="17766" y="12680"/>
                  </a:cubicBezTo>
                  <a:cubicBezTo>
                    <a:pt x="17795" y="12680"/>
                    <a:pt x="17823" y="12673"/>
                    <a:pt x="17846" y="12656"/>
                  </a:cubicBezTo>
                  <a:cubicBezTo>
                    <a:pt x="17896" y="12656"/>
                    <a:pt x="18021" y="12506"/>
                    <a:pt x="18021" y="12430"/>
                  </a:cubicBezTo>
                  <a:cubicBezTo>
                    <a:pt x="18021" y="12380"/>
                    <a:pt x="17846" y="12205"/>
                    <a:pt x="17846" y="12155"/>
                  </a:cubicBezTo>
                  <a:cubicBezTo>
                    <a:pt x="17846" y="12055"/>
                    <a:pt x="17896" y="11879"/>
                    <a:pt x="17971" y="11829"/>
                  </a:cubicBezTo>
                  <a:cubicBezTo>
                    <a:pt x="18021" y="11829"/>
                    <a:pt x="18197" y="11754"/>
                    <a:pt x="18197" y="11704"/>
                  </a:cubicBezTo>
                  <a:cubicBezTo>
                    <a:pt x="18247" y="11654"/>
                    <a:pt x="18247" y="11478"/>
                    <a:pt x="18247" y="11428"/>
                  </a:cubicBezTo>
                  <a:cubicBezTo>
                    <a:pt x="18347" y="11378"/>
                    <a:pt x="18522" y="11303"/>
                    <a:pt x="18648" y="11303"/>
                  </a:cubicBezTo>
                  <a:cubicBezTo>
                    <a:pt x="18673" y="11278"/>
                    <a:pt x="18754" y="11278"/>
                    <a:pt x="18836" y="11278"/>
                  </a:cubicBezTo>
                  <a:cubicBezTo>
                    <a:pt x="18917" y="11278"/>
                    <a:pt x="18999" y="11278"/>
                    <a:pt x="19024" y="11253"/>
                  </a:cubicBezTo>
                  <a:cubicBezTo>
                    <a:pt x="19099" y="11202"/>
                    <a:pt x="19149" y="11027"/>
                    <a:pt x="19199" y="10977"/>
                  </a:cubicBezTo>
                  <a:cubicBezTo>
                    <a:pt x="19292" y="10884"/>
                    <a:pt x="19495" y="10832"/>
                    <a:pt x="19645" y="10832"/>
                  </a:cubicBezTo>
                  <a:cubicBezTo>
                    <a:pt x="19697" y="10832"/>
                    <a:pt x="19743" y="10839"/>
                    <a:pt x="19775" y="10852"/>
                  </a:cubicBezTo>
                  <a:cubicBezTo>
                    <a:pt x="19826" y="10852"/>
                    <a:pt x="20001" y="10977"/>
                    <a:pt x="20001" y="11027"/>
                  </a:cubicBezTo>
                  <a:cubicBezTo>
                    <a:pt x="20051" y="11077"/>
                    <a:pt x="19926" y="11253"/>
                    <a:pt x="19926" y="11378"/>
                  </a:cubicBezTo>
                  <a:cubicBezTo>
                    <a:pt x="20001" y="11428"/>
                    <a:pt x="20151" y="11528"/>
                    <a:pt x="20277" y="11528"/>
                  </a:cubicBezTo>
                  <a:cubicBezTo>
                    <a:pt x="20327" y="11603"/>
                    <a:pt x="20502" y="11603"/>
                    <a:pt x="20603" y="11603"/>
                  </a:cubicBezTo>
                  <a:cubicBezTo>
                    <a:pt x="20728" y="11603"/>
                    <a:pt x="20903" y="11603"/>
                    <a:pt x="21004" y="11654"/>
                  </a:cubicBezTo>
                  <a:cubicBezTo>
                    <a:pt x="21054" y="11704"/>
                    <a:pt x="21229" y="11879"/>
                    <a:pt x="21279" y="11979"/>
                  </a:cubicBezTo>
                  <a:cubicBezTo>
                    <a:pt x="21354" y="12055"/>
                    <a:pt x="21354" y="12280"/>
                    <a:pt x="21405" y="12380"/>
                  </a:cubicBezTo>
                  <a:cubicBezTo>
                    <a:pt x="21474" y="12415"/>
                    <a:pt x="21581" y="12462"/>
                    <a:pt x="21656" y="12462"/>
                  </a:cubicBezTo>
                  <a:cubicBezTo>
                    <a:pt x="21688" y="12462"/>
                    <a:pt x="21715" y="12453"/>
                    <a:pt x="21730" y="12430"/>
                  </a:cubicBezTo>
                  <a:cubicBezTo>
                    <a:pt x="21806" y="12430"/>
                    <a:pt x="21806" y="12280"/>
                    <a:pt x="21856" y="12205"/>
                  </a:cubicBezTo>
                  <a:cubicBezTo>
                    <a:pt x="21906" y="12205"/>
                    <a:pt x="22031" y="12155"/>
                    <a:pt x="22081" y="12155"/>
                  </a:cubicBezTo>
                  <a:cubicBezTo>
                    <a:pt x="22131" y="12155"/>
                    <a:pt x="22257" y="12205"/>
                    <a:pt x="22307" y="12205"/>
                  </a:cubicBezTo>
                  <a:cubicBezTo>
                    <a:pt x="22357" y="12280"/>
                    <a:pt x="22482" y="12380"/>
                    <a:pt x="22482" y="12430"/>
                  </a:cubicBezTo>
                  <a:cubicBezTo>
                    <a:pt x="22532" y="12506"/>
                    <a:pt x="22532" y="12606"/>
                    <a:pt x="22482" y="12656"/>
                  </a:cubicBezTo>
                  <a:cubicBezTo>
                    <a:pt x="22482" y="12731"/>
                    <a:pt x="22307" y="12781"/>
                    <a:pt x="22257" y="12831"/>
                  </a:cubicBezTo>
                  <a:cubicBezTo>
                    <a:pt x="22182" y="12957"/>
                    <a:pt x="22081" y="13107"/>
                    <a:pt x="22031" y="13233"/>
                  </a:cubicBezTo>
                  <a:cubicBezTo>
                    <a:pt x="21956" y="13333"/>
                    <a:pt x="21956" y="13558"/>
                    <a:pt x="21906" y="13634"/>
                  </a:cubicBezTo>
                  <a:cubicBezTo>
                    <a:pt x="21856" y="13684"/>
                    <a:pt x="21680" y="13684"/>
                    <a:pt x="21630" y="13734"/>
                  </a:cubicBezTo>
                  <a:cubicBezTo>
                    <a:pt x="21580" y="13784"/>
                    <a:pt x="21580" y="13909"/>
                    <a:pt x="21630" y="14009"/>
                  </a:cubicBezTo>
                  <a:cubicBezTo>
                    <a:pt x="21630" y="14085"/>
                    <a:pt x="21730" y="14235"/>
                    <a:pt x="21806" y="14310"/>
                  </a:cubicBezTo>
                  <a:cubicBezTo>
                    <a:pt x="21906" y="14360"/>
                    <a:pt x="22131" y="14461"/>
                    <a:pt x="22257" y="14586"/>
                  </a:cubicBezTo>
                  <a:cubicBezTo>
                    <a:pt x="22307" y="14636"/>
                    <a:pt x="22482" y="14862"/>
                    <a:pt x="22532" y="14987"/>
                  </a:cubicBezTo>
                  <a:cubicBezTo>
                    <a:pt x="22583" y="15087"/>
                    <a:pt x="22708" y="15438"/>
                    <a:pt x="22758" y="15538"/>
                  </a:cubicBezTo>
                  <a:cubicBezTo>
                    <a:pt x="22808" y="15664"/>
                    <a:pt x="23034" y="15764"/>
                    <a:pt x="23084" y="15839"/>
                  </a:cubicBezTo>
                  <a:cubicBezTo>
                    <a:pt x="23146" y="15864"/>
                    <a:pt x="23222" y="15877"/>
                    <a:pt x="23294" y="15877"/>
                  </a:cubicBezTo>
                  <a:cubicBezTo>
                    <a:pt x="23366" y="15877"/>
                    <a:pt x="23435" y="15864"/>
                    <a:pt x="23485" y="15839"/>
                  </a:cubicBezTo>
                  <a:cubicBezTo>
                    <a:pt x="23535" y="15839"/>
                    <a:pt x="23760" y="15764"/>
                    <a:pt x="23836" y="15764"/>
                  </a:cubicBezTo>
                  <a:cubicBezTo>
                    <a:pt x="23986" y="15764"/>
                    <a:pt x="24287" y="15764"/>
                    <a:pt x="24337" y="15889"/>
                  </a:cubicBezTo>
                  <a:cubicBezTo>
                    <a:pt x="24437" y="15939"/>
                    <a:pt x="24387" y="16215"/>
                    <a:pt x="24437" y="16290"/>
                  </a:cubicBezTo>
                  <a:cubicBezTo>
                    <a:pt x="24562" y="16340"/>
                    <a:pt x="24738" y="16340"/>
                    <a:pt x="24838" y="16390"/>
                  </a:cubicBezTo>
                  <a:cubicBezTo>
                    <a:pt x="24888" y="16390"/>
                    <a:pt x="25064" y="16516"/>
                    <a:pt x="25114" y="16516"/>
                  </a:cubicBezTo>
                  <a:cubicBezTo>
                    <a:pt x="25149" y="16530"/>
                    <a:pt x="25188" y="16536"/>
                    <a:pt x="25228" y="16536"/>
                  </a:cubicBezTo>
                  <a:cubicBezTo>
                    <a:pt x="25331" y="16536"/>
                    <a:pt x="25443" y="16495"/>
                    <a:pt x="25515" y="16441"/>
                  </a:cubicBezTo>
                  <a:cubicBezTo>
                    <a:pt x="25565" y="16441"/>
                    <a:pt x="25640" y="16290"/>
                    <a:pt x="25690" y="16290"/>
                  </a:cubicBezTo>
                  <a:cubicBezTo>
                    <a:pt x="25740" y="16290"/>
                    <a:pt x="25791" y="16290"/>
                    <a:pt x="25866" y="16340"/>
                  </a:cubicBezTo>
                  <a:cubicBezTo>
                    <a:pt x="25866" y="16215"/>
                    <a:pt x="25866" y="16065"/>
                    <a:pt x="25916" y="15989"/>
                  </a:cubicBezTo>
                  <a:cubicBezTo>
                    <a:pt x="25916" y="15889"/>
                    <a:pt x="26016" y="15714"/>
                    <a:pt x="26091" y="15613"/>
                  </a:cubicBezTo>
                  <a:cubicBezTo>
                    <a:pt x="26091" y="15488"/>
                    <a:pt x="26141" y="15313"/>
                    <a:pt x="26091" y="15212"/>
                  </a:cubicBezTo>
                  <a:cubicBezTo>
                    <a:pt x="26091" y="15087"/>
                    <a:pt x="25966" y="14862"/>
                    <a:pt x="25966" y="14761"/>
                  </a:cubicBezTo>
                  <a:cubicBezTo>
                    <a:pt x="25966" y="14636"/>
                    <a:pt x="26016" y="14410"/>
                    <a:pt x="26091" y="14235"/>
                  </a:cubicBezTo>
                  <a:cubicBezTo>
                    <a:pt x="26141" y="14185"/>
                    <a:pt x="26242" y="14009"/>
                    <a:pt x="26317" y="14009"/>
                  </a:cubicBezTo>
                  <a:cubicBezTo>
                    <a:pt x="26417" y="14009"/>
                    <a:pt x="26517" y="14185"/>
                    <a:pt x="26593" y="14310"/>
                  </a:cubicBezTo>
                  <a:cubicBezTo>
                    <a:pt x="26593" y="14360"/>
                    <a:pt x="26517" y="14461"/>
                    <a:pt x="26593" y="14536"/>
                  </a:cubicBezTo>
                  <a:cubicBezTo>
                    <a:pt x="26618" y="14561"/>
                    <a:pt x="26687" y="14573"/>
                    <a:pt x="26755" y="14573"/>
                  </a:cubicBezTo>
                  <a:cubicBezTo>
                    <a:pt x="26824" y="14573"/>
                    <a:pt x="26893" y="14561"/>
                    <a:pt x="26918" y="14536"/>
                  </a:cubicBezTo>
                  <a:cubicBezTo>
                    <a:pt x="26969" y="14461"/>
                    <a:pt x="27044" y="14310"/>
                    <a:pt x="27044" y="14235"/>
                  </a:cubicBezTo>
                  <a:cubicBezTo>
                    <a:pt x="27094" y="14185"/>
                    <a:pt x="27044" y="14009"/>
                    <a:pt x="27094" y="13959"/>
                  </a:cubicBezTo>
                  <a:cubicBezTo>
                    <a:pt x="27100" y="13953"/>
                    <a:pt x="27108" y="13950"/>
                    <a:pt x="27116" y="13950"/>
                  </a:cubicBezTo>
                  <a:cubicBezTo>
                    <a:pt x="27175" y="13950"/>
                    <a:pt x="27282" y="14085"/>
                    <a:pt x="27370" y="14085"/>
                  </a:cubicBezTo>
                  <a:cubicBezTo>
                    <a:pt x="27495" y="14085"/>
                    <a:pt x="27771" y="14009"/>
                    <a:pt x="27871" y="13959"/>
                  </a:cubicBezTo>
                  <a:lnTo>
                    <a:pt x="27946" y="13959"/>
                  </a:lnTo>
                  <a:cubicBezTo>
                    <a:pt x="27996" y="13909"/>
                    <a:pt x="28096" y="13734"/>
                    <a:pt x="28172" y="13684"/>
                  </a:cubicBezTo>
                  <a:cubicBezTo>
                    <a:pt x="28222" y="13634"/>
                    <a:pt x="28397" y="13558"/>
                    <a:pt x="28497" y="13558"/>
                  </a:cubicBezTo>
                  <a:cubicBezTo>
                    <a:pt x="28581" y="13558"/>
                    <a:pt x="28731" y="13514"/>
                    <a:pt x="28837" y="13514"/>
                  </a:cubicBezTo>
                  <a:cubicBezTo>
                    <a:pt x="28890" y="13514"/>
                    <a:pt x="28932" y="13525"/>
                    <a:pt x="28948" y="13558"/>
                  </a:cubicBezTo>
                  <a:cubicBezTo>
                    <a:pt x="28999" y="13684"/>
                    <a:pt x="28848" y="13859"/>
                    <a:pt x="28848" y="13959"/>
                  </a:cubicBezTo>
                  <a:cubicBezTo>
                    <a:pt x="28848" y="14009"/>
                    <a:pt x="28898" y="14085"/>
                    <a:pt x="28948" y="14135"/>
                  </a:cubicBezTo>
                  <a:cubicBezTo>
                    <a:pt x="28948" y="14135"/>
                    <a:pt x="28999" y="14135"/>
                    <a:pt x="28999" y="14185"/>
                  </a:cubicBezTo>
                  <a:cubicBezTo>
                    <a:pt x="29074" y="14235"/>
                    <a:pt x="29074" y="14410"/>
                    <a:pt x="29124" y="14461"/>
                  </a:cubicBezTo>
                  <a:cubicBezTo>
                    <a:pt x="29224" y="14586"/>
                    <a:pt x="29525" y="14536"/>
                    <a:pt x="29575" y="14636"/>
                  </a:cubicBezTo>
                  <a:cubicBezTo>
                    <a:pt x="29625" y="14711"/>
                    <a:pt x="29625" y="14811"/>
                    <a:pt x="29625" y="14862"/>
                  </a:cubicBezTo>
                  <a:cubicBezTo>
                    <a:pt x="29675" y="14987"/>
                    <a:pt x="29625" y="15212"/>
                    <a:pt x="29625" y="15263"/>
                  </a:cubicBezTo>
                  <a:cubicBezTo>
                    <a:pt x="29675" y="15388"/>
                    <a:pt x="29901" y="15613"/>
                    <a:pt x="30026" y="15613"/>
                  </a:cubicBezTo>
                  <a:cubicBezTo>
                    <a:pt x="30202" y="15613"/>
                    <a:pt x="30352" y="15388"/>
                    <a:pt x="30477" y="15313"/>
                  </a:cubicBezTo>
                  <a:cubicBezTo>
                    <a:pt x="30527" y="15263"/>
                    <a:pt x="30578" y="15037"/>
                    <a:pt x="30653" y="14987"/>
                  </a:cubicBezTo>
                  <a:cubicBezTo>
                    <a:pt x="30753" y="14937"/>
                    <a:pt x="30979" y="14862"/>
                    <a:pt x="31104" y="14761"/>
                  </a:cubicBezTo>
                  <a:cubicBezTo>
                    <a:pt x="31154" y="14711"/>
                    <a:pt x="31204" y="14461"/>
                    <a:pt x="31204" y="14360"/>
                  </a:cubicBezTo>
                  <a:cubicBezTo>
                    <a:pt x="31254" y="14235"/>
                    <a:pt x="31154" y="13959"/>
                    <a:pt x="31154" y="13859"/>
                  </a:cubicBezTo>
                  <a:cubicBezTo>
                    <a:pt x="31154" y="13734"/>
                    <a:pt x="31154" y="13634"/>
                    <a:pt x="31204" y="13508"/>
                  </a:cubicBezTo>
                  <a:cubicBezTo>
                    <a:pt x="31104" y="13508"/>
                    <a:pt x="30979" y="13458"/>
                    <a:pt x="30928" y="13458"/>
                  </a:cubicBezTo>
                  <a:cubicBezTo>
                    <a:pt x="30803" y="13458"/>
                    <a:pt x="30703" y="13458"/>
                    <a:pt x="30653" y="13408"/>
                  </a:cubicBezTo>
                  <a:cubicBezTo>
                    <a:pt x="30477" y="13333"/>
                    <a:pt x="30252" y="13233"/>
                    <a:pt x="30126" y="13107"/>
                  </a:cubicBezTo>
                  <a:cubicBezTo>
                    <a:pt x="29976" y="13007"/>
                    <a:pt x="29675" y="12606"/>
                    <a:pt x="29525" y="12430"/>
                  </a:cubicBezTo>
                  <a:cubicBezTo>
                    <a:pt x="29400" y="12330"/>
                    <a:pt x="29124" y="12155"/>
                    <a:pt x="28999" y="12055"/>
                  </a:cubicBezTo>
                  <a:cubicBezTo>
                    <a:pt x="28848" y="11879"/>
                    <a:pt x="28673" y="11478"/>
                    <a:pt x="28547" y="11303"/>
                  </a:cubicBezTo>
                  <a:cubicBezTo>
                    <a:pt x="28497" y="11202"/>
                    <a:pt x="28322" y="10977"/>
                    <a:pt x="28222" y="10852"/>
                  </a:cubicBezTo>
                  <a:cubicBezTo>
                    <a:pt x="28096" y="10701"/>
                    <a:pt x="27821" y="10400"/>
                    <a:pt x="27720" y="10225"/>
                  </a:cubicBezTo>
                  <a:cubicBezTo>
                    <a:pt x="27645" y="10125"/>
                    <a:pt x="27495" y="9849"/>
                    <a:pt x="27420" y="9674"/>
                  </a:cubicBezTo>
                  <a:cubicBezTo>
                    <a:pt x="27370" y="9498"/>
                    <a:pt x="27269" y="9047"/>
                    <a:pt x="27194" y="8821"/>
                  </a:cubicBezTo>
                  <a:cubicBezTo>
                    <a:pt x="27144" y="8596"/>
                    <a:pt x="27044" y="8195"/>
                    <a:pt x="26969" y="7969"/>
                  </a:cubicBezTo>
                  <a:cubicBezTo>
                    <a:pt x="26918" y="7744"/>
                    <a:pt x="26743" y="7368"/>
                    <a:pt x="26693" y="7142"/>
                  </a:cubicBezTo>
                  <a:cubicBezTo>
                    <a:pt x="26693" y="7017"/>
                    <a:pt x="26643" y="6741"/>
                    <a:pt x="26693" y="6616"/>
                  </a:cubicBezTo>
                  <a:cubicBezTo>
                    <a:pt x="26693" y="6516"/>
                    <a:pt x="26743" y="6340"/>
                    <a:pt x="26743" y="6215"/>
                  </a:cubicBezTo>
                  <a:cubicBezTo>
                    <a:pt x="26743" y="6165"/>
                    <a:pt x="26743" y="5989"/>
                    <a:pt x="26693" y="5889"/>
                  </a:cubicBezTo>
                  <a:cubicBezTo>
                    <a:pt x="26693" y="5839"/>
                    <a:pt x="26643" y="5664"/>
                    <a:pt x="26593" y="5664"/>
                  </a:cubicBezTo>
                  <a:cubicBezTo>
                    <a:pt x="26578" y="5654"/>
                    <a:pt x="26562" y="5650"/>
                    <a:pt x="26545" y="5650"/>
                  </a:cubicBezTo>
                  <a:cubicBezTo>
                    <a:pt x="26479" y="5650"/>
                    <a:pt x="26407" y="5714"/>
                    <a:pt x="26367" y="5714"/>
                  </a:cubicBezTo>
                  <a:cubicBezTo>
                    <a:pt x="26367" y="5764"/>
                    <a:pt x="26317" y="5889"/>
                    <a:pt x="26317" y="5889"/>
                  </a:cubicBezTo>
                  <a:cubicBezTo>
                    <a:pt x="26242" y="5939"/>
                    <a:pt x="26091" y="5939"/>
                    <a:pt x="26016" y="5939"/>
                  </a:cubicBezTo>
                  <a:cubicBezTo>
                    <a:pt x="25966" y="5989"/>
                    <a:pt x="25866" y="6115"/>
                    <a:pt x="25740" y="6115"/>
                  </a:cubicBezTo>
                  <a:lnTo>
                    <a:pt x="25565" y="6115"/>
                  </a:lnTo>
                  <a:cubicBezTo>
                    <a:pt x="25565" y="6065"/>
                    <a:pt x="25640" y="5939"/>
                    <a:pt x="25565" y="5889"/>
                  </a:cubicBezTo>
                  <a:cubicBezTo>
                    <a:pt x="25515" y="5889"/>
                    <a:pt x="25465" y="5939"/>
                    <a:pt x="25415" y="5939"/>
                  </a:cubicBezTo>
                  <a:cubicBezTo>
                    <a:pt x="25415" y="5989"/>
                    <a:pt x="25465" y="6115"/>
                    <a:pt x="25465" y="6115"/>
                  </a:cubicBezTo>
                  <a:cubicBezTo>
                    <a:pt x="25465" y="6165"/>
                    <a:pt x="25415" y="6215"/>
                    <a:pt x="25339" y="6215"/>
                  </a:cubicBezTo>
                  <a:cubicBezTo>
                    <a:pt x="25328" y="6232"/>
                    <a:pt x="25315" y="6238"/>
                    <a:pt x="25300" y="6238"/>
                  </a:cubicBezTo>
                  <a:cubicBezTo>
                    <a:pt x="25246" y="6238"/>
                    <a:pt x="25172" y="6154"/>
                    <a:pt x="25114" y="6115"/>
                  </a:cubicBezTo>
                  <a:cubicBezTo>
                    <a:pt x="25064" y="5989"/>
                    <a:pt x="24963" y="5839"/>
                    <a:pt x="24963" y="5764"/>
                  </a:cubicBezTo>
                  <a:cubicBezTo>
                    <a:pt x="24888" y="5664"/>
                    <a:pt x="24888" y="5438"/>
                    <a:pt x="24963" y="5313"/>
                  </a:cubicBezTo>
                  <a:cubicBezTo>
                    <a:pt x="25014" y="5263"/>
                    <a:pt x="25114" y="5212"/>
                    <a:pt x="25189" y="5212"/>
                  </a:cubicBezTo>
                  <a:cubicBezTo>
                    <a:pt x="25239" y="5212"/>
                    <a:pt x="25289" y="5263"/>
                    <a:pt x="25339" y="5263"/>
                  </a:cubicBezTo>
                  <a:cubicBezTo>
                    <a:pt x="25415" y="5263"/>
                    <a:pt x="25515" y="5263"/>
                    <a:pt x="25515" y="5212"/>
                  </a:cubicBezTo>
                  <a:cubicBezTo>
                    <a:pt x="25565" y="5162"/>
                    <a:pt x="25465" y="4987"/>
                    <a:pt x="25515" y="4937"/>
                  </a:cubicBezTo>
                  <a:cubicBezTo>
                    <a:pt x="25548" y="4937"/>
                    <a:pt x="25615" y="4903"/>
                    <a:pt x="25656" y="4903"/>
                  </a:cubicBezTo>
                  <a:cubicBezTo>
                    <a:pt x="25676" y="4903"/>
                    <a:pt x="25690" y="4912"/>
                    <a:pt x="25690" y="4937"/>
                  </a:cubicBezTo>
                  <a:cubicBezTo>
                    <a:pt x="25740" y="4937"/>
                    <a:pt x="25791" y="4987"/>
                    <a:pt x="25791" y="5037"/>
                  </a:cubicBezTo>
                  <a:cubicBezTo>
                    <a:pt x="25791" y="5087"/>
                    <a:pt x="25740" y="5162"/>
                    <a:pt x="25740" y="5212"/>
                  </a:cubicBezTo>
                  <a:cubicBezTo>
                    <a:pt x="25690" y="5212"/>
                    <a:pt x="25690" y="5313"/>
                    <a:pt x="25740" y="5388"/>
                  </a:cubicBezTo>
                  <a:cubicBezTo>
                    <a:pt x="25740" y="5423"/>
                    <a:pt x="25803" y="5459"/>
                    <a:pt x="25858" y="5459"/>
                  </a:cubicBezTo>
                  <a:cubicBezTo>
                    <a:pt x="25880" y="5459"/>
                    <a:pt x="25901" y="5453"/>
                    <a:pt x="25916" y="5438"/>
                  </a:cubicBezTo>
                  <a:cubicBezTo>
                    <a:pt x="25966" y="5438"/>
                    <a:pt x="25916" y="5313"/>
                    <a:pt x="25966" y="5313"/>
                  </a:cubicBezTo>
                  <a:cubicBezTo>
                    <a:pt x="25978" y="5308"/>
                    <a:pt x="25990" y="5305"/>
                    <a:pt x="26001" y="5305"/>
                  </a:cubicBezTo>
                  <a:cubicBezTo>
                    <a:pt x="26101" y="5305"/>
                    <a:pt x="26146" y="5493"/>
                    <a:pt x="26192" y="5538"/>
                  </a:cubicBezTo>
                  <a:cubicBezTo>
                    <a:pt x="26192" y="5538"/>
                    <a:pt x="26214" y="5572"/>
                    <a:pt x="26251" y="5572"/>
                  </a:cubicBezTo>
                  <a:cubicBezTo>
                    <a:pt x="26270" y="5572"/>
                    <a:pt x="26292" y="5563"/>
                    <a:pt x="26317" y="5538"/>
                  </a:cubicBezTo>
                  <a:cubicBezTo>
                    <a:pt x="26367" y="5538"/>
                    <a:pt x="26417" y="5438"/>
                    <a:pt x="26417" y="5388"/>
                  </a:cubicBezTo>
                  <a:cubicBezTo>
                    <a:pt x="26417" y="5263"/>
                    <a:pt x="26367" y="5162"/>
                    <a:pt x="26317" y="5087"/>
                  </a:cubicBezTo>
                  <a:lnTo>
                    <a:pt x="26317" y="4761"/>
                  </a:lnTo>
                  <a:cubicBezTo>
                    <a:pt x="26317" y="4636"/>
                    <a:pt x="26192" y="4360"/>
                    <a:pt x="26242" y="4260"/>
                  </a:cubicBezTo>
                  <a:cubicBezTo>
                    <a:pt x="26242" y="4135"/>
                    <a:pt x="26367" y="4034"/>
                    <a:pt x="26367" y="3909"/>
                  </a:cubicBezTo>
                  <a:cubicBezTo>
                    <a:pt x="26367" y="3909"/>
                    <a:pt x="26317" y="3809"/>
                    <a:pt x="26242" y="3809"/>
                  </a:cubicBezTo>
                  <a:cubicBezTo>
                    <a:pt x="26230" y="3792"/>
                    <a:pt x="26212" y="3785"/>
                    <a:pt x="26190" y="3785"/>
                  </a:cubicBezTo>
                  <a:cubicBezTo>
                    <a:pt x="26117" y="3785"/>
                    <a:pt x="26005" y="3859"/>
                    <a:pt x="25966" y="3859"/>
                  </a:cubicBezTo>
                  <a:cubicBezTo>
                    <a:pt x="25916" y="3859"/>
                    <a:pt x="25791" y="3684"/>
                    <a:pt x="25791" y="3633"/>
                  </a:cubicBezTo>
                  <a:cubicBezTo>
                    <a:pt x="25791" y="3583"/>
                    <a:pt x="25916" y="3458"/>
                    <a:pt x="25966" y="3408"/>
                  </a:cubicBezTo>
                  <a:lnTo>
                    <a:pt x="26141" y="3408"/>
                  </a:lnTo>
                  <a:cubicBezTo>
                    <a:pt x="26192" y="3458"/>
                    <a:pt x="26192" y="3508"/>
                    <a:pt x="26242" y="3583"/>
                  </a:cubicBezTo>
                  <a:lnTo>
                    <a:pt x="26367" y="3583"/>
                  </a:lnTo>
                  <a:cubicBezTo>
                    <a:pt x="26417" y="3583"/>
                    <a:pt x="26467" y="3508"/>
                    <a:pt x="26467" y="3458"/>
                  </a:cubicBezTo>
                  <a:cubicBezTo>
                    <a:pt x="26517" y="3408"/>
                    <a:pt x="26417" y="3232"/>
                    <a:pt x="26417" y="3182"/>
                  </a:cubicBezTo>
                  <a:lnTo>
                    <a:pt x="26417" y="3057"/>
                  </a:lnTo>
                  <a:lnTo>
                    <a:pt x="26517" y="2957"/>
                  </a:lnTo>
                  <a:cubicBezTo>
                    <a:pt x="26467" y="2831"/>
                    <a:pt x="26467" y="2781"/>
                    <a:pt x="26417" y="2731"/>
                  </a:cubicBezTo>
                  <a:cubicBezTo>
                    <a:pt x="26367" y="2556"/>
                    <a:pt x="26141" y="2380"/>
                    <a:pt x="26016" y="2280"/>
                  </a:cubicBezTo>
                  <a:cubicBezTo>
                    <a:pt x="25966" y="2155"/>
                    <a:pt x="25791" y="1929"/>
                    <a:pt x="25690" y="1879"/>
                  </a:cubicBezTo>
                  <a:cubicBezTo>
                    <a:pt x="25640" y="1754"/>
                    <a:pt x="25465" y="1603"/>
                    <a:pt x="25339" y="1528"/>
                  </a:cubicBezTo>
                  <a:cubicBezTo>
                    <a:pt x="25114" y="1428"/>
                    <a:pt x="24738" y="1202"/>
                    <a:pt x="24512" y="1202"/>
                  </a:cubicBezTo>
                  <a:cubicBezTo>
                    <a:pt x="24476" y="1188"/>
                    <a:pt x="24426" y="1182"/>
                    <a:pt x="24370" y="1182"/>
                  </a:cubicBezTo>
                  <a:cubicBezTo>
                    <a:pt x="24234" y="1182"/>
                    <a:pt x="24060" y="1217"/>
                    <a:pt x="23936" y="1252"/>
                  </a:cubicBezTo>
                  <a:cubicBezTo>
                    <a:pt x="23886" y="1252"/>
                    <a:pt x="23660" y="1252"/>
                    <a:pt x="23535" y="1303"/>
                  </a:cubicBezTo>
                  <a:cubicBezTo>
                    <a:pt x="23435" y="1378"/>
                    <a:pt x="23385" y="1603"/>
                    <a:pt x="23309" y="1704"/>
                  </a:cubicBezTo>
                  <a:cubicBezTo>
                    <a:pt x="23209" y="1754"/>
                    <a:pt x="22933" y="1829"/>
                    <a:pt x="22808" y="1829"/>
                  </a:cubicBezTo>
                  <a:cubicBezTo>
                    <a:pt x="22708" y="1829"/>
                    <a:pt x="22532" y="1704"/>
                    <a:pt x="22407" y="1653"/>
                  </a:cubicBezTo>
                  <a:cubicBezTo>
                    <a:pt x="22357" y="1653"/>
                    <a:pt x="22257" y="1478"/>
                    <a:pt x="22131" y="1428"/>
                  </a:cubicBezTo>
                  <a:cubicBezTo>
                    <a:pt x="21956" y="1428"/>
                    <a:pt x="21680" y="1478"/>
                    <a:pt x="21580" y="1603"/>
                  </a:cubicBezTo>
                  <a:cubicBezTo>
                    <a:pt x="21505" y="1653"/>
                    <a:pt x="21455" y="1879"/>
                    <a:pt x="21405" y="1979"/>
                  </a:cubicBezTo>
                  <a:cubicBezTo>
                    <a:pt x="21279" y="2105"/>
                    <a:pt x="21129" y="2280"/>
                    <a:pt x="21004" y="2330"/>
                  </a:cubicBezTo>
                  <a:cubicBezTo>
                    <a:pt x="20968" y="2366"/>
                    <a:pt x="20870" y="2401"/>
                    <a:pt x="20798" y="2401"/>
                  </a:cubicBezTo>
                  <a:cubicBezTo>
                    <a:pt x="20768" y="2401"/>
                    <a:pt x="20743" y="2395"/>
                    <a:pt x="20728" y="2380"/>
                  </a:cubicBezTo>
                  <a:cubicBezTo>
                    <a:pt x="20552" y="2380"/>
                    <a:pt x="20277" y="2280"/>
                    <a:pt x="20151" y="2205"/>
                  </a:cubicBezTo>
                  <a:cubicBezTo>
                    <a:pt x="20051" y="2155"/>
                    <a:pt x="19876" y="1929"/>
                    <a:pt x="19775" y="1879"/>
                  </a:cubicBezTo>
                  <a:cubicBezTo>
                    <a:pt x="19600" y="1829"/>
                    <a:pt x="19324" y="1754"/>
                    <a:pt x="19199" y="1653"/>
                  </a:cubicBezTo>
                  <a:cubicBezTo>
                    <a:pt x="19099" y="1653"/>
                    <a:pt x="18973" y="1478"/>
                    <a:pt x="18873" y="1428"/>
                  </a:cubicBezTo>
                  <a:cubicBezTo>
                    <a:pt x="18748" y="1378"/>
                    <a:pt x="18472" y="1378"/>
                    <a:pt x="18297" y="1378"/>
                  </a:cubicBezTo>
                  <a:cubicBezTo>
                    <a:pt x="18230" y="1378"/>
                    <a:pt x="18074" y="1400"/>
                    <a:pt x="17933" y="1400"/>
                  </a:cubicBezTo>
                  <a:cubicBezTo>
                    <a:pt x="17862" y="1400"/>
                    <a:pt x="17796" y="1395"/>
                    <a:pt x="17745" y="1378"/>
                  </a:cubicBezTo>
                  <a:lnTo>
                    <a:pt x="17620" y="1378"/>
                  </a:lnTo>
                  <a:cubicBezTo>
                    <a:pt x="17470" y="1478"/>
                    <a:pt x="17244" y="1603"/>
                    <a:pt x="17119" y="1653"/>
                  </a:cubicBezTo>
                  <a:cubicBezTo>
                    <a:pt x="16893" y="1704"/>
                    <a:pt x="16442" y="1704"/>
                    <a:pt x="16217" y="1754"/>
                  </a:cubicBezTo>
                  <a:cubicBezTo>
                    <a:pt x="15991" y="1754"/>
                    <a:pt x="15490" y="1879"/>
                    <a:pt x="15214" y="1929"/>
                  </a:cubicBezTo>
                  <a:cubicBezTo>
                    <a:pt x="15039" y="1979"/>
                    <a:pt x="14688" y="2280"/>
                    <a:pt x="14537" y="2280"/>
                  </a:cubicBezTo>
                  <a:cubicBezTo>
                    <a:pt x="14312" y="2280"/>
                    <a:pt x="13911" y="1979"/>
                    <a:pt x="13685" y="1929"/>
                  </a:cubicBezTo>
                  <a:cubicBezTo>
                    <a:pt x="13526" y="1894"/>
                    <a:pt x="13279" y="1858"/>
                    <a:pt x="13085" y="1858"/>
                  </a:cubicBezTo>
                  <a:cubicBezTo>
                    <a:pt x="13005" y="1858"/>
                    <a:pt x="12935" y="1864"/>
                    <a:pt x="12883" y="1879"/>
                  </a:cubicBezTo>
                  <a:cubicBezTo>
                    <a:pt x="12658" y="1929"/>
                    <a:pt x="12332" y="2280"/>
                    <a:pt x="12106" y="2330"/>
                  </a:cubicBezTo>
                  <a:cubicBezTo>
                    <a:pt x="12013" y="2351"/>
                    <a:pt x="11859" y="2363"/>
                    <a:pt x="11692" y="2363"/>
                  </a:cubicBezTo>
                  <a:cubicBezTo>
                    <a:pt x="11455" y="2363"/>
                    <a:pt x="11190" y="2339"/>
                    <a:pt x="11029" y="2280"/>
                  </a:cubicBezTo>
                  <a:cubicBezTo>
                    <a:pt x="10928" y="2205"/>
                    <a:pt x="10753" y="1979"/>
                    <a:pt x="10628" y="1879"/>
                  </a:cubicBezTo>
                  <a:cubicBezTo>
                    <a:pt x="10527" y="1829"/>
                    <a:pt x="10176" y="1653"/>
                    <a:pt x="10026" y="1603"/>
                  </a:cubicBezTo>
                  <a:cubicBezTo>
                    <a:pt x="9876" y="1603"/>
                    <a:pt x="9523" y="1714"/>
                    <a:pt x="9283" y="1714"/>
                  </a:cubicBezTo>
                  <a:cubicBezTo>
                    <a:pt x="9243" y="1714"/>
                    <a:pt x="9206" y="1711"/>
                    <a:pt x="9174" y="1704"/>
                  </a:cubicBezTo>
                  <a:cubicBezTo>
                    <a:pt x="9074" y="1653"/>
                    <a:pt x="8848" y="1303"/>
                    <a:pt x="8673" y="1202"/>
                  </a:cubicBezTo>
                  <a:cubicBezTo>
                    <a:pt x="8568" y="1160"/>
                    <a:pt x="8357" y="1065"/>
                    <a:pt x="8188" y="1065"/>
                  </a:cubicBezTo>
                  <a:cubicBezTo>
                    <a:pt x="8156" y="1065"/>
                    <a:pt x="8125" y="1069"/>
                    <a:pt x="8096" y="1077"/>
                  </a:cubicBezTo>
                  <a:cubicBezTo>
                    <a:pt x="7883" y="1077"/>
                    <a:pt x="7624" y="1482"/>
                    <a:pt x="7448" y="1482"/>
                  </a:cubicBezTo>
                  <a:cubicBezTo>
                    <a:pt x="7438" y="1482"/>
                    <a:pt x="7429" y="1481"/>
                    <a:pt x="7420" y="1478"/>
                  </a:cubicBezTo>
                  <a:cubicBezTo>
                    <a:pt x="7269" y="1478"/>
                    <a:pt x="7044" y="1202"/>
                    <a:pt x="7044" y="1077"/>
                  </a:cubicBezTo>
                  <a:cubicBezTo>
                    <a:pt x="6968" y="927"/>
                    <a:pt x="7194" y="576"/>
                    <a:pt x="7144" y="476"/>
                  </a:cubicBezTo>
                  <a:cubicBezTo>
                    <a:pt x="7094" y="300"/>
                    <a:pt x="6818" y="125"/>
                    <a:pt x="6643" y="75"/>
                  </a:cubicBezTo>
                  <a:cubicBezTo>
                    <a:pt x="6626" y="58"/>
                    <a:pt x="6581" y="52"/>
                    <a:pt x="6526" y="52"/>
                  </a:cubicBezTo>
                  <a:cubicBezTo>
                    <a:pt x="6414" y="52"/>
                    <a:pt x="6258" y="75"/>
                    <a:pt x="6191" y="75"/>
                  </a:cubicBezTo>
                  <a:cubicBezTo>
                    <a:pt x="6095" y="75"/>
                    <a:pt x="5910" y="0"/>
                    <a:pt x="5784" y="0"/>
                  </a:cubicBezTo>
                  <a:close/>
                </a:path>
              </a:pathLst>
            </a:custGeom>
            <a:solidFill>
              <a:schemeClr val="bg1"/>
            </a:solidFill>
            <a:ln>
              <a:noFill/>
            </a:ln>
          </p:spPr>
          <p:txBody>
            <a:bodyPr spcFirstLastPara="1" wrap="square" lIns="121900" tIns="121900" rIns="121900" bIns="121900" anchor="ctr" anchorCtr="0">
              <a:noAutofit/>
            </a:bodyPr>
            <a:lstStyle/>
            <a:p>
              <a:endParaRPr sz="2400"/>
            </a:p>
          </p:txBody>
        </p:sp>
        <p:sp>
          <p:nvSpPr>
            <p:cNvPr id="181" name="Google Shape;238;p16">
              <a:extLst>
                <a:ext uri="{FF2B5EF4-FFF2-40B4-BE49-F238E27FC236}">
                  <a16:creationId xmlns:a16="http://schemas.microsoft.com/office/drawing/2014/main" id="{19B50819-ADAC-27AB-9537-470497ECBCAE}"/>
                </a:ext>
              </a:extLst>
            </p:cNvPr>
            <p:cNvSpPr/>
            <p:nvPr/>
          </p:nvSpPr>
          <p:spPr>
            <a:xfrm>
              <a:off x="1894989" y="1725512"/>
              <a:ext cx="872327" cy="463780"/>
            </a:xfrm>
            <a:custGeom>
              <a:avLst/>
              <a:gdLst/>
              <a:ahLst/>
              <a:cxnLst/>
              <a:rect l="l" t="t" r="r" b="b"/>
              <a:pathLst>
                <a:path w="31255" h="16617" fill="none" extrusionOk="0">
                  <a:moveTo>
                    <a:pt x="427" y="5940"/>
                  </a:moveTo>
                  <a:cubicBezTo>
                    <a:pt x="502" y="5815"/>
                    <a:pt x="602" y="5664"/>
                    <a:pt x="602" y="5589"/>
                  </a:cubicBezTo>
                  <a:cubicBezTo>
                    <a:pt x="653" y="5439"/>
                    <a:pt x="728" y="5088"/>
                    <a:pt x="778" y="4988"/>
                  </a:cubicBezTo>
                  <a:cubicBezTo>
                    <a:pt x="828" y="4862"/>
                    <a:pt x="1003" y="4812"/>
                    <a:pt x="1054" y="4687"/>
                  </a:cubicBezTo>
                  <a:cubicBezTo>
                    <a:pt x="1054" y="4637"/>
                    <a:pt x="1003" y="4361"/>
                    <a:pt x="1054" y="4311"/>
                  </a:cubicBezTo>
                  <a:cubicBezTo>
                    <a:pt x="1054" y="4186"/>
                    <a:pt x="1279" y="4186"/>
                    <a:pt x="1329" y="4085"/>
                  </a:cubicBezTo>
                  <a:cubicBezTo>
                    <a:pt x="1404" y="3960"/>
                    <a:pt x="1505" y="3735"/>
                    <a:pt x="1455" y="3634"/>
                  </a:cubicBezTo>
                  <a:cubicBezTo>
                    <a:pt x="1455" y="3459"/>
                    <a:pt x="1179" y="3233"/>
                    <a:pt x="1104" y="3108"/>
                  </a:cubicBezTo>
                  <a:cubicBezTo>
                    <a:pt x="1003" y="3008"/>
                    <a:pt x="878" y="2732"/>
                    <a:pt x="828" y="2607"/>
                  </a:cubicBezTo>
                  <a:cubicBezTo>
                    <a:pt x="828" y="2431"/>
                    <a:pt x="878" y="2030"/>
                    <a:pt x="953" y="1805"/>
                  </a:cubicBezTo>
                  <a:cubicBezTo>
                    <a:pt x="1003" y="1654"/>
                    <a:pt x="1179" y="1253"/>
                    <a:pt x="1279" y="1078"/>
                  </a:cubicBezTo>
                  <a:cubicBezTo>
                    <a:pt x="1404" y="978"/>
                    <a:pt x="1630" y="627"/>
                    <a:pt x="1780" y="577"/>
                  </a:cubicBezTo>
                  <a:cubicBezTo>
                    <a:pt x="1906" y="527"/>
                    <a:pt x="2131" y="752"/>
                    <a:pt x="2307" y="752"/>
                  </a:cubicBezTo>
                  <a:cubicBezTo>
                    <a:pt x="2457" y="677"/>
                    <a:pt x="2683" y="301"/>
                    <a:pt x="2858" y="226"/>
                  </a:cubicBezTo>
                  <a:cubicBezTo>
                    <a:pt x="2983" y="176"/>
                    <a:pt x="3259" y="176"/>
                    <a:pt x="3359" y="301"/>
                  </a:cubicBezTo>
                  <a:cubicBezTo>
                    <a:pt x="3485" y="351"/>
                    <a:pt x="3535" y="677"/>
                    <a:pt x="3660" y="802"/>
                  </a:cubicBezTo>
                  <a:cubicBezTo>
                    <a:pt x="3886" y="902"/>
                    <a:pt x="4387" y="1078"/>
                    <a:pt x="4663" y="978"/>
                  </a:cubicBezTo>
                  <a:cubicBezTo>
                    <a:pt x="4838" y="902"/>
                    <a:pt x="5014" y="577"/>
                    <a:pt x="5164" y="401"/>
                  </a:cubicBezTo>
                  <a:cubicBezTo>
                    <a:pt x="5289" y="351"/>
                    <a:pt x="5515" y="126"/>
                    <a:pt x="5690" y="75"/>
                  </a:cubicBezTo>
                  <a:cubicBezTo>
                    <a:pt x="5790" y="0"/>
                    <a:pt x="6066" y="126"/>
                    <a:pt x="6191" y="126"/>
                  </a:cubicBezTo>
                  <a:cubicBezTo>
                    <a:pt x="6292" y="126"/>
                    <a:pt x="6592" y="75"/>
                    <a:pt x="6643" y="126"/>
                  </a:cubicBezTo>
                  <a:cubicBezTo>
                    <a:pt x="6818" y="176"/>
                    <a:pt x="7094" y="351"/>
                    <a:pt x="7144" y="527"/>
                  </a:cubicBezTo>
                  <a:cubicBezTo>
                    <a:pt x="7194" y="627"/>
                    <a:pt x="6968" y="978"/>
                    <a:pt x="7044" y="1128"/>
                  </a:cubicBezTo>
                  <a:cubicBezTo>
                    <a:pt x="7044" y="1253"/>
                    <a:pt x="7269" y="1529"/>
                    <a:pt x="7420" y="1529"/>
                  </a:cubicBezTo>
                  <a:cubicBezTo>
                    <a:pt x="7595" y="1579"/>
                    <a:pt x="7871" y="1128"/>
                    <a:pt x="8096" y="1128"/>
                  </a:cubicBezTo>
                  <a:cubicBezTo>
                    <a:pt x="8272" y="1078"/>
                    <a:pt x="8547" y="1203"/>
                    <a:pt x="8673" y="1253"/>
                  </a:cubicBezTo>
                  <a:cubicBezTo>
                    <a:pt x="8848" y="1354"/>
                    <a:pt x="9074" y="1704"/>
                    <a:pt x="9174" y="1755"/>
                  </a:cubicBezTo>
                  <a:cubicBezTo>
                    <a:pt x="9400" y="1805"/>
                    <a:pt x="9851" y="1654"/>
                    <a:pt x="10026" y="1654"/>
                  </a:cubicBezTo>
                  <a:cubicBezTo>
                    <a:pt x="10176" y="1704"/>
                    <a:pt x="10527" y="1880"/>
                    <a:pt x="10628" y="1930"/>
                  </a:cubicBezTo>
                  <a:cubicBezTo>
                    <a:pt x="10753" y="2030"/>
                    <a:pt x="10928" y="2256"/>
                    <a:pt x="11029" y="2331"/>
                  </a:cubicBezTo>
                  <a:cubicBezTo>
                    <a:pt x="11304" y="2431"/>
                    <a:pt x="11881" y="2431"/>
                    <a:pt x="12106" y="2381"/>
                  </a:cubicBezTo>
                  <a:cubicBezTo>
                    <a:pt x="12332" y="2331"/>
                    <a:pt x="12658" y="1980"/>
                    <a:pt x="12883" y="1930"/>
                  </a:cubicBezTo>
                  <a:cubicBezTo>
                    <a:pt x="13059" y="1880"/>
                    <a:pt x="13460" y="1930"/>
                    <a:pt x="13685" y="1980"/>
                  </a:cubicBezTo>
                  <a:cubicBezTo>
                    <a:pt x="13911" y="2030"/>
                    <a:pt x="14312" y="2331"/>
                    <a:pt x="14537" y="2331"/>
                  </a:cubicBezTo>
                  <a:cubicBezTo>
                    <a:pt x="14688" y="2331"/>
                    <a:pt x="15039" y="2030"/>
                    <a:pt x="15214" y="1980"/>
                  </a:cubicBezTo>
                  <a:cubicBezTo>
                    <a:pt x="15490" y="1930"/>
                    <a:pt x="15991" y="1805"/>
                    <a:pt x="16217" y="1805"/>
                  </a:cubicBezTo>
                  <a:cubicBezTo>
                    <a:pt x="16442" y="1755"/>
                    <a:pt x="16893" y="1755"/>
                    <a:pt x="17119" y="1704"/>
                  </a:cubicBezTo>
                  <a:cubicBezTo>
                    <a:pt x="17244" y="1654"/>
                    <a:pt x="17470" y="1529"/>
                    <a:pt x="17620" y="1429"/>
                  </a:cubicBezTo>
                  <a:lnTo>
                    <a:pt x="17745" y="1429"/>
                  </a:lnTo>
                  <a:cubicBezTo>
                    <a:pt x="17896" y="1479"/>
                    <a:pt x="18197" y="1429"/>
                    <a:pt x="18297" y="1429"/>
                  </a:cubicBezTo>
                  <a:cubicBezTo>
                    <a:pt x="18472" y="1429"/>
                    <a:pt x="18748" y="1429"/>
                    <a:pt x="18873" y="1479"/>
                  </a:cubicBezTo>
                  <a:cubicBezTo>
                    <a:pt x="18973" y="1529"/>
                    <a:pt x="19099" y="1704"/>
                    <a:pt x="19199" y="1704"/>
                  </a:cubicBezTo>
                  <a:cubicBezTo>
                    <a:pt x="19324" y="1805"/>
                    <a:pt x="19600" y="1880"/>
                    <a:pt x="19775" y="1930"/>
                  </a:cubicBezTo>
                  <a:cubicBezTo>
                    <a:pt x="19876" y="1980"/>
                    <a:pt x="20051" y="2206"/>
                    <a:pt x="20151" y="2256"/>
                  </a:cubicBezTo>
                  <a:cubicBezTo>
                    <a:pt x="20277" y="2331"/>
                    <a:pt x="20552" y="2431"/>
                    <a:pt x="20728" y="2431"/>
                  </a:cubicBezTo>
                  <a:cubicBezTo>
                    <a:pt x="20778" y="2481"/>
                    <a:pt x="20953" y="2431"/>
                    <a:pt x="21004" y="2381"/>
                  </a:cubicBezTo>
                  <a:cubicBezTo>
                    <a:pt x="21129" y="2331"/>
                    <a:pt x="21279" y="2156"/>
                    <a:pt x="21405" y="2030"/>
                  </a:cubicBezTo>
                  <a:cubicBezTo>
                    <a:pt x="21455" y="1930"/>
                    <a:pt x="21505" y="1704"/>
                    <a:pt x="21580" y="1654"/>
                  </a:cubicBezTo>
                  <a:cubicBezTo>
                    <a:pt x="21680" y="1529"/>
                    <a:pt x="21956" y="1479"/>
                    <a:pt x="22131" y="1479"/>
                  </a:cubicBezTo>
                  <a:cubicBezTo>
                    <a:pt x="22257" y="1529"/>
                    <a:pt x="22357" y="1704"/>
                    <a:pt x="22407" y="1704"/>
                  </a:cubicBezTo>
                  <a:cubicBezTo>
                    <a:pt x="22532" y="1755"/>
                    <a:pt x="22708" y="1880"/>
                    <a:pt x="22808" y="1880"/>
                  </a:cubicBezTo>
                  <a:cubicBezTo>
                    <a:pt x="22933" y="1880"/>
                    <a:pt x="23209" y="1805"/>
                    <a:pt x="23309" y="1755"/>
                  </a:cubicBezTo>
                  <a:cubicBezTo>
                    <a:pt x="23385" y="1654"/>
                    <a:pt x="23435" y="1429"/>
                    <a:pt x="23535" y="1354"/>
                  </a:cubicBezTo>
                  <a:cubicBezTo>
                    <a:pt x="23660" y="1303"/>
                    <a:pt x="23886" y="1303"/>
                    <a:pt x="23936" y="1303"/>
                  </a:cubicBezTo>
                  <a:cubicBezTo>
                    <a:pt x="24111" y="1253"/>
                    <a:pt x="24387" y="1203"/>
                    <a:pt x="24512" y="1253"/>
                  </a:cubicBezTo>
                  <a:cubicBezTo>
                    <a:pt x="24738" y="1253"/>
                    <a:pt x="25114" y="1479"/>
                    <a:pt x="25339" y="1579"/>
                  </a:cubicBezTo>
                  <a:cubicBezTo>
                    <a:pt x="25465" y="1654"/>
                    <a:pt x="25640" y="1805"/>
                    <a:pt x="25690" y="1930"/>
                  </a:cubicBezTo>
                  <a:cubicBezTo>
                    <a:pt x="25791" y="1980"/>
                    <a:pt x="25966" y="2206"/>
                    <a:pt x="26016" y="2331"/>
                  </a:cubicBezTo>
                  <a:cubicBezTo>
                    <a:pt x="26141" y="2431"/>
                    <a:pt x="26367" y="2607"/>
                    <a:pt x="26417" y="2782"/>
                  </a:cubicBezTo>
                  <a:cubicBezTo>
                    <a:pt x="26467" y="2832"/>
                    <a:pt x="26467" y="2882"/>
                    <a:pt x="26517" y="3008"/>
                  </a:cubicBezTo>
                  <a:lnTo>
                    <a:pt x="26417" y="3108"/>
                  </a:lnTo>
                  <a:lnTo>
                    <a:pt x="26417" y="3233"/>
                  </a:lnTo>
                  <a:cubicBezTo>
                    <a:pt x="26417" y="3283"/>
                    <a:pt x="26517" y="3459"/>
                    <a:pt x="26467" y="3509"/>
                  </a:cubicBezTo>
                  <a:cubicBezTo>
                    <a:pt x="26467" y="3559"/>
                    <a:pt x="26417" y="3634"/>
                    <a:pt x="26367" y="3634"/>
                  </a:cubicBezTo>
                  <a:lnTo>
                    <a:pt x="26242" y="3634"/>
                  </a:lnTo>
                  <a:cubicBezTo>
                    <a:pt x="26192" y="3559"/>
                    <a:pt x="26192" y="3509"/>
                    <a:pt x="26141" y="3459"/>
                  </a:cubicBezTo>
                  <a:lnTo>
                    <a:pt x="25966" y="3459"/>
                  </a:lnTo>
                  <a:cubicBezTo>
                    <a:pt x="25916" y="3509"/>
                    <a:pt x="25791" y="3634"/>
                    <a:pt x="25791" y="3684"/>
                  </a:cubicBezTo>
                  <a:cubicBezTo>
                    <a:pt x="25791" y="3735"/>
                    <a:pt x="25916" y="3910"/>
                    <a:pt x="25966" y="3910"/>
                  </a:cubicBezTo>
                  <a:cubicBezTo>
                    <a:pt x="26016" y="3910"/>
                    <a:pt x="26192" y="3785"/>
                    <a:pt x="26242" y="3860"/>
                  </a:cubicBezTo>
                  <a:cubicBezTo>
                    <a:pt x="26317" y="3860"/>
                    <a:pt x="26367" y="3960"/>
                    <a:pt x="26367" y="3960"/>
                  </a:cubicBezTo>
                  <a:cubicBezTo>
                    <a:pt x="26367" y="4085"/>
                    <a:pt x="26242" y="4186"/>
                    <a:pt x="26242" y="4311"/>
                  </a:cubicBezTo>
                  <a:cubicBezTo>
                    <a:pt x="26192" y="4411"/>
                    <a:pt x="26317" y="4687"/>
                    <a:pt x="26317" y="4812"/>
                  </a:cubicBezTo>
                  <a:lnTo>
                    <a:pt x="26317" y="5138"/>
                  </a:lnTo>
                  <a:cubicBezTo>
                    <a:pt x="26367" y="5213"/>
                    <a:pt x="26417" y="5314"/>
                    <a:pt x="26417" y="5439"/>
                  </a:cubicBezTo>
                  <a:cubicBezTo>
                    <a:pt x="26417" y="5489"/>
                    <a:pt x="26367" y="5589"/>
                    <a:pt x="26317" y="5589"/>
                  </a:cubicBezTo>
                  <a:cubicBezTo>
                    <a:pt x="26242" y="5664"/>
                    <a:pt x="26192" y="5589"/>
                    <a:pt x="26192" y="5589"/>
                  </a:cubicBezTo>
                  <a:cubicBezTo>
                    <a:pt x="26141" y="5539"/>
                    <a:pt x="26091" y="5314"/>
                    <a:pt x="25966" y="5364"/>
                  </a:cubicBezTo>
                  <a:cubicBezTo>
                    <a:pt x="25916" y="5364"/>
                    <a:pt x="25966" y="5489"/>
                    <a:pt x="25916" y="5489"/>
                  </a:cubicBezTo>
                  <a:cubicBezTo>
                    <a:pt x="25866" y="5539"/>
                    <a:pt x="25740" y="5489"/>
                    <a:pt x="25740" y="5439"/>
                  </a:cubicBezTo>
                  <a:cubicBezTo>
                    <a:pt x="25690" y="5364"/>
                    <a:pt x="25690" y="5263"/>
                    <a:pt x="25740" y="5263"/>
                  </a:cubicBezTo>
                  <a:cubicBezTo>
                    <a:pt x="25740" y="5213"/>
                    <a:pt x="25791" y="5138"/>
                    <a:pt x="25791" y="5088"/>
                  </a:cubicBezTo>
                  <a:cubicBezTo>
                    <a:pt x="25791" y="5038"/>
                    <a:pt x="25740" y="4988"/>
                    <a:pt x="25690" y="4988"/>
                  </a:cubicBezTo>
                  <a:cubicBezTo>
                    <a:pt x="25690" y="4913"/>
                    <a:pt x="25565" y="4988"/>
                    <a:pt x="25515" y="4988"/>
                  </a:cubicBezTo>
                  <a:cubicBezTo>
                    <a:pt x="25465" y="5038"/>
                    <a:pt x="25565" y="5213"/>
                    <a:pt x="25515" y="5263"/>
                  </a:cubicBezTo>
                  <a:cubicBezTo>
                    <a:pt x="25515" y="5314"/>
                    <a:pt x="25415" y="5314"/>
                    <a:pt x="25339" y="5314"/>
                  </a:cubicBezTo>
                  <a:cubicBezTo>
                    <a:pt x="25289" y="5314"/>
                    <a:pt x="25239" y="5263"/>
                    <a:pt x="25189" y="5263"/>
                  </a:cubicBezTo>
                  <a:cubicBezTo>
                    <a:pt x="25114" y="5263"/>
                    <a:pt x="25014" y="5314"/>
                    <a:pt x="24963" y="5364"/>
                  </a:cubicBezTo>
                  <a:cubicBezTo>
                    <a:pt x="24888" y="5489"/>
                    <a:pt x="24888" y="5715"/>
                    <a:pt x="24963" y="5815"/>
                  </a:cubicBezTo>
                  <a:cubicBezTo>
                    <a:pt x="24963" y="5890"/>
                    <a:pt x="25064" y="6040"/>
                    <a:pt x="25114" y="6166"/>
                  </a:cubicBezTo>
                  <a:cubicBezTo>
                    <a:pt x="25189" y="6216"/>
                    <a:pt x="25289" y="6341"/>
                    <a:pt x="25339" y="6266"/>
                  </a:cubicBezTo>
                  <a:cubicBezTo>
                    <a:pt x="25415" y="6266"/>
                    <a:pt x="25465" y="6216"/>
                    <a:pt x="25465" y="6166"/>
                  </a:cubicBezTo>
                  <a:cubicBezTo>
                    <a:pt x="25465" y="6166"/>
                    <a:pt x="25415" y="6040"/>
                    <a:pt x="25415" y="5990"/>
                  </a:cubicBezTo>
                  <a:cubicBezTo>
                    <a:pt x="25465" y="5990"/>
                    <a:pt x="25515" y="5940"/>
                    <a:pt x="25565" y="5940"/>
                  </a:cubicBezTo>
                  <a:cubicBezTo>
                    <a:pt x="25640" y="5990"/>
                    <a:pt x="25565" y="6116"/>
                    <a:pt x="25565" y="6166"/>
                  </a:cubicBezTo>
                  <a:lnTo>
                    <a:pt x="25740" y="6166"/>
                  </a:lnTo>
                  <a:cubicBezTo>
                    <a:pt x="25866" y="6166"/>
                    <a:pt x="25966" y="6040"/>
                    <a:pt x="26016" y="5990"/>
                  </a:cubicBezTo>
                  <a:cubicBezTo>
                    <a:pt x="26091" y="5990"/>
                    <a:pt x="26242" y="5990"/>
                    <a:pt x="26317" y="5940"/>
                  </a:cubicBezTo>
                  <a:cubicBezTo>
                    <a:pt x="26317" y="5940"/>
                    <a:pt x="26367" y="5815"/>
                    <a:pt x="26367" y="5765"/>
                  </a:cubicBezTo>
                  <a:cubicBezTo>
                    <a:pt x="26417" y="5765"/>
                    <a:pt x="26517" y="5664"/>
                    <a:pt x="26593" y="5715"/>
                  </a:cubicBezTo>
                  <a:cubicBezTo>
                    <a:pt x="26643" y="5715"/>
                    <a:pt x="26693" y="5890"/>
                    <a:pt x="26693" y="5940"/>
                  </a:cubicBezTo>
                  <a:cubicBezTo>
                    <a:pt x="26743" y="6040"/>
                    <a:pt x="26743" y="6216"/>
                    <a:pt x="26743" y="6266"/>
                  </a:cubicBezTo>
                  <a:cubicBezTo>
                    <a:pt x="26743" y="6391"/>
                    <a:pt x="26693" y="6567"/>
                    <a:pt x="26693" y="6667"/>
                  </a:cubicBezTo>
                  <a:cubicBezTo>
                    <a:pt x="26643" y="6792"/>
                    <a:pt x="26693" y="7068"/>
                    <a:pt x="26693" y="7193"/>
                  </a:cubicBezTo>
                  <a:cubicBezTo>
                    <a:pt x="26743" y="7419"/>
                    <a:pt x="26918" y="7795"/>
                    <a:pt x="26969" y="8020"/>
                  </a:cubicBezTo>
                  <a:cubicBezTo>
                    <a:pt x="27044" y="8246"/>
                    <a:pt x="27144" y="8647"/>
                    <a:pt x="27194" y="8872"/>
                  </a:cubicBezTo>
                  <a:cubicBezTo>
                    <a:pt x="27269" y="9098"/>
                    <a:pt x="27370" y="9549"/>
                    <a:pt x="27420" y="9725"/>
                  </a:cubicBezTo>
                  <a:cubicBezTo>
                    <a:pt x="27495" y="9900"/>
                    <a:pt x="27645" y="10176"/>
                    <a:pt x="27720" y="10276"/>
                  </a:cubicBezTo>
                  <a:cubicBezTo>
                    <a:pt x="27821" y="10451"/>
                    <a:pt x="28096" y="10752"/>
                    <a:pt x="28222" y="10903"/>
                  </a:cubicBezTo>
                  <a:cubicBezTo>
                    <a:pt x="28322" y="11028"/>
                    <a:pt x="28497" y="11253"/>
                    <a:pt x="28547" y="11354"/>
                  </a:cubicBezTo>
                  <a:cubicBezTo>
                    <a:pt x="28673" y="11529"/>
                    <a:pt x="28848" y="11930"/>
                    <a:pt x="28999" y="12106"/>
                  </a:cubicBezTo>
                  <a:cubicBezTo>
                    <a:pt x="29124" y="12206"/>
                    <a:pt x="29400" y="12381"/>
                    <a:pt x="29525" y="12481"/>
                  </a:cubicBezTo>
                  <a:cubicBezTo>
                    <a:pt x="29675" y="12657"/>
                    <a:pt x="29976" y="13058"/>
                    <a:pt x="30126" y="13158"/>
                  </a:cubicBezTo>
                  <a:cubicBezTo>
                    <a:pt x="30252" y="13284"/>
                    <a:pt x="30477" y="13384"/>
                    <a:pt x="30653" y="13459"/>
                  </a:cubicBezTo>
                  <a:cubicBezTo>
                    <a:pt x="30703" y="13509"/>
                    <a:pt x="30803" y="13509"/>
                    <a:pt x="30928" y="13509"/>
                  </a:cubicBezTo>
                  <a:cubicBezTo>
                    <a:pt x="30979" y="13509"/>
                    <a:pt x="31104" y="13559"/>
                    <a:pt x="31204" y="13559"/>
                  </a:cubicBezTo>
                  <a:cubicBezTo>
                    <a:pt x="31154" y="13685"/>
                    <a:pt x="31154" y="13785"/>
                    <a:pt x="31154" y="13910"/>
                  </a:cubicBezTo>
                  <a:cubicBezTo>
                    <a:pt x="31154" y="14010"/>
                    <a:pt x="31254" y="14286"/>
                    <a:pt x="31204" y="14411"/>
                  </a:cubicBezTo>
                  <a:cubicBezTo>
                    <a:pt x="31204" y="14512"/>
                    <a:pt x="31154" y="14762"/>
                    <a:pt x="31104" y="14812"/>
                  </a:cubicBezTo>
                  <a:cubicBezTo>
                    <a:pt x="30979" y="14913"/>
                    <a:pt x="30753" y="14988"/>
                    <a:pt x="30653" y="15038"/>
                  </a:cubicBezTo>
                  <a:cubicBezTo>
                    <a:pt x="30578" y="15088"/>
                    <a:pt x="30527" y="15314"/>
                    <a:pt x="30477" y="15364"/>
                  </a:cubicBezTo>
                  <a:cubicBezTo>
                    <a:pt x="30352" y="15439"/>
                    <a:pt x="30202" y="15664"/>
                    <a:pt x="30026" y="15664"/>
                  </a:cubicBezTo>
                  <a:cubicBezTo>
                    <a:pt x="29901" y="15664"/>
                    <a:pt x="29675" y="15439"/>
                    <a:pt x="29625" y="15314"/>
                  </a:cubicBezTo>
                  <a:cubicBezTo>
                    <a:pt x="29625" y="15263"/>
                    <a:pt x="29675" y="15038"/>
                    <a:pt x="29625" y="14913"/>
                  </a:cubicBezTo>
                  <a:cubicBezTo>
                    <a:pt x="29625" y="14862"/>
                    <a:pt x="29625" y="14762"/>
                    <a:pt x="29575" y="14687"/>
                  </a:cubicBezTo>
                  <a:cubicBezTo>
                    <a:pt x="29525" y="14587"/>
                    <a:pt x="29224" y="14637"/>
                    <a:pt x="29124" y="14512"/>
                  </a:cubicBezTo>
                  <a:cubicBezTo>
                    <a:pt x="29074" y="14461"/>
                    <a:pt x="29074" y="14286"/>
                    <a:pt x="28999" y="14236"/>
                  </a:cubicBezTo>
                  <a:cubicBezTo>
                    <a:pt x="28999" y="14186"/>
                    <a:pt x="28948" y="14186"/>
                    <a:pt x="28948" y="14186"/>
                  </a:cubicBezTo>
                  <a:cubicBezTo>
                    <a:pt x="28898" y="14136"/>
                    <a:pt x="28848" y="14060"/>
                    <a:pt x="28848" y="14010"/>
                  </a:cubicBezTo>
                  <a:cubicBezTo>
                    <a:pt x="28848" y="13910"/>
                    <a:pt x="28999" y="13735"/>
                    <a:pt x="28948" y="13609"/>
                  </a:cubicBezTo>
                  <a:cubicBezTo>
                    <a:pt x="28898" y="13509"/>
                    <a:pt x="28623" y="13609"/>
                    <a:pt x="28497" y="13609"/>
                  </a:cubicBezTo>
                  <a:cubicBezTo>
                    <a:pt x="28397" y="13609"/>
                    <a:pt x="28222" y="13685"/>
                    <a:pt x="28172" y="13735"/>
                  </a:cubicBezTo>
                  <a:cubicBezTo>
                    <a:pt x="28096" y="13785"/>
                    <a:pt x="27996" y="13960"/>
                    <a:pt x="27946" y="14010"/>
                  </a:cubicBezTo>
                  <a:lnTo>
                    <a:pt x="27871" y="14010"/>
                  </a:lnTo>
                  <a:cubicBezTo>
                    <a:pt x="27771" y="14060"/>
                    <a:pt x="27495" y="14136"/>
                    <a:pt x="27370" y="14136"/>
                  </a:cubicBezTo>
                  <a:cubicBezTo>
                    <a:pt x="27269" y="14136"/>
                    <a:pt x="27144" y="13960"/>
                    <a:pt x="27094" y="14010"/>
                  </a:cubicBezTo>
                  <a:cubicBezTo>
                    <a:pt x="27044" y="14060"/>
                    <a:pt x="27094" y="14236"/>
                    <a:pt x="27044" y="14286"/>
                  </a:cubicBezTo>
                  <a:cubicBezTo>
                    <a:pt x="27044" y="14361"/>
                    <a:pt x="26969" y="14512"/>
                    <a:pt x="26918" y="14587"/>
                  </a:cubicBezTo>
                  <a:cubicBezTo>
                    <a:pt x="26868" y="14637"/>
                    <a:pt x="26643" y="14637"/>
                    <a:pt x="26593" y="14587"/>
                  </a:cubicBezTo>
                  <a:cubicBezTo>
                    <a:pt x="26517" y="14512"/>
                    <a:pt x="26593" y="14411"/>
                    <a:pt x="26593" y="14361"/>
                  </a:cubicBezTo>
                  <a:cubicBezTo>
                    <a:pt x="26517" y="14236"/>
                    <a:pt x="26417" y="14060"/>
                    <a:pt x="26317" y="14060"/>
                  </a:cubicBezTo>
                  <a:cubicBezTo>
                    <a:pt x="26242" y="14060"/>
                    <a:pt x="26141" y="14236"/>
                    <a:pt x="26091" y="14286"/>
                  </a:cubicBezTo>
                  <a:cubicBezTo>
                    <a:pt x="26016" y="14461"/>
                    <a:pt x="25966" y="14687"/>
                    <a:pt x="25966" y="14812"/>
                  </a:cubicBezTo>
                  <a:cubicBezTo>
                    <a:pt x="25966" y="14913"/>
                    <a:pt x="26091" y="15138"/>
                    <a:pt x="26091" y="15263"/>
                  </a:cubicBezTo>
                  <a:cubicBezTo>
                    <a:pt x="26141" y="15364"/>
                    <a:pt x="26091" y="15539"/>
                    <a:pt x="26091" y="15664"/>
                  </a:cubicBezTo>
                  <a:cubicBezTo>
                    <a:pt x="26016" y="15765"/>
                    <a:pt x="25916" y="15940"/>
                    <a:pt x="25916" y="16040"/>
                  </a:cubicBezTo>
                  <a:cubicBezTo>
                    <a:pt x="25866" y="16116"/>
                    <a:pt x="25866" y="16266"/>
                    <a:pt x="25866" y="16391"/>
                  </a:cubicBezTo>
                  <a:cubicBezTo>
                    <a:pt x="25791" y="16341"/>
                    <a:pt x="25740" y="16341"/>
                    <a:pt x="25690" y="16341"/>
                  </a:cubicBezTo>
                  <a:cubicBezTo>
                    <a:pt x="25640" y="16341"/>
                    <a:pt x="25565" y="16492"/>
                    <a:pt x="25515" y="16492"/>
                  </a:cubicBezTo>
                  <a:cubicBezTo>
                    <a:pt x="25415" y="16567"/>
                    <a:pt x="25239" y="16617"/>
                    <a:pt x="25114" y="16567"/>
                  </a:cubicBezTo>
                  <a:cubicBezTo>
                    <a:pt x="25064" y="16567"/>
                    <a:pt x="24888" y="16441"/>
                    <a:pt x="24838" y="16441"/>
                  </a:cubicBezTo>
                  <a:cubicBezTo>
                    <a:pt x="24738" y="16391"/>
                    <a:pt x="24562" y="16391"/>
                    <a:pt x="24437" y="16341"/>
                  </a:cubicBezTo>
                  <a:cubicBezTo>
                    <a:pt x="24387" y="16266"/>
                    <a:pt x="24437" y="15990"/>
                    <a:pt x="24337" y="15940"/>
                  </a:cubicBezTo>
                  <a:cubicBezTo>
                    <a:pt x="24287" y="15815"/>
                    <a:pt x="23986" y="15815"/>
                    <a:pt x="23836" y="15815"/>
                  </a:cubicBezTo>
                  <a:cubicBezTo>
                    <a:pt x="23760" y="15815"/>
                    <a:pt x="23535" y="15890"/>
                    <a:pt x="23485" y="15890"/>
                  </a:cubicBezTo>
                  <a:cubicBezTo>
                    <a:pt x="23385" y="15940"/>
                    <a:pt x="23209" y="15940"/>
                    <a:pt x="23084" y="15890"/>
                  </a:cubicBezTo>
                  <a:cubicBezTo>
                    <a:pt x="23034" y="15815"/>
                    <a:pt x="22808" y="15715"/>
                    <a:pt x="22758" y="15589"/>
                  </a:cubicBezTo>
                  <a:cubicBezTo>
                    <a:pt x="22708" y="15489"/>
                    <a:pt x="22583" y="15138"/>
                    <a:pt x="22532" y="15038"/>
                  </a:cubicBezTo>
                  <a:cubicBezTo>
                    <a:pt x="22482" y="14913"/>
                    <a:pt x="22307" y="14687"/>
                    <a:pt x="22257" y="14637"/>
                  </a:cubicBezTo>
                  <a:cubicBezTo>
                    <a:pt x="22131" y="14512"/>
                    <a:pt x="21906" y="14411"/>
                    <a:pt x="21806" y="14361"/>
                  </a:cubicBezTo>
                  <a:cubicBezTo>
                    <a:pt x="21730" y="14286"/>
                    <a:pt x="21630" y="14136"/>
                    <a:pt x="21630" y="14060"/>
                  </a:cubicBezTo>
                  <a:cubicBezTo>
                    <a:pt x="21580" y="13960"/>
                    <a:pt x="21580" y="13835"/>
                    <a:pt x="21630" y="13785"/>
                  </a:cubicBezTo>
                  <a:cubicBezTo>
                    <a:pt x="21680" y="13735"/>
                    <a:pt x="21856" y="13735"/>
                    <a:pt x="21906" y="13685"/>
                  </a:cubicBezTo>
                  <a:cubicBezTo>
                    <a:pt x="21956" y="13609"/>
                    <a:pt x="21956" y="13384"/>
                    <a:pt x="22031" y="13284"/>
                  </a:cubicBezTo>
                  <a:cubicBezTo>
                    <a:pt x="22081" y="13158"/>
                    <a:pt x="22182" y="13008"/>
                    <a:pt x="22257" y="12882"/>
                  </a:cubicBezTo>
                  <a:cubicBezTo>
                    <a:pt x="22307" y="12832"/>
                    <a:pt x="22482" y="12782"/>
                    <a:pt x="22482" y="12707"/>
                  </a:cubicBezTo>
                  <a:cubicBezTo>
                    <a:pt x="22532" y="12657"/>
                    <a:pt x="22532" y="12557"/>
                    <a:pt x="22482" y="12481"/>
                  </a:cubicBezTo>
                  <a:cubicBezTo>
                    <a:pt x="22482" y="12431"/>
                    <a:pt x="22357" y="12331"/>
                    <a:pt x="22307" y="12256"/>
                  </a:cubicBezTo>
                  <a:cubicBezTo>
                    <a:pt x="22257" y="12256"/>
                    <a:pt x="22131" y="12206"/>
                    <a:pt x="22081" y="12206"/>
                  </a:cubicBezTo>
                  <a:cubicBezTo>
                    <a:pt x="22031" y="12206"/>
                    <a:pt x="21906" y="12256"/>
                    <a:pt x="21856" y="12256"/>
                  </a:cubicBezTo>
                  <a:cubicBezTo>
                    <a:pt x="21806" y="12331"/>
                    <a:pt x="21806" y="12481"/>
                    <a:pt x="21730" y="12481"/>
                  </a:cubicBezTo>
                  <a:cubicBezTo>
                    <a:pt x="21680" y="12557"/>
                    <a:pt x="21505" y="12481"/>
                    <a:pt x="21405" y="12431"/>
                  </a:cubicBezTo>
                  <a:cubicBezTo>
                    <a:pt x="21354" y="12331"/>
                    <a:pt x="21354" y="12106"/>
                    <a:pt x="21279" y="12030"/>
                  </a:cubicBezTo>
                  <a:cubicBezTo>
                    <a:pt x="21229" y="11930"/>
                    <a:pt x="21054" y="11755"/>
                    <a:pt x="21004" y="11705"/>
                  </a:cubicBezTo>
                  <a:cubicBezTo>
                    <a:pt x="20903" y="11654"/>
                    <a:pt x="20728" y="11654"/>
                    <a:pt x="20603" y="11654"/>
                  </a:cubicBezTo>
                  <a:cubicBezTo>
                    <a:pt x="20502" y="11654"/>
                    <a:pt x="20327" y="11654"/>
                    <a:pt x="20277" y="11579"/>
                  </a:cubicBezTo>
                  <a:cubicBezTo>
                    <a:pt x="20151" y="11579"/>
                    <a:pt x="20001" y="11479"/>
                    <a:pt x="19926" y="11429"/>
                  </a:cubicBezTo>
                  <a:cubicBezTo>
                    <a:pt x="19926" y="11304"/>
                    <a:pt x="20051" y="11128"/>
                    <a:pt x="20001" y="11078"/>
                  </a:cubicBezTo>
                  <a:cubicBezTo>
                    <a:pt x="20001" y="11028"/>
                    <a:pt x="19826" y="10903"/>
                    <a:pt x="19775" y="10903"/>
                  </a:cubicBezTo>
                  <a:cubicBezTo>
                    <a:pt x="19650" y="10852"/>
                    <a:pt x="19324" y="10903"/>
                    <a:pt x="19199" y="11028"/>
                  </a:cubicBezTo>
                  <a:cubicBezTo>
                    <a:pt x="19149" y="11078"/>
                    <a:pt x="19099" y="11253"/>
                    <a:pt x="19024" y="11304"/>
                  </a:cubicBezTo>
                  <a:cubicBezTo>
                    <a:pt x="18973" y="11354"/>
                    <a:pt x="18698" y="11304"/>
                    <a:pt x="18648" y="11354"/>
                  </a:cubicBezTo>
                  <a:cubicBezTo>
                    <a:pt x="18522" y="11354"/>
                    <a:pt x="18347" y="11429"/>
                    <a:pt x="18247" y="11479"/>
                  </a:cubicBezTo>
                  <a:cubicBezTo>
                    <a:pt x="18247" y="11529"/>
                    <a:pt x="18247" y="11705"/>
                    <a:pt x="18197" y="11755"/>
                  </a:cubicBezTo>
                  <a:cubicBezTo>
                    <a:pt x="18197" y="11805"/>
                    <a:pt x="18021" y="11880"/>
                    <a:pt x="17971" y="11880"/>
                  </a:cubicBezTo>
                  <a:cubicBezTo>
                    <a:pt x="17896" y="11930"/>
                    <a:pt x="17846" y="12106"/>
                    <a:pt x="17846" y="12206"/>
                  </a:cubicBezTo>
                  <a:cubicBezTo>
                    <a:pt x="17846" y="12256"/>
                    <a:pt x="18021" y="12431"/>
                    <a:pt x="18021" y="12481"/>
                  </a:cubicBezTo>
                  <a:cubicBezTo>
                    <a:pt x="18021" y="12557"/>
                    <a:pt x="17896" y="12707"/>
                    <a:pt x="17846" y="12707"/>
                  </a:cubicBezTo>
                  <a:cubicBezTo>
                    <a:pt x="17745" y="12782"/>
                    <a:pt x="17570" y="12657"/>
                    <a:pt x="17470" y="12657"/>
                  </a:cubicBezTo>
                  <a:lnTo>
                    <a:pt x="17019" y="12657"/>
                  </a:lnTo>
                  <a:cubicBezTo>
                    <a:pt x="16893" y="12657"/>
                    <a:pt x="16718" y="12707"/>
                    <a:pt x="16618" y="12707"/>
                  </a:cubicBezTo>
                  <a:cubicBezTo>
                    <a:pt x="16492" y="12707"/>
                    <a:pt x="16342" y="12607"/>
                    <a:pt x="16267" y="12557"/>
                  </a:cubicBezTo>
                  <a:cubicBezTo>
                    <a:pt x="16217" y="12481"/>
                    <a:pt x="16116" y="12331"/>
                    <a:pt x="15991" y="12256"/>
                  </a:cubicBezTo>
                  <a:cubicBezTo>
                    <a:pt x="15941" y="12206"/>
                    <a:pt x="15816" y="12156"/>
                    <a:pt x="15715" y="12106"/>
                  </a:cubicBezTo>
                  <a:cubicBezTo>
                    <a:pt x="15665" y="12106"/>
                    <a:pt x="15490" y="12156"/>
                    <a:pt x="15440" y="12206"/>
                  </a:cubicBezTo>
                  <a:cubicBezTo>
                    <a:pt x="15364" y="12256"/>
                    <a:pt x="15364" y="12481"/>
                    <a:pt x="15264" y="12557"/>
                  </a:cubicBezTo>
                  <a:cubicBezTo>
                    <a:pt x="15214" y="12607"/>
                    <a:pt x="15089" y="12707"/>
                    <a:pt x="14989" y="12707"/>
                  </a:cubicBezTo>
                  <a:cubicBezTo>
                    <a:pt x="14913" y="12707"/>
                    <a:pt x="14688" y="12657"/>
                    <a:pt x="14588" y="12607"/>
                  </a:cubicBezTo>
                  <a:cubicBezTo>
                    <a:pt x="14412" y="12557"/>
                    <a:pt x="14186" y="12206"/>
                    <a:pt x="14086" y="12106"/>
                  </a:cubicBezTo>
                  <a:cubicBezTo>
                    <a:pt x="13961" y="12030"/>
                    <a:pt x="13735" y="11930"/>
                    <a:pt x="13635" y="11880"/>
                  </a:cubicBezTo>
                  <a:cubicBezTo>
                    <a:pt x="13510" y="11880"/>
                    <a:pt x="13284" y="11930"/>
                    <a:pt x="13184" y="11930"/>
                  </a:cubicBezTo>
                  <a:cubicBezTo>
                    <a:pt x="13109" y="11980"/>
                    <a:pt x="13009" y="12156"/>
                    <a:pt x="12958" y="12206"/>
                  </a:cubicBezTo>
                  <a:cubicBezTo>
                    <a:pt x="12833" y="12256"/>
                    <a:pt x="12608" y="12331"/>
                    <a:pt x="12507" y="12331"/>
                  </a:cubicBezTo>
                  <a:cubicBezTo>
                    <a:pt x="12332" y="12331"/>
                    <a:pt x="12106" y="12106"/>
                    <a:pt x="11981" y="12030"/>
                  </a:cubicBezTo>
                  <a:cubicBezTo>
                    <a:pt x="11881" y="11980"/>
                    <a:pt x="11655" y="11980"/>
                    <a:pt x="11605" y="11930"/>
                  </a:cubicBezTo>
                  <a:cubicBezTo>
                    <a:pt x="11430" y="11805"/>
                    <a:pt x="11379" y="11529"/>
                    <a:pt x="11254" y="11429"/>
                  </a:cubicBezTo>
                  <a:cubicBezTo>
                    <a:pt x="11154" y="11304"/>
                    <a:pt x="10853" y="11128"/>
                    <a:pt x="10703" y="11078"/>
                  </a:cubicBezTo>
                  <a:cubicBezTo>
                    <a:pt x="10577" y="11028"/>
                    <a:pt x="10302" y="10978"/>
                    <a:pt x="10252" y="10903"/>
                  </a:cubicBezTo>
                  <a:cubicBezTo>
                    <a:pt x="10126" y="10852"/>
                    <a:pt x="10126" y="10627"/>
                    <a:pt x="10076" y="10577"/>
                  </a:cubicBezTo>
                  <a:cubicBezTo>
                    <a:pt x="10026" y="10502"/>
                    <a:pt x="9951" y="10276"/>
                    <a:pt x="9851" y="10276"/>
                  </a:cubicBezTo>
                  <a:cubicBezTo>
                    <a:pt x="9851" y="10276"/>
                    <a:pt x="9801" y="10401"/>
                    <a:pt x="9801" y="10451"/>
                  </a:cubicBezTo>
                  <a:cubicBezTo>
                    <a:pt x="9801" y="10502"/>
                    <a:pt x="9851" y="10627"/>
                    <a:pt x="9851" y="10627"/>
                  </a:cubicBezTo>
                  <a:cubicBezTo>
                    <a:pt x="9851" y="10752"/>
                    <a:pt x="9801" y="11028"/>
                    <a:pt x="9675" y="11028"/>
                  </a:cubicBezTo>
                  <a:cubicBezTo>
                    <a:pt x="9625" y="11078"/>
                    <a:pt x="9450" y="10978"/>
                    <a:pt x="9400" y="10852"/>
                  </a:cubicBezTo>
                  <a:cubicBezTo>
                    <a:pt x="9274" y="10802"/>
                    <a:pt x="9274" y="10577"/>
                    <a:pt x="9224" y="10502"/>
                  </a:cubicBezTo>
                  <a:cubicBezTo>
                    <a:pt x="9174" y="10351"/>
                    <a:pt x="8998" y="10126"/>
                    <a:pt x="8898" y="10000"/>
                  </a:cubicBezTo>
                  <a:cubicBezTo>
                    <a:pt x="8773" y="9950"/>
                    <a:pt x="8547" y="9825"/>
                    <a:pt x="8447" y="9775"/>
                  </a:cubicBezTo>
                  <a:cubicBezTo>
                    <a:pt x="8272" y="9725"/>
                    <a:pt x="7996" y="9775"/>
                    <a:pt x="7821" y="9725"/>
                  </a:cubicBezTo>
                  <a:cubicBezTo>
                    <a:pt x="7645" y="9725"/>
                    <a:pt x="7369" y="9599"/>
                    <a:pt x="7269" y="9499"/>
                  </a:cubicBezTo>
                  <a:cubicBezTo>
                    <a:pt x="7194" y="9449"/>
                    <a:pt x="7144" y="9324"/>
                    <a:pt x="7094" y="9273"/>
                  </a:cubicBezTo>
                  <a:cubicBezTo>
                    <a:pt x="7094" y="9148"/>
                    <a:pt x="7144" y="8872"/>
                    <a:pt x="7094" y="8772"/>
                  </a:cubicBezTo>
                  <a:cubicBezTo>
                    <a:pt x="7094" y="8697"/>
                    <a:pt x="6968" y="8597"/>
                    <a:pt x="6918" y="8547"/>
                  </a:cubicBezTo>
                  <a:cubicBezTo>
                    <a:pt x="6818" y="8547"/>
                    <a:pt x="6643" y="8597"/>
                    <a:pt x="6592" y="8597"/>
                  </a:cubicBezTo>
                  <a:cubicBezTo>
                    <a:pt x="6467" y="8547"/>
                    <a:pt x="6242" y="8547"/>
                    <a:pt x="6191" y="8471"/>
                  </a:cubicBezTo>
                  <a:cubicBezTo>
                    <a:pt x="6141" y="8421"/>
                    <a:pt x="6016" y="8321"/>
                    <a:pt x="5966" y="8321"/>
                  </a:cubicBezTo>
                  <a:cubicBezTo>
                    <a:pt x="5841" y="8246"/>
                    <a:pt x="5615" y="8246"/>
                    <a:pt x="5565" y="8321"/>
                  </a:cubicBezTo>
                  <a:cubicBezTo>
                    <a:pt x="5465" y="8371"/>
                    <a:pt x="5289" y="8547"/>
                    <a:pt x="5239" y="8597"/>
                  </a:cubicBezTo>
                  <a:cubicBezTo>
                    <a:pt x="5164" y="8697"/>
                    <a:pt x="5164" y="8872"/>
                    <a:pt x="5114" y="8998"/>
                  </a:cubicBezTo>
                  <a:cubicBezTo>
                    <a:pt x="5114" y="9048"/>
                    <a:pt x="5014" y="9098"/>
                    <a:pt x="5014" y="9148"/>
                  </a:cubicBezTo>
                  <a:cubicBezTo>
                    <a:pt x="4938" y="9223"/>
                    <a:pt x="4788" y="9324"/>
                    <a:pt x="4713" y="9324"/>
                  </a:cubicBezTo>
                  <a:cubicBezTo>
                    <a:pt x="4613" y="9374"/>
                    <a:pt x="4437" y="9374"/>
                    <a:pt x="4337" y="9374"/>
                  </a:cubicBezTo>
                  <a:cubicBezTo>
                    <a:pt x="4262" y="9324"/>
                    <a:pt x="4212" y="9273"/>
                    <a:pt x="4212" y="9223"/>
                  </a:cubicBezTo>
                  <a:cubicBezTo>
                    <a:pt x="4111" y="9098"/>
                    <a:pt x="3986" y="8822"/>
                    <a:pt x="3886" y="8772"/>
                  </a:cubicBezTo>
                  <a:cubicBezTo>
                    <a:pt x="3811" y="8697"/>
                    <a:pt x="3660" y="8697"/>
                    <a:pt x="3535" y="8697"/>
                  </a:cubicBezTo>
                  <a:lnTo>
                    <a:pt x="3209" y="8697"/>
                  </a:lnTo>
                  <a:cubicBezTo>
                    <a:pt x="3084" y="8772"/>
                    <a:pt x="2908" y="8923"/>
                    <a:pt x="2808" y="8923"/>
                  </a:cubicBezTo>
                  <a:cubicBezTo>
                    <a:pt x="2758" y="8998"/>
                    <a:pt x="2582" y="9048"/>
                    <a:pt x="2532" y="9048"/>
                  </a:cubicBezTo>
                  <a:cubicBezTo>
                    <a:pt x="2457" y="8998"/>
                    <a:pt x="2457" y="8822"/>
                    <a:pt x="2457" y="8772"/>
                  </a:cubicBezTo>
                  <a:cubicBezTo>
                    <a:pt x="2457" y="8697"/>
                    <a:pt x="2633" y="8547"/>
                    <a:pt x="2683" y="8471"/>
                  </a:cubicBezTo>
                  <a:cubicBezTo>
                    <a:pt x="2683" y="8371"/>
                    <a:pt x="2758" y="8146"/>
                    <a:pt x="2758" y="8096"/>
                  </a:cubicBezTo>
                  <a:cubicBezTo>
                    <a:pt x="2758" y="7920"/>
                    <a:pt x="2683" y="7644"/>
                    <a:pt x="2633" y="7519"/>
                  </a:cubicBezTo>
                  <a:cubicBezTo>
                    <a:pt x="2582" y="7344"/>
                    <a:pt x="2357" y="7118"/>
                    <a:pt x="2232" y="6968"/>
                  </a:cubicBezTo>
                  <a:cubicBezTo>
                    <a:pt x="2181" y="6892"/>
                    <a:pt x="2081" y="6792"/>
                    <a:pt x="2006" y="6742"/>
                  </a:cubicBezTo>
                  <a:cubicBezTo>
                    <a:pt x="1906" y="6742"/>
                    <a:pt x="1730" y="6742"/>
                    <a:pt x="1630" y="6792"/>
                  </a:cubicBezTo>
                  <a:cubicBezTo>
                    <a:pt x="1555" y="6792"/>
                    <a:pt x="1404" y="6892"/>
                    <a:pt x="1279" y="6968"/>
                  </a:cubicBezTo>
                  <a:cubicBezTo>
                    <a:pt x="1179" y="6968"/>
                    <a:pt x="1003" y="6842"/>
                    <a:pt x="953" y="6792"/>
                  </a:cubicBezTo>
                  <a:cubicBezTo>
                    <a:pt x="878" y="6792"/>
                    <a:pt x="728" y="6667"/>
                    <a:pt x="602" y="6617"/>
                  </a:cubicBezTo>
                  <a:lnTo>
                    <a:pt x="201" y="6617"/>
                  </a:lnTo>
                  <a:cubicBezTo>
                    <a:pt x="151" y="6617"/>
                    <a:pt x="51" y="6667"/>
                    <a:pt x="1" y="6667"/>
                  </a:cubicBezTo>
                  <a:cubicBezTo>
                    <a:pt x="51" y="6491"/>
                    <a:pt x="201" y="6341"/>
                    <a:pt x="277" y="6216"/>
                  </a:cubicBezTo>
                  <a:cubicBezTo>
                    <a:pt x="327" y="6166"/>
                    <a:pt x="377" y="6040"/>
                    <a:pt x="427" y="5940"/>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182" name="Google Shape;239;p16">
              <a:extLst>
                <a:ext uri="{FF2B5EF4-FFF2-40B4-BE49-F238E27FC236}">
                  <a16:creationId xmlns:a16="http://schemas.microsoft.com/office/drawing/2014/main" id="{F571EFE6-8A9C-65BC-502F-E60EC29EBA51}"/>
                </a:ext>
              </a:extLst>
            </p:cNvPr>
            <p:cNvSpPr/>
            <p:nvPr/>
          </p:nvSpPr>
          <p:spPr>
            <a:xfrm>
              <a:off x="2617579" y="2105339"/>
              <a:ext cx="448430" cy="448402"/>
            </a:xfrm>
            <a:custGeom>
              <a:avLst/>
              <a:gdLst/>
              <a:ahLst/>
              <a:cxnLst/>
              <a:rect l="l" t="t" r="r" b="b"/>
              <a:pathLst>
                <a:path w="16067" h="16066" extrusionOk="0">
                  <a:moveTo>
                    <a:pt x="15966" y="12582"/>
                  </a:moveTo>
                  <a:cubicBezTo>
                    <a:pt x="16016" y="12682"/>
                    <a:pt x="16016" y="12757"/>
                    <a:pt x="16066" y="12858"/>
                  </a:cubicBezTo>
                  <a:cubicBezTo>
                    <a:pt x="15966" y="12908"/>
                    <a:pt x="15891" y="12983"/>
                    <a:pt x="15841" y="12983"/>
                  </a:cubicBezTo>
                  <a:cubicBezTo>
                    <a:pt x="15790" y="13033"/>
                    <a:pt x="15615" y="12983"/>
                    <a:pt x="15565" y="12983"/>
                  </a:cubicBezTo>
                  <a:cubicBezTo>
                    <a:pt x="15440" y="13033"/>
                    <a:pt x="15289" y="12983"/>
                    <a:pt x="15214" y="13033"/>
                  </a:cubicBezTo>
                  <a:cubicBezTo>
                    <a:pt x="15164" y="13033"/>
                    <a:pt x="15064" y="13133"/>
                    <a:pt x="14988" y="13208"/>
                  </a:cubicBezTo>
                  <a:cubicBezTo>
                    <a:pt x="14938" y="13259"/>
                    <a:pt x="14888" y="13259"/>
                    <a:pt x="14838" y="13309"/>
                  </a:cubicBezTo>
                  <a:lnTo>
                    <a:pt x="14562" y="13309"/>
                  </a:lnTo>
                  <a:cubicBezTo>
                    <a:pt x="14487" y="13309"/>
                    <a:pt x="14387" y="13359"/>
                    <a:pt x="14337" y="13434"/>
                  </a:cubicBezTo>
                  <a:cubicBezTo>
                    <a:pt x="14262" y="13534"/>
                    <a:pt x="14337" y="13710"/>
                    <a:pt x="14262" y="13760"/>
                  </a:cubicBezTo>
                  <a:cubicBezTo>
                    <a:pt x="14262" y="13810"/>
                    <a:pt x="14161" y="13860"/>
                    <a:pt x="14161" y="13935"/>
                  </a:cubicBezTo>
                  <a:lnTo>
                    <a:pt x="14161" y="14211"/>
                  </a:lnTo>
                  <a:cubicBezTo>
                    <a:pt x="14111" y="14261"/>
                    <a:pt x="14036" y="14311"/>
                    <a:pt x="14036" y="14386"/>
                  </a:cubicBezTo>
                  <a:cubicBezTo>
                    <a:pt x="13986" y="14436"/>
                    <a:pt x="13810" y="14436"/>
                    <a:pt x="13760" y="14436"/>
                  </a:cubicBezTo>
                  <a:lnTo>
                    <a:pt x="13485" y="14436"/>
                  </a:lnTo>
                  <a:cubicBezTo>
                    <a:pt x="13434" y="14386"/>
                    <a:pt x="13309" y="14311"/>
                    <a:pt x="13259" y="14261"/>
                  </a:cubicBezTo>
                  <a:cubicBezTo>
                    <a:pt x="13209" y="14261"/>
                    <a:pt x="13033" y="14211"/>
                    <a:pt x="12933" y="14211"/>
                  </a:cubicBezTo>
                  <a:cubicBezTo>
                    <a:pt x="12858" y="14211"/>
                    <a:pt x="12758" y="14261"/>
                    <a:pt x="12708" y="14311"/>
                  </a:cubicBezTo>
                  <a:cubicBezTo>
                    <a:pt x="12632" y="14386"/>
                    <a:pt x="12582" y="14487"/>
                    <a:pt x="12582" y="14612"/>
                  </a:cubicBezTo>
                  <a:cubicBezTo>
                    <a:pt x="12532" y="14612"/>
                    <a:pt x="12482" y="14662"/>
                    <a:pt x="12482" y="14712"/>
                  </a:cubicBezTo>
                  <a:lnTo>
                    <a:pt x="12482" y="14988"/>
                  </a:lnTo>
                  <a:cubicBezTo>
                    <a:pt x="12482" y="15113"/>
                    <a:pt x="12407" y="15264"/>
                    <a:pt x="12357" y="15339"/>
                  </a:cubicBezTo>
                  <a:cubicBezTo>
                    <a:pt x="12307" y="15389"/>
                    <a:pt x="12131" y="15489"/>
                    <a:pt x="12081" y="15489"/>
                  </a:cubicBezTo>
                  <a:cubicBezTo>
                    <a:pt x="12031" y="15564"/>
                    <a:pt x="11856" y="15614"/>
                    <a:pt x="11805" y="15665"/>
                  </a:cubicBezTo>
                  <a:cubicBezTo>
                    <a:pt x="11730" y="15715"/>
                    <a:pt x="11680" y="15840"/>
                    <a:pt x="11630" y="15890"/>
                  </a:cubicBezTo>
                  <a:cubicBezTo>
                    <a:pt x="11630" y="15940"/>
                    <a:pt x="11455" y="15940"/>
                    <a:pt x="11404" y="16015"/>
                  </a:cubicBezTo>
                  <a:cubicBezTo>
                    <a:pt x="11354" y="16015"/>
                    <a:pt x="11304" y="16066"/>
                    <a:pt x="11229" y="16066"/>
                  </a:cubicBezTo>
                  <a:cubicBezTo>
                    <a:pt x="11179" y="16066"/>
                    <a:pt x="11003" y="16015"/>
                    <a:pt x="10953" y="15940"/>
                  </a:cubicBezTo>
                  <a:cubicBezTo>
                    <a:pt x="10903" y="15890"/>
                    <a:pt x="10903" y="15715"/>
                    <a:pt x="10853" y="15665"/>
                  </a:cubicBezTo>
                  <a:cubicBezTo>
                    <a:pt x="10778" y="15614"/>
                    <a:pt x="10627" y="15489"/>
                    <a:pt x="10552" y="15439"/>
                  </a:cubicBezTo>
                  <a:cubicBezTo>
                    <a:pt x="10502" y="15439"/>
                    <a:pt x="10452" y="15389"/>
                    <a:pt x="10402" y="15339"/>
                  </a:cubicBezTo>
                  <a:cubicBezTo>
                    <a:pt x="10277" y="15339"/>
                    <a:pt x="10176" y="15439"/>
                    <a:pt x="10051" y="15439"/>
                  </a:cubicBezTo>
                  <a:lnTo>
                    <a:pt x="9951" y="15439"/>
                  </a:lnTo>
                  <a:cubicBezTo>
                    <a:pt x="9951" y="15389"/>
                    <a:pt x="9951" y="15339"/>
                    <a:pt x="9876" y="15264"/>
                  </a:cubicBezTo>
                  <a:cubicBezTo>
                    <a:pt x="9876" y="15213"/>
                    <a:pt x="9825" y="15063"/>
                    <a:pt x="9825" y="14988"/>
                  </a:cubicBezTo>
                  <a:lnTo>
                    <a:pt x="9825" y="14712"/>
                  </a:lnTo>
                  <a:cubicBezTo>
                    <a:pt x="9876" y="14712"/>
                    <a:pt x="9951" y="14662"/>
                    <a:pt x="9951" y="14612"/>
                  </a:cubicBezTo>
                  <a:cubicBezTo>
                    <a:pt x="10001" y="14537"/>
                    <a:pt x="10101" y="14311"/>
                    <a:pt x="10101" y="14261"/>
                  </a:cubicBezTo>
                  <a:cubicBezTo>
                    <a:pt x="10101" y="14161"/>
                    <a:pt x="9951" y="14086"/>
                    <a:pt x="9876" y="13985"/>
                  </a:cubicBezTo>
                  <a:cubicBezTo>
                    <a:pt x="9825" y="13935"/>
                    <a:pt x="9951" y="13760"/>
                    <a:pt x="9876" y="13710"/>
                  </a:cubicBezTo>
                  <a:cubicBezTo>
                    <a:pt x="9825" y="13634"/>
                    <a:pt x="9675" y="13634"/>
                    <a:pt x="9600" y="13634"/>
                  </a:cubicBezTo>
                  <a:cubicBezTo>
                    <a:pt x="9550" y="13634"/>
                    <a:pt x="9449" y="13810"/>
                    <a:pt x="9374" y="13860"/>
                  </a:cubicBezTo>
                  <a:cubicBezTo>
                    <a:pt x="9324" y="13935"/>
                    <a:pt x="9324" y="13985"/>
                    <a:pt x="9274" y="14035"/>
                  </a:cubicBezTo>
                  <a:cubicBezTo>
                    <a:pt x="9224" y="14035"/>
                    <a:pt x="8998" y="13985"/>
                    <a:pt x="8923" y="13935"/>
                  </a:cubicBezTo>
                  <a:cubicBezTo>
                    <a:pt x="8873" y="13860"/>
                    <a:pt x="8823" y="13634"/>
                    <a:pt x="8823" y="13584"/>
                  </a:cubicBezTo>
                  <a:cubicBezTo>
                    <a:pt x="8773" y="13484"/>
                    <a:pt x="8773" y="13309"/>
                    <a:pt x="8698" y="13259"/>
                  </a:cubicBezTo>
                  <a:cubicBezTo>
                    <a:pt x="8698" y="13208"/>
                    <a:pt x="8597" y="13133"/>
                    <a:pt x="8547" y="13083"/>
                  </a:cubicBezTo>
                  <a:cubicBezTo>
                    <a:pt x="8472" y="13033"/>
                    <a:pt x="8322" y="12983"/>
                    <a:pt x="8196" y="12983"/>
                  </a:cubicBezTo>
                  <a:cubicBezTo>
                    <a:pt x="8146" y="12983"/>
                    <a:pt x="8096" y="13033"/>
                    <a:pt x="8046" y="13033"/>
                  </a:cubicBezTo>
                  <a:cubicBezTo>
                    <a:pt x="7971" y="13083"/>
                    <a:pt x="7971" y="13259"/>
                    <a:pt x="7921" y="13309"/>
                  </a:cubicBezTo>
                  <a:cubicBezTo>
                    <a:pt x="7921" y="13359"/>
                    <a:pt x="7820" y="13434"/>
                    <a:pt x="7745" y="13359"/>
                  </a:cubicBezTo>
                  <a:cubicBezTo>
                    <a:pt x="7645" y="13359"/>
                    <a:pt x="7470" y="13208"/>
                    <a:pt x="7419" y="13133"/>
                  </a:cubicBezTo>
                  <a:cubicBezTo>
                    <a:pt x="7369" y="13033"/>
                    <a:pt x="7294" y="12807"/>
                    <a:pt x="7244" y="12682"/>
                  </a:cubicBezTo>
                  <a:cubicBezTo>
                    <a:pt x="7194" y="12582"/>
                    <a:pt x="7069" y="12406"/>
                    <a:pt x="7018" y="12306"/>
                  </a:cubicBezTo>
                  <a:cubicBezTo>
                    <a:pt x="7018" y="12181"/>
                    <a:pt x="6968" y="11905"/>
                    <a:pt x="6968" y="11730"/>
                  </a:cubicBezTo>
                  <a:cubicBezTo>
                    <a:pt x="7018" y="11629"/>
                    <a:pt x="7069" y="11454"/>
                    <a:pt x="7069" y="11354"/>
                  </a:cubicBezTo>
                  <a:cubicBezTo>
                    <a:pt x="7069" y="11279"/>
                    <a:pt x="7018" y="11178"/>
                    <a:pt x="7018" y="11053"/>
                  </a:cubicBezTo>
                  <a:cubicBezTo>
                    <a:pt x="6968" y="11003"/>
                    <a:pt x="6918" y="10903"/>
                    <a:pt x="6843" y="10827"/>
                  </a:cubicBezTo>
                  <a:cubicBezTo>
                    <a:pt x="6793" y="10777"/>
                    <a:pt x="6617" y="10677"/>
                    <a:pt x="6567" y="10552"/>
                  </a:cubicBezTo>
                  <a:lnTo>
                    <a:pt x="6567" y="10176"/>
                  </a:lnTo>
                  <a:cubicBezTo>
                    <a:pt x="6567" y="10050"/>
                    <a:pt x="6693" y="9875"/>
                    <a:pt x="6693" y="9825"/>
                  </a:cubicBezTo>
                  <a:cubicBezTo>
                    <a:pt x="6693" y="9725"/>
                    <a:pt x="6743" y="9549"/>
                    <a:pt x="6693" y="9424"/>
                  </a:cubicBezTo>
                  <a:cubicBezTo>
                    <a:pt x="6693" y="9324"/>
                    <a:pt x="6517" y="9148"/>
                    <a:pt x="6392" y="9098"/>
                  </a:cubicBezTo>
                  <a:cubicBezTo>
                    <a:pt x="6342" y="9048"/>
                    <a:pt x="6191" y="8923"/>
                    <a:pt x="6116" y="8873"/>
                  </a:cubicBezTo>
                  <a:cubicBezTo>
                    <a:pt x="6066" y="8747"/>
                    <a:pt x="5966" y="8647"/>
                    <a:pt x="5966" y="8547"/>
                  </a:cubicBezTo>
                  <a:cubicBezTo>
                    <a:pt x="5891" y="8371"/>
                    <a:pt x="5891" y="7970"/>
                    <a:pt x="5840" y="7795"/>
                  </a:cubicBezTo>
                  <a:cubicBezTo>
                    <a:pt x="5790" y="7745"/>
                    <a:pt x="5740" y="7644"/>
                    <a:pt x="5665" y="7569"/>
                  </a:cubicBezTo>
                  <a:cubicBezTo>
                    <a:pt x="5665" y="7519"/>
                    <a:pt x="5565" y="7419"/>
                    <a:pt x="5515" y="7344"/>
                  </a:cubicBezTo>
                  <a:cubicBezTo>
                    <a:pt x="5515" y="7294"/>
                    <a:pt x="5565" y="7193"/>
                    <a:pt x="5615" y="7118"/>
                  </a:cubicBezTo>
                  <a:cubicBezTo>
                    <a:pt x="5615" y="7018"/>
                    <a:pt x="5790" y="6918"/>
                    <a:pt x="5790" y="6792"/>
                  </a:cubicBezTo>
                  <a:cubicBezTo>
                    <a:pt x="5790" y="6742"/>
                    <a:pt x="5790" y="6567"/>
                    <a:pt x="5740" y="6517"/>
                  </a:cubicBezTo>
                  <a:cubicBezTo>
                    <a:pt x="5665" y="6467"/>
                    <a:pt x="5565" y="6341"/>
                    <a:pt x="5515" y="6341"/>
                  </a:cubicBezTo>
                  <a:cubicBezTo>
                    <a:pt x="5389" y="6341"/>
                    <a:pt x="5289" y="6391"/>
                    <a:pt x="5214" y="6467"/>
                  </a:cubicBezTo>
                  <a:cubicBezTo>
                    <a:pt x="5164" y="6517"/>
                    <a:pt x="5164" y="6692"/>
                    <a:pt x="5114" y="6742"/>
                  </a:cubicBezTo>
                  <a:cubicBezTo>
                    <a:pt x="4988" y="6792"/>
                    <a:pt x="4763" y="6792"/>
                    <a:pt x="4662" y="6792"/>
                  </a:cubicBezTo>
                  <a:cubicBezTo>
                    <a:pt x="4612" y="6792"/>
                    <a:pt x="4437" y="6692"/>
                    <a:pt x="4337" y="6617"/>
                  </a:cubicBezTo>
                  <a:cubicBezTo>
                    <a:pt x="4261" y="6517"/>
                    <a:pt x="4211" y="6241"/>
                    <a:pt x="4111" y="6166"/>
                  </a:cubicBezTo>
                  <a:cubicBezTo>
                    <a:pt x="4036" y="6066"/>
                    <a:pt x="3886" y="6015"/>
                    <a:pt x="3760" y="5940"/>
                  </a:cubicBezTo>
                  <a:cubicBezTo>
                    <a:pt x="3760" y="5890"/>
                    <a:pt x="3585" y="5840"/>
                    <a:pt x="3585" y="5840"/>
                  </a:cubicBezTo>
                  <a:cubicBezTo>
                    <a:pt x="3535" y="5715"/>
                    <a:pt x="3485" y="5489"/>
                    <a:pt x="3434" y="5439"/>
                  </a:cubicBezTo>
                  <a:lnTo>
                    <a:pt x="3134" y="5439"/>
                  </a:lnTo>
                  <a:cubicBezTo>
                    <a:pt x="3033" y="5439"/>
                    <a:pt x="2858" y="5439"/>
                    <a:pt x="2758" y="5489"/>
                  </a:cubicBezTo>
                  <a:cubicBezTo>
                    <a:pt x="2708" y="5564"/>
                    <a:pt x="2632" y="5715"/>
                    <a:pt x="2532" y="5790"/>
                  </a:cubicBezTo>
                  <a:cubicBezTo>
                    <a:pt x="2482" y="5840"/>
                    <a:pt x="2357" y="5840"/>
                    <a:pt x="2307" y="5840"/>
                  </a:cubicBezTo>
                  <a:cubicBezTo>
                    <a:pt x="2181" y="5790"/>
                    <a:pt x="2031" y="5614"/>
                    <a:pt x="2031" y="5489"/>
                  </a:cubicBezTo>
                  <a:cubicBezTo>
                    <a:pt x="1956" y="5389"/>
                    <a:pt x="2081" y="5213"/>
                    <a:pt x="2131" y="5163"/>
                  </a:cubicBezTo>
                  <a:cubicBezTo>
                    <a:pt x="2131" y="5113"/>
                    <a:pt x="2256" y="5063"/>
                    <a:pt x="2256" y="4988"/>
                  </a:cubicBezTo>
                  <a:cubicBezTo>
                    <a:pt x="2307" y="4888"/>
                    <a:pt x="2256" y="4712"/>
                    <a:pt x="2181" y="4662"/>
                  </a:cubicBezTo>
                  <a:cubicBezTo>
                    <a:pt x="2131" y="4612"/>
                    <a:pt x="1956" y="4537"/>
                    <a:pt x="1906" y="4537"/>
                  </a:cubicBezTo>
                  <a:cubicBezTo>
                    <a:pt x="1805" y="4537"/>
                    <a:pt x="1630" y="4537"/>
                    <a:pt x="1580" y="4612"/>
                  </a:cubicBezTo>
                  <a:cubicBezTo>
                    <a:pt x="1505" y="4612"/>
                    <a:pt x="1505" y="4712"/>
                    <a:pt x="1454" y="4712"/>
                  </a:cubicBezTo>
                  <a:cubicBezTo>
                    <a:pt x="1404" y="4762"/>
                    <a:pt x="1229" y="4837"/>
                    <a:pt x="1129" y="4837"/>
                  </a:cubicBezTo>
                  <a:cubicBezTo>
                    <a:pt x="1079" y="4837"/>
                    <a:pt x="1003" y="4762"/>
                    <a:pt x="903" y="4762"/>
                  </a:cubicBezTo>
                  <a:cubicBezTo>
                    <a:pt x="953" y="4712"/>
                    <a:pt x="953" y="4662"/>
                    <a:pt x="953" y="4612"/>
                  </a:cubicBezTo>
                  <a:cubicBezTo>
                    <a:pt x="953" y="4487"/>
                    <a:pt x="853" y="4386"/>
                    <a:pt x="853" y="4261"/>
                  </a:cubicBezTo>
                  <a:cubicBezTo>
                    <a:pt x="853" y="4211"/>
                    <a:pt x="953" y="3985"/>
                    <a:pt x="953" y="3985"/>
                  </a:cubicBezTo>
                  <a:cubicBezTo>
                    <a:pt x="953" y="3985"/>
                    <a:pt x="1229" y="3985"/>
                    <a:pt x="1304" y="3860"/>
                  </a:cubicBezTo>
                  <a:cubicBezTo>
                    <a:pt x="1354" y="3860"/>
                    <a:pt x="1404" y="3710"/>
                    <a:pt x="1404" y="3584"/>
                  </a:cubicBezTo>
                  <a:cubicBezTo>
                    <a:pt x="1454" y="3584"/>
                    <a:pt x="1580" y="3534"/>
                    <a:pt x="1580" y="3484"/>
                  </a:cubicBezTo>
                  <a:cubicBezTo>
                    <a:pt x="1630" y="3484"/>
                    <a:pt x="1680" y="3434"/>
                    <a:pt x="1680" y="3359"/>
                  </a:cubicBezTo>
                  <a:cubicBezTo>
                    <a:pt x="1680" y="3258"/>
                    <a:pt x="1580" y="3133"/>
                    <a:pt x="1505" y="3083"/>
                  </a:cubicBezTo>
                  <a:cubicBezTo>
                    <a:pt x="1454" y="3033"/>
                    <a:pt x="1354" y="2983"/>
                    <a:pt x="1354" y="2908"/>
                  </a:cubicBezTo>
                  <a:cubicBezTo>
                    <a:pt x="1304" y="2908"/>
                    <a:pt x="1179" y="2807"/>
                    <a:pt x="1129" y="2807"/>
                  </a:cubicBezTo>
                  <a:cubicBezTo>
                    <a:pt x="1079" y="2757"/>
                    <a:pt x="953" y="2682"/>
                    <a:pt x="903" y="2682"/>
                  </a:cubicBezTo>
                  <a:lnTo>
                    <a:pt x="552" y="2682"/>
                  </a:lnTo>
                  <a:cubicBezTo>
                    <a:pt x="502" y="2757"/>
                    <a:pt x="502" y="2807"/>
                    <a:pt x="452" y="2857"/>
                  </a:cubicBezTo>
                  <a:cubicBezTo>
                    <a:pt x="402" y="2857"/>
                    <a:pt x="226" y="2908"/>
                    <a:pt x="176" y="2908"/>
                  </a:cubicBezTo>
                  <a:cubicBezTo>
                    <a:pt x="101" y="2857"/>
                    <a:pt x="51" y="2857"/>
                    <a:pt x="1" y="2807"/>
                  </a:cubicBezTo>
                  <a:cubicBezTo>
                    <a:pt x="1" y="2682"/>
                    <a:pt x="1" y="2532"/>
                    <a:pt x="51" y="2456"/>
                  </a:cubicBezTo>
                  <a:cubicBezTo>
                    <a:pt x="51" y="2356"/>
                    <a:pt x="176" y="2181"/>
                    <a:pt x="226" y="2081"/>
                  </a:cubicBezTo>
                  <a:cubicBezTo>
                    <a:pt x="226" y="1955"/>
                    <a:pt x="277" y="1805"/>
                    <a:pt x="226" y="1680"/>
                  </a:cubicBezTo>
                  <a:cubicBezTo>
                    <a:pt x="226" y="1579"/>
                    <a:pt x="101" y="1354"/>
                    <a:pt x="101" y="1228"/>
                  </a:cubicBezTo>
                  <a:cubicBezTo>
                    <a:pt x="101" y="1128"/>
                    <a:pt x="176" y="903"/>
                    <a:pt x="226" y="727"/>
                  </a:cubicBezTo>
                  <a:cubicBezTo>
                    <a:pt x="277" y="677"/>
                    <a:pt x="402" y="502"/>
                    <a:pt x="452" y="502"/>
                  </a:cubicBezTo>
                  <a:cubicBezTo>
                    <a:pt x="552" y="502"/>
                    <a:pt x="678" y="677"/>
                    <a:pt x="728" y="777"/>
                  </a:cubicBezTo>
                  <a:cubicBezTo>
                    <a:pt x="728" y="827"/>
                    <a:pt x="678" y="953"/>
                    <a:pt x="728" y="1003"/>
                  </a:cubicBezTo>
                  <a:cubicBezTo>
                    <a:pt x="778" y="1053"/>
                    <a:pt x="1003" y="1053"/>
                    <a:pt x="1079" y="1003"/>
                  </a:cubicBezTo>
                  <a:cubicBezTo>
                    <a:pt x="1129" y="953"/>
                    <a:pt x="1179" y="777"/>
                    <a:pt x="1179" y="727"/>
                  </a:cubicBezTo>
                  <a:cubicBezTo>
                    <a:pt x="1229" y="677"/>
                    <a:pt x="1179" y="502"/>
                    <a:pt x="1229" y="451"/>
                  </a:cubicBezTo>
                  <a:cubicBezTo>
                    <a:pt x="1304" y="376"/>
                    <a:pt x="1404" y="552"/>
                    <a:pt x="1505" y="552"/>
                  </a:cubicBezTo>
                  <a:cubicBezTo>
                    <a:pt x="1630" y="552"/>
                    <a:pt x="1906" y="502"/>
                    <a:pt x="2031" y="451"/>
                  </a:cubicBezTo>
                  <a:lnTo>
                    <a:pt x="2031" y="552"/>
                  </a:lnTo>
                  <a:cubicBezTo>
                    <a:pt x="2031" y="602"/>
                    <a:pt x="1906" y="677"/>
                    <a:pt x="1956" y="727"/>
                  </a:cubicBezTo>
                  <a:cubicBezTo>
                    <a:pt x="1956" y="777"/>
                    <a:pt x="2031" y="827"/>
                    <a:pt x="2081" y="827"/>
                  </a:cubicBezTo>
                  <a:cubicBezTo>
                    <a:pt x="2131" y="903"/>
                    <a:pt x="2256" y="903"/>
                    <a:pt x="2307" y="903"/>
                  </a:cubicBezTo>
                  <a:cubicBezTo>
                    <a:pt x="2357" y="953"/>
                    <a:pt x="2482" y="1053"/>
                    <a:pt x="2582" y="1053"/>
                  </a:cubicBezTo>
                  <a:cubicBezTo>
                    <a:pt x="2632" y="1053"/>
                    <a:pt x="2808" y="1128"/>
                    <a:pt x="2858" y="1053"/>
                  </a:cubicBezTo>
                  <a:cubicBezTo>
                    <a:pt x="2933" y="1053"/>
                    <a:pt x="2933" y="953"/>
                    <a:pt x="2933" y="903"/>
                  </a:cubicBezTo>
                  <a:cubicBezTo>
                    <a:pt x="2933" y="827"/>
                    <a:pt x="3033" y="777"/>
                    <a:pt x="3084" y="727"/>
                  </a:cubicBezTo>
                  <a:lnTo>
                    <a:pt x="3084" y="602"/>
                  </a:lnTo>
                  <a:cubicBezTo>
                    <a:pt x="3084" y="602"/>
                    <a:pt x="3134" y="602"/>
                    <a:pt x="3134" y="677"/>
                  </a:cubicBezTo>
                  <a:cubicBezTo>
                    <a:pt x="3209" y="727"/>
                    <a:pt x="3209" y="903"/>
                    <a:pt x="3259" y="953"/>
                  </a:cubicBezTo>
                  <a:cubicBezTo>
                    <a:pt x="3359" y="1053"/>
                    <a:pt x="3660" y="1003"/>
                    <a:pt x="3710" y="1128"/>
                  </a:cubicBezTo>
                  <a:cubicBezTo>
                    <a:pt x="3760" y="1178"/>
                    <a:pt x="3760" y="1279"/>
                    <a:pt x="3760" y="1354"/>
                  </a:cubicBezTo>
                  <a:cubicBezTo>
                    <a:pt x="3810" y="1454"/>
                    <a:pt x="3760" y="1680"/>
                    <a:pt x="3760" y="1730"/>
                  </a:cubicBezTo>
                  <a:cubicBezTo>
                    <a:pt x="3810" y="1855"/>
                    <a:pt x="4036" y="2081"/>
                    <a:pt x="4161" y="2081"/>
                  </a:cubicBezTo>
                  <a:cubicBezTo>
                    <a:pt x="4337" y="2081"/>
                    <a:pt x="4487" y="1855"/>
                    <a:pt x="4612" y="1805"/>
                  </a:cubicBezTo>
                  <a:cubicBezTo>
                    <a:pt x="4662" y="1730"/>
                    <a:pt x="4713" y="1504"/>
                    <a:pt x="4763" y="1454"/>
                  </a:cubicBezTo>
                  <a:cubicBezTo>
                    <a:pt x="4888" y="1404"/>
                    <a:pt x="5114" y="1354"/>
                    <a:pt x="5214" y="1228"/>
                  </a:cubicBezTo>
                  <a:cubicBezTo>
                    <a:pt x="5289" y="1178"/>
                    <a:pt x="5339" y="953"/>
                    <a:pt x="5339" y="827"/>
                  </a:cubicBezTo>
                  <a:cubicBezTo>
                    <a:pt x="5389" y="727"/>
                    <a:pt x="5289" y="451"/>
                    <a:pt x="5289" y="326"/>
                  </a:cubicBezTo>
                  <a:cubicBezTo>
                    <a:pt x="5289" y="226"/>
                    <a:pt x="5289" y="101"/>
                    <a:pt x="5339" y="0"/>
                  </a:cubicBezTo>
                  <a:lnTo>
                    <a:pt x="5615" y="0"/>
                  </a:lnTo>
                  <a:cubicBezTo>
                    <a:pt x="5790" y="50"/>
                    <a:pt x="6016" y="176"/>
                    <a:pt x="6116" y="226"/>
                  </a:cubicBezTo>
                  <a:cubicBezTo>
                    <a:pt x="6342" y="326"/>
                    <a:pt x="6743" y="727"/>
                    <a:pt x="6918" y="953"/>
                  </a:cubicBezTo>
                  <a:cubicBezTo>
                    <a:pt x="7069" y="1053"/>
                    <a:pt x="7369" y="1279"/>
                    <a:pt x="7520" y="1404"/>
                  </a:cubicBezTo>
                  <a:cubicBezTo>
                    <a:pt x="7695" y="1504"/>
                    <a:pt x="8146" y="1730"/>
                    <a:pt x="8372" y="1905"/>
                  </a:cubicBezTo>
                  <a:cubicBezTo>
                    <a:pt x="8472" y="2005"/>
                    <a:pt x="8698" y="2356"/>
                    <a:pt x="8873" y="2456"/>
                  </a:cubicBezTo>
                  <a:cubicBezTo>
                    <a:pt x="8923" y="2532"/>
                    <a:pt x="9149" y="2632"/>
                    <a:pt x="9274" y="2682"/>
                  </a:cubicBezTo>
                  <a:cubicBezTo>
                    <a:pt x="9374" y="2757"/>
                    <a:pt x="9550" y="2908"/>
                    <a:pt x="9675" y="2983"/>
                  </a:cubicBezTo>
                  <a:cubicBezTo>
                    <a:pt x="9725" y="3083"/>
                    <a:pt x="9876" y="3258"/>
                    <a:pt x="9951" y="3309"/>
                  </a:cubicBezTo>
                  <a:cubicBezTo>
                    <a:pt x="10101" y="3434"/>
                    <a:pt x="10402" y="3584"/>
                    <a:pt x="10552" y="3634"/>
                  </a:cubicBezTo>
                  <a:cubicBezTo>
                    <a:pt x="10627" y="3710"/>
                    <a:pt x="10853" y="3760"/>
                    <a:pt x="10953" y="3810"/>
                  </a:cubicBezTo>
                  <a:cubicBezTo>
                    <a:pt x="11129" y="3860"/>
                    <a:pt x="11404" y="4086"/>
                    <a:pt x="11580" y="4086"/>
                  </a:cubicBezTo>
                  <a:cubicBezTo>
                    <a:pt x="11630" y="4035"/>
                    <a:pt x="11680" y="3860"/>
                    <a:pt x="11730" y="3810"/>
                  </a:cubicBezTo>
                  <a:cubicBezTo>
                    <a:pt x="11856" y="3810"/>
                    <a:pt x="12031" y="3810"/>
                    <a:pt x="12081" y="3860"/>
                  </a:cubicBezTo>
                  <a:cubicBezTo>
                    <a:pt x="12131" y="3860"/>
                    <a:pt x="12307" y="3985"/>
                    <a:pt x="12357" y="4035"/>
                  </a:cubicBezTo>
                  <a:cubicBezTo>
                    <a:pt x="12357" y="4086"/>
                    <a:pt x="12357" y="4211"/>
                    <a:pt x="12407" y="4261"/>
                  </a:cubicBezTo>
                  <a:cubicBezTo>
                    <a:pt x="12482" y="4386"/>
                    <a:pt x="12582" y="4436"/>
                    <a:pt x="12708" y="4487"/>
                  </a:cubicBezTo>
                  <a:cubicBezTo>
                    <a:pt x="12758" y="4537"/>
                    <a:pt x="12983" y="4662"/>
                    <a:pt x="12983" y="4712"/>
                  </a:cubicBezTo>
                  <a:cubicBezTo>
                    <a:pt x="13033" y="4837"/>
                    <a:pt x="12933" y="4988"/>
                    <a:pt x="12933" y="5113"/>
                  </a:cubicBezTo>
                  <a:cubicBezTo>
                    <a:pt x="12933" y="5213"/>
                    <a:pt x="12983" y="5389"/>
                    <a:pt x="13033" y="5439"/>
                  </a:cubicBezTo>
                  <a:cubicBezTo>
                    <a:pt x="13084" y="5614"/>
                    <a:pt x="13309" y="5790"/>
                    <a:pt x="13359" y="5940"/>
                  </a:cubicBezTo>
                  <a:cubicBezTo>
                    <a:pt x="13485" y="6066"/>
                    <a:pt x="13485" y="6391"/>
                    <a:pt x="13485" y="6517"/>
                  </a:cubicBezTo>
                  <a:cubicBezTo>
                    <a:pt x="13585" y="6692"/>
                    <a:pt x="13760" y="7068"/>
                    <a:pt x="13886" y="7243"/>
                  </a:cubicBezTo>
                  <a:cubicBezTo>
                    <a:pt x="13936" y="7344"/>
                    <a:pt x="14111" y="7519"/>
                    <a:pt x="14161" y="7644"/>
                  </a:cubicBezTo>
                  <a:cubicBezTo>
                    <a:pt x="14262" y="7870"/>
                    <a:pt x="14387" y="8371"/>
                    <a:pt x="14487" y="8597"/>
                  </a:cubicBezTo>
                  <a:cubicBezTo>
                    <a:pt x="14612" y="8923"/>
                    <a:pt x="14938" y="9499"/>
                    <a:pt x="15064" y="9825"/>
                  </a:cubicBezTo>
                  <a:cubicBezTo>
                    <a:pt x="15114" y="9950"/>
                    <a:pt x="15214" y="10226"/>
                    <a:pt x="15214" y="10376"/>
                  </a:cubicBezTo>
                  <a:cubicBezTo>
                    <a:pt x="15289" y="10502"/>
                    <a:pt x="15214" y="10827"/>
                    <a:pt x="15289" y="10953"/>
                  </a:cubicBezTo>
                  <a:cubicBezTo>
                    <a:pt x="15289" y="11178"/>
                    <a:pt x="15440" y="11504"/>
                    <a:pt x="15515" y="11629"/>
                  </a:cubicBezTo>
                  <a:cubicBezTo>
                    <a:pt x="15615" y="11905"/>
                    <a:pt x="15891" y="12356"/>
                    <a:pt x="15966" y="12582"/>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183" name="Google Shape;240;p16">
              <a:extLst>
                <a:ext uri="{FF2B5EF4-FFF2-40B4-BE49-F238E27FC236}">
                  <a16:creationId xmlns:a16="http://schemas.microsoft.com/office/drawing/2014/main" id="{2A9CAEFC-CD85-477D-4A8B-0F18269C6C01}"/>
                </a:ext>
              </a:extLst>
            </p:cNvPr>
            <p:cNvSpPr/>
            <p:nvPr/>
          </p:nvSpPr>
          <p:spPr>
            <a:xfrm>
              <a:off x="2617579" y="2105339"/>
              <a:ext cx="448430" cy="448402"/>
            </a:xfrm>
            <a:custGeom>
              <a:avLst/>
              <a:gdLst/>
              <a:ahLst/>
              <a:cxnLst/>
              <a:rect l="l" t="t" r="r" b="b"/>
              <a:pathLst>
                <a:path w="16067" h="16066" fill="none" extrusionOk="0">
                  <a:moveTo>
                    <a:pt x="15966" y="12582"/>
                  </a:moveTo>
                  <a:cubicBezTo>
                    <a:pt x="16016" y="12682"/>
                    <a:pt x="16016" y="12757"/>
                    <a:pt x="16066" y="12858"/>
                  </a:cubicBezTo>
                  <a:cubicBezTo>
                    <a:pt x="15966" y="12908"/>
                    <a:pt x="15891" y="12983"/>
                    <a:pt x="15841" y="12983"/>
                  </a:cubicBezTo>
                  <a:cubicBezTo>
                    <a:pt x="15790" y="13033"/>
                    <a:pt x="15615" y="12983"/>
                    <a:pt x="15565" y="12983"/>
                  </a:cubicBezTo>
                  <a:cubicBezTo>
                    <a:pt x="15440" y="13033"/>
                    <a:pt x="15289" y="12983"/>
                    <a:pt x="15214" y="13033"/>
                  </a:cubicBezTo>
                  <a:cubicBezTo>
                    <a:pt x="15164" y="13033"/>
                    <a:pt x="15064" y="13133"/>
                    <a:pt x="14988" y="13208"/>
                  </a:cubicBezTo>
                  <a:cubicBezTo>
                    <a:pt x="14938" y="13259"/>
                    <a:pt x="14888" y="13259"/>
                    <a:pt x="14838" y="13309"/>
                  </a:cubicBezTo>
                  <a:lnTo>
                    <a:pt x="14562" y="13309"/>
                  </a:lnTo>
                  <a:cubicBezTo>
                    <a:pt x="14487" y="13309"/>
                    <a:pt x="14387" y="13359"/>
                    <a:pt x="14337" y="13434"/>
                  </a:cubicBezTo>
                  <a:cubicBezTo>
                    <a:pt x="14262" y="13534"/>
                    <a:pt x="14337" y="13710"/>
                    <a:pt x="14262" y="13760"/>
                  </a:cubicBezTo>
                  <a:cubicBezTo>
                    <a:pt x="14262" y="13810"/>
                    <a:pt x="14161" y="13860"/>
                    <a:pt x="14161" y="13935"/>
                  </a:cubicBezTo>
                  <a:lnTo>
                    <a:pt x="14161" y="14211"/>
                  </a:lnTo>
                  <a:cubicBezTo>
                    <a:pt x="14111" y="14261"/>
                    <a:pt x="14036" y="14311"/>
                    <a:pt x="14036" y="14386"/>
                  </a:cubicBezTo>
                  <a:cubicBezTo>
                    <a:pt x="13986" y="14436"/>
                    <a:pt x="13810" y="14436"/>
                    <a:pt x="13760" y="14436"/>
                  </a:cubicBezTo>
                  <a:lnTo>
                    <a:pt x="13485" y="14436"/>
                  </a:lnTo>
                  <a:cubicBezTo>
                    <a:pt x="13434" y="14386"/>
                    <a:pt x="13309" y="14311"/>
                    <a:pt x="13259" y="14261"/>
                  </a:cubicBezTo>
                  <a:cubicBezTo>
                    <a:pt x="13209" y="14261"/>
                    <a:pt x="13033" y="14211"/>
                    <a:pt x="12933" y="14211"/>
                  </a:cubicBezTo>
                  <a:cubicBezTo>
                    <a:pt x="12858" y="14211"/>
                    <a:pt x="12758" y="14261"/>
                    <a:pt x="12708" y="14311"/>
                  </a:cubicBezTo>
                  <a:cubicBezTo>
                    <a:pt x="12632" y="14386"/>
                    <a:pt x="12582" y="14487"/>
                    <a:pt x="12582" y="14612"/>
                  </a:cubicBezTo>
                  <a:cubicBezTo>
                    <a:pt x="12532" y="14612"/>
                    <a:pt x="12482" y="14662"/>
                    <a:pt x="12482" y="14712"/>
                  </a:cubicBezTo>
                  <a:lnTo>
                    <a:pt x="12482" y="14988"/>
                  </a:lnTo>
                  <a:cubicBezTo>
                    <a:pt x="12482" y="15113"/>
                    <a:pt x="12407" y="15264"/>
                    <a:pt x="12357" y="15339"/>
                  </a:cubicBezTo>
                  <a:cubicBezTo>
                    <a:pt x="12307" y="15389"/>
                    <a:pt x="12131" y="15489"/>
                    <a:pt x="12081" y="15489"/>
                  </a:cubicBezTo>
                  <a:cubicBezTo>
                    <a:pt x="12031" y="15564"/>
                    <a:pt x="11856" y="15614"/>
                    <a:pt x="11805" y="15665"/>
                  </a:cubicBezTo>
                  <a:cubicBezTo>
                    <a:pt x="11730" y="15715"/>
                    <a:pt x="11680" y="15840"/>
                    <a:pt x="11630" y="15890"/>
                  </a:cubicBezTo>
                  <a:cubicBezTo>
                    <a:pt x="11630" y="15940"/>
                    <a:pt x="11455" y="15940"/>
                    <a:pt x="11404" y="16015"/>
                  </a:cubicBezTo>
                  <a:cubicBezTo>
                    <a:pt x="11354" y="16015"/>
                    <a:pt x="11304" y="16066"/>
                    <a:pt x="11229" y="16066"/>
                  </a:cubicBezTo>
                  <a:cubicBezTo>
                    <a:pt x="11179" y="16066"/>
                    <a:pt x="11003" y="16015"/>
                    <a:pt x="10953" y="15940"/>
                  </a:cubicBezTo>
                  <a:cubicBezTo>
                    <a:pt x="10903" y="15890"/>
                    <a:pt x="10903" y="15715"/>
                    <a:pt x="10853" y="15665"/>
                  </a:cubicBezTo>
                  <a:cubicBezTo>
                    <a:pt x="10778" y="15614"/>
                    <a:pt x="10627" y="15489"/>
                    <a:pt x="10552" y="15439"/>
                  </a:cubicBezTo>
                  <a:cubicBezTo>
                    <a:pt x="10502" y="15439"/>
                    <a:pt x="10452" y="15389"/>
                    <a:pt x="10402" y="15339"/>
                  </a:cubicBezTo>
                  <a:cubicBezTo>
                    <a:pt x="10277" y="15339"/>
                    <a:pt x="10176" y="15439"/>
                    <a:pt x="10051" y="15439"/>
                  </a:cubicBezTo>
                  <a:lnTo>
                    <a:pt x="9951" y="15439"/>
                  </a:lnTo>
                  <a:cubicBezTo>
                    <a:pt x="9951" y="15389"/>
                    <a:pt x="9951" y="15339"/>
                    <a:pt x="9876" y="15264"/>
                  </a:cubicBezTo>
                  <a:cubicBezTo>
                    <a:pt x="9876" y="15213"/>
                    <a:pt x="9825" y="15063"/>
                    <a:pt x="9825" y="14988"/>
                  </a:cubicBezTo>
                  <a:lnTo>
                    <a:pt x="9825" y="14712"/>
                  </a:lnTo>
                  <a:cubicBezTo>
                    <a:pt x="9876" y="14712"/>
                    <a:pt x="9951" y="14662"/>
                    <a:pt x="9951" y="14612"/>
                  </a:cubicBezTo>
                  <a:cubicBezTo>
                    <a:pt x="10001" y="14537"/>
                    <a:pt x="10101" y="14311"/>
                    <a:pt x="10101" y="14261"/>
                  </a:cubicBezTo>
                  <a:cubicBezTo>
                    <a:pt x="10101" y="14161"/>
                    <a:pt x="9951" y="14086"/>
                    <a:pt x="9876" y="13985"/>
                  </a:cubicBezTo>
                  <a:cubicBezTo>
                    <a:pt x="9825" y="13935"/>
                    <a:pt x="9951" y="13760"/>
                    <a:pt x="9876" y="13710"/>
                  </a:cubicBezTo>
                  <a:cubicBezTo>
                    <a:pt x="9825" y="13634"/>
                    <a:pt x="9675" y="13634"/>
                    <a:pt x="9600" y="13634"/>
                  </a:cubicBezTo>
                  <a:cubicBezTo>
                    <a:pt x="9550" y="13634"/>
                    <a:pt x="9449" y="13810"/>
                    <a:pt x="9374" y="13860"/>
                  </a:cubicBezTo>
                  <a:cubicBezTo>
                    <a:pt x="9324" y="13935"/>
                    <a:pt x="9324" y="13985"/>
                    <a:pt x="9274" y="14035"/>
                  </a:cubicBezTo>
                  <a:cubicBezTo>
                    <a:pt x="9224" y="14035"/>
                    <a:pt x="8998" y="13985"/>
                    <a:pt x="8923" y="13935"/>
                  </a:cubicBezTo>
                  <a:cubicBezTo>
                    <a:pt x="8873" y="13860"/>
                    <a:pt x="8823" y="13634"/>
                    <a:pt x="8823" y="13584"/>
                  </a:cubicBezTo>
                  <a:cubicBezTo>
                    <a:pt x="8773" y="13484"/>
                    <a:pt x="8773" y="13309"/>
                    <a:pt x="8698" y="13259"/>
                  </a:cubicBezTo>
                  <a:cubicBezTo>
                    <a:pt x="8698" y="13208"/>
                    <a:pt x="8597" y="13133"/>
                    <a:pt x="8547" y="13083"/>
                  </a:cubicBezTo>
                  <a:cubicBezTo>
                    <a:pt x="8472" y="13033"/>
                    <a:pt x="8322" y="12983"/>
                    <a:pt x="8196" y="12983"/>
                  </a:cubicBezTo>
                  <a:cubicBezTo>
                    <a:pt x="8146" y="12983"/>
                    <a:pt x="8096" y="13033"/>
                    <a:pt x="8046" y="13033"/>
                  </a:cubicBezTo>
                  <a:cubicBezTo>
                    <a:pt x="7971" y="13083"/>
                    <a:pt x="7971" y="13259"/>
                    <a:pt x="7921" y="13309"/>
                  </a:cubicBezTo>
                  <a:cubicBezTo>
                    <a:pt x="7921" y="13359"/>
                    <a:pt x="7820" y="13434"/>
                    <a:pt x="7745" y="13359"/>
                  </a:cubicBezTo>
                  <a:cubicBezTo>
                    <a:pt x="7645" y="13359"/>
                    <a:pt x="7470" y="13208"/>
                    <a:pt x="7419" y="13133"/>
                  </a:cubicBezTo>
                  <a:cubicBezTo>
                    <a:pt x="7369" y="13033"/>
                    <a:pt x="7294" y="12807"/>
                    <a:pt x="7244" y="12682"/>
                  </a:cubicBezTo>
                  <a:cubicBezTo>
                    <a:pt x="7194" y="12582"/>
                    <a:pt x="7069" y="12406"/>
                    <a:pt x="7018" y="12306"/>
                  </a:cubicBezTo>
                  <a:cubicBezTo>
                    <a:pt x="7018" y="12181"/>
                    <a:pt x="6968" y="11905"/>
                    <a:pt x="6968" y="11730"/>
                  </a:cubicBezTo>
                  <a:cubicBezTo>
                    <a:pt x="7018" y="11629"/>
                    <a:pt x="7069" y="11454"/>
                    <a:pt x="7069" y="11354"/>
                  </a:cubicBezTo>
                  <a:cubicBezTo>
                    <a:pt x="7069" y="11279"/>
                    <a:pt x="7018" y="11178"/>
                    <a:pt x="7018" y="11053"/>
                  </a:cubicBezTo>
                  <a:cubicBezTo>
                    <a:pt x="6968" y="11003"/>
                    <a:pt x="6918" y="10903"/>
                    <a:pt x="6843" y="10827"/>
                  </a:cubicBezTo>
                  <a:cubicBezTo>
                    <a:pt x="6793" y="10777"/>
                    <a:pt x="6617" y="10677"/>
                    <a:pt x="6567" y="10552"/>
                  </a:cubicBezTo>
                  <a:lnTo>
                    <a:pt x="6567" y="10176"/>
                  </a:lnTo>
                  <a:cubicBezTo>
                    <a:pt x="6567" y="10050"/>
                    <a:pt x="6693" y="9875"/>
                    <a:pt x="6693" y="9825"/>
                  </a:cubicBezTo>
                  <a:cubicBezTo>
                    <a:pt x="6693" y="9725"/>
                    <a:pt x="6743" y="9549"/>
                    <a:pt x="6693" y="9424"/>
                  </a:cubicBezTo>
                  <a:cubicBezTo>
                    <a:pt x="6693" y="9324"/>
                    <a:pt x="6517" y="9148"/>
                    <a:pt x="6392" y="9098"/>
                  </a:cubicBezTo>
                  <a:cubicBezTo>
                    <a:pt x="6342" y="9048"/>
                    <a:pt x="6191" y="8923"/>
                    <a:pt x="6116" y="8873"/>
                  </a:cubicBezTo>
                  <a:cubicBezTo>
                    <a:pt x="6066" y="8747"/>
                    <a:pt x="5966" y="8647"/>
                    <a:pt x="5966" y="8547"/>
                  </a:cubicBezTo>
                  <a:cubicBezTo>
                    <a:pt x="5891" y="8371"/>
                    <a:pt x="5891" y="7970"/>
                    <a:pt x="5840" y="7795"/>
                  </a:cubicBezTo>
                  <a:cubicBezTo>
                    <a:pt x="5790" y="7745"/>
                    <a:pt x="5740" y="7644"/>
                    <a:pt x="5665" y="7569"/>
                  </a:cubicBezTo>
                  <a:cubicBezTo>
                    <a:pt x="5665" y="7519"/>
                    <a:pt x="5565" y="7419"/>
                    <a:pt x="5515" y="7344"/>
                  </a:cubicBezTo>
                  <a:cubicBezTo>
                    <a:pt x="5515" y="7294"/>
                    <a:pt x="5565" y="7193"/>
                    <a:pt x="5615" y="7118"/>
                  </a:cubicBezTo>
                  <a:cubicBezTo>
                    <a:pt x="5615" y="7018"/>
                    <a:pt x="5790" y="6918"/>
                    <a:pt x="5790" y="6792"/>
                  </a:cubicBezTo>
                  <a:cubicBezTo>
                    <a:pt x="5790" y="6742"/>
                    <a:pt x="5790" y="6567"/>
                    <a:pt x="5740" y="6517"/>
                  </a:cubicBezTo>
                  <a:cubicBezTo>
                    <a:pt x="5665" y="6467"/>
                    <a:pt x="5565" y="6341"/>
                    <a:pt x="5515" y="6341"/>
                  </a:cubicBezTo>
                  <a:cubicBezTo>
                    <a:pt x="5389" y="6341"/>
                    <a:pt x="5289" y="6391"/>
                    <a:pt x="5214" y="6467"/>
                  </a:cubicBezTo>
                  <a:cubicBezTo>
                    <a:pt x="5164" y="6517"/>
                    <a:pt x="5164" y="6692"/>
                    <a:pt x="5114" y="6742"/>
                  </a:cubicBezTo>
                  <a:cubicBezTo>
                    <a:pt x="4988" y="6792"/>
                    <a:pt x="4763" y="6792"/>
                    <a:pt x="4662" y="6792"/>
                  </a:cubicBezTo>
                  <a:cubicBezTo>
                    <a:pt x="4612" y="6792"/>
                    <a:pt x="4437" y="6692"/>
                    <a:pt x="4337" y="6617"/>
                  </a:cubicBezTo>
                  <a:cubicBezTo>
                    <a:pt x="4261" y="6517"/>
                    <a:pt x="4211" y="6241"/>
                    <a:pt x="4111" y="6166"/>
                  </a:cubicBezTo>
                  <a:cubicBezTo>
                    <a:pt x="4036" y="6066"/>
                    <a:pt x="3886" y="6015"/>
                    <a:pt x="3760" y="5940"/>
                  </a:cubicBezTo>
                  <a:cubicBezTo>
                    <a:pt x="3760" y="5890"/>
                    <a:pt x="3585" y="5840"/>
                    <a:pt x="3585" y="5840"/>
                  </a:cubicBezTo>
                  <a:cubicBezTo>
                    <a:pt x="3535" y="5715"/>
                    <a:pt x="3485" y="5489"/>
                    <a:pt x="3434" y="5439"/>
                  </a:cubicBezTo>
                  <a:lnTo>
                    <a:pt x="3134" y="5439"/>
                  </a:lnTo>
                  <a:cubicBezTo>
                    <a:pt x="3033" y="5439"/>
                    <a:pt x="2858" y="5439"/>
                    <a:pt x="2758" y="5489"/>
                  </a:cubicBezTo>
                  <a:cubicBezTo>
                    <a:pt x="2708" y="5564"/>
                    <a:pt x="2632" y="5715"/>
                    <a:pt x="2532" y="5790"/>
                  </a:cubicBezTo>
                  <a:cubicBezTo>
                    <a:pt x="2482" y="5840"/>
                    <a:pt x="2357" y="5840"/>
                    <a:pt x="2307" y="5840"/>
                  </a:cubicBezTo>
                  <a:cubicBezTo>
                    <a:pt x="2181" y="5790"/>
                    <a:pt x="2031" y="5614"/>
                    <a:pt x="2031" y="5489"/>
                  </a:cubicBezTo>
                  <a:cubicBezTo>
                    <a:pt x="1956" y="5389"/>
                    <a:pt x="2081" y="5213"/>
                    <a:pt x="2131" y="5163"/>
                  </a:cubicBezTo>
                  <a:cubicBezTo>
                    <a:pt x="2131" y="5113"/>
                    <a:pt x="2256" y="5063"/>
                    <a:pt x="2256" y="4988"/>
                  </a:cubicBezTo>
                  <a:cubicBezTo>
                    <a:pt x="2307" y="4888"/>
                    <a:pt x="2256" y="4712"/>
                    <a:pt x="2181" y="4662"/>
                  </a:cubicBezTo>
                  <a:cubicBezTo>
                    <a:pt x="2131" y="4612"/>
                    <a:pt x="1956" y="4537"/>
                    <a:pt x="1906" y="4537"/>
                  </a:cubicBezTo>
                  <a:cubicBezTo>
                    <a:pt x="1805" y="4537"/>
                    <a:pt x="1630" y="4537"/>
                    <a:pt x="1580" y="4612"/>
                  </a:cubicBezTo>
                  <a:cubicBezTo>
                    <a:pt x="1505" y="4612"/>
                    <a:pt x="1505" y="4712"/>
                    <a:pt x="1454" y="4712"/>
                  </a:cubicBezTo>
                  <a:cubicBezTo>
                    <a:pt x="1404" y="4762"/>
                    <a:pt x="1229" y="4837"/>
                    <a:pt x="1129" y="4837"/>
                  </a:cubicBezTo>
                  <a:cubicBezTo>
                    <a:pt x="1079" y="4837"/>
                    <a:pt x="1003" y="4762"/>
                    <a:pt x="903" y="4762"/>
                  </a:cubicBezTo>
                  <a:cubicBezTo>
                    <a:pt x="953" y="4712"/>
                    <a:pt x="953" y="4662"/>
                    <a:pt x="953" y="4612"/>
                  </a:cubicBezTo>
                  <a:cubicBezTo>
                    <a:pt x="953" y="4487"/>
                    <a:pt x="853" y="4386"/>
                    <a:pt x="853" y="4261"/>
                  </a:cubicBezTo>
                  <a:cubicBezTo>
                    <a:pt x="853" y="4211"/>
                    <a:pt x="953" y="3985"/>
                    <a:pt x="953" y="3985"/>
                  </a:cubicBezTo>
                  <a:cubicBezTo>
                    <a:pt x="953" y="3985"/>
                    <a:pt x="1229" y="3985"/>
                    <a:pt x="1304" y="3860"/>
                  </a:cubicBezTo>
                  <a:cubicBezTo>
                    <a:pt x="1354" y="3860"/>
                    <a:pt x="1404" y="3710"/>
                    <a:pt x="1404" y="3584"/>
                  </a:cubicBezTo>
                  <a:cubicBezTo>
                    <a:pt x="1454" y="3584"/>
                    <a:pt x="1580" y="3534"/>
                    <a:pt x="1580" y="3484"/>
                  </a:cubicBezTo>
                  <a:cubicBezTo>
                    <a:pt x="1630" y="3484"/>
                    <a:pt x="1680" y="3434"/>
                    <a:pt x="1680" y="3359"/>
                  </a:cubicBezTo>
                  <a:cubicBezTo>
                    <a:pt x="1680" y="3258"/>
                    <a:pt x="1580" y="3133"/>
                    <a:pt x="1505" y="3083"/>
                  </a:cubicBezTo>
                  <a:cubicBezTo>
                    <a:pt x="1454" y="3033"/>
                    <a:pt x="1354" y="2983"/>
                    <a:pt x="1354" y="2908"/>
                  </a:cubicBezTo>
                  <a:cubicBezTo>
                    <a:pt x="1304" y="2908"/>
                    <a:pt x="1179" y="2807"/>
                    <a:pt x="1129" y="2807"/>
                  </a:cubicBezTo>
                  <a:cubicBezTo>
                    <a:pt x="1079" y="2757"/>
                    <a:pt x="953" y="2682"/>
                    <a:pt x="903" y="2682"/>
                  </a:cubicBezTo>
                  <a:lnTo>
                    <a:pt x="552" y="2682"/>
                  </a:lnTo>
                  <a:cubicBezTo>
                    <a:pt x="502" y="2757"/>
                    <a:pt x="502" y="2807"/>
                    <a:pt x="452" y="2857"/>
                  </a:cubicBezTo>
                  <a:cubicBezTo>
                    <a:pt x="402" y="2857"/>
                    <a:pt x="226" y="2908"/>
                    <a:pt x="176" y="2908"/>
                  </a:cubicBezTo>
                  <a:cubicBezTo>
                    <a:pt x="101" y="2857"/>
                    <a:pt x="51" y="2857"/>
                    <a:pt x="1" y="2807"/>
                  </a:cubicBezTo>
                  <a:cubicBezTo>
                    <a:pt x="1" y="2682"/>
                    <a:pt x="1" y="2532"/>
                    <a:pt x="51" y="2456"/>
                  </a:cubicBezTo>
                  <a:cubicBezTo>
                    <a:pt x="51" y="2356"/>
                    <a:pt x="176" y="2181"/>
                    <a:pt x="226" y="2081"/>
                  </a:cubicBezTo>
                  <a:cubicBezTo>
                    <a:pt x="226" y="1955"/>
                    <a:pt x="277" y="1805"/>
                    <a:pt x="226" y="1680"/>
                  </a:cubicBezTo>
                  <a:cubicBezTo>
                    <a:pt x="226" y="1579"/>
                    <a:pt x="101" y="1354"/>
                    <a:pt x="101" y="1228"/>
                  </a:cubicBezTo>
                  <a:cubicBezTo>
                    <a:pt x="101" y="1128"/>
                    <a:pt x="176" y="903"/>
                    <a:pt x="226" y="727"/>
                  </a:cubicBezTo>
                  <a:cubicBezTo>
                    <a:pt x="277" y="677"/>
                    <a:pt x="402" y="502"/>
                    <a:pt x="452" y="502"/>
                  </a:cubicBezTo>
                  <a:cubicBezTo>
                    <a:pt x="552" y="502"/>
                    <a:pt x="678" y="677"/>
                    <a:pt x="728" y="777"/>
                  </a:cubicBezTo>
                  <a:cubicBezTo>
                    <a:pt x="728" y="827"/>
                    <a:pt x="678" y="953"/>
                    <a:pt x="728" y="1003"/>
                  </a:cubicBezTo>
                  <a:cubicBezTo>
                    <a:pt x="778" y="1053"/>
                    <a:pt x="1003" y="1053"/>
                    <a:pt x="1079" y="1003"/>
                  </a:cubicBezTo>
                  <a:cubicBezTo>
                    <a:pt x="1129" y="953"/>
                    <a:pt x="1179" y="777"/>
                    <a:pt x="1179" y="727"/>
                  </a:cubicBezTo>
                  <a:cubicBezTo>
                    <a:pt x="1229" y="677"/>
                    <a:pt x="1179" y="502"/>
                    <a:pt x="1229" y="451"/>
                  </a:cubicBezTo>
                  <a:cubicBezTo>
                    <a:pt x="1304" y="376"/>
                    <a:pt x="1404" y="552"/>
                    <a:pt x="1505" y="552"/>
                  </a:cubicBezTo>
                  <a:cubicBezTo>
                    <a:pt x="1630" y="552"/>
                    <a:pt x="1906" y="502"/>
                    <a:pt x="2031" y="451"/>
                  </a:cubicBezTo>
                  <a:lnTo>
                    <a:pt x="2031" y="552"/>
                  </a:lnTo>
                  <a:cubicBezTo>
                    <a:pt x="2031" y="602"/>
                    <a:pt x="1906" y="677"/>
                    <a:pt x="1956" y="727"/>
                  </a:cubicBezTo>
                  <a:cubicBezTo>
                    <a:pt x="1956" y="777"/>
                    <a:pt x="2031" y="827"/>
                    <a:pt x="2081" y="827"/>
                  </a:cubicBezTo>
                  <a:cubicBezTo>
                    <a:pt x="2131" y="903"/>
                    <a:pt x="2256" y="903"/>
                    <a:pt x="2307" y="903"/>
                  </a:cubicBezTo>
                  <a:cubicBezTo>
                    <a:pt x="2357" y="953"/>
                    <a:pt x="2482" y="1053"/>
                    <a:pt x="2582" y="1053"/>
                  </a:cubicBezTo>
                  <a:cubicBezTo>
                    <a:pt x="2632" y="1053"/>
                    <a:pt x="2808" y="1128"/>
                    <a:pt x="2858" y="1053"/>
                  </a:cubicBezTo>
                  <a:cubicBezTo>
                    <a:pt x="2933" y="1053"/>
                    <a:pt x="2933" y="953"/>
                    <a:pt x="2933" y="903"/>
                  </a:cubicBezTo>
                  <a:cubicBezTo>
                    <a:pt x="2933" y="827"/>
                    <a:pt x="3033" y="777"/>
                    <a:pt x="3084" y="727"/>
                  </a:cubicBezTo>
                  <a:lnTo>
                    <a:pt x="3084" y="602"/>
                  </a:lnTo>
                  <a:cubicBezTo>
                    <a:pt x="3084" y="602"/>
                    <a:pt x="3134" y="602"/>
                    <a:pt x="3134" y="677"/>
                  </a:cubicBezTo>
                  <a:cubicBezTo>
                    <a:pt x="3209" y="727"/>
                    <a:pt x="3209" y="903"/>
                    <a:pt x="3259" y="953"/>
                  </a:cubicBezTo>
                  <a:cubicBezTo>
                    <a:pt x="3359" y="1053"/>
                    <a:pt x="3660" y="1003"/>
                    <a:pt x="3710" y="1128"/>
                  </a:cubicBezTo>
                  <a:cubicBezTo>
                    <a:pt x="3760" y="1178"/>
                    <a:pt x="3760" y="1279"/>
                    <a:pt x="3760" y="1354"/>
                  </a:cubicBezTo>
                  <a:cubicBezTo>
                    <a:pt x="3810" y="1454"/>
                    <a:pt x="3760" y="1680"/>
                    <a:pt x="3760" y="1730"/>
                  </a:cubicBezTo>
                  <a:cubicBezTo>
                    <a:pt x="3810" y="1855"/>
                    <a:pt x="4036" y="2081"/>
                    <a:pt x="4161" y="2081"/>
                  </a:cubicBezTo>
                  <a:cubicBezTo>
                    <a:pt x="4337" y="2081"/>
                    <a:pt x="4487" y="1855"/>
                    <a:pt x="4612" y="1805"/>
                  </a:cubicBezTo>
                  <a:cubicBezTo>
                    <a:pt x="4662" y="1730"/>
                    <a:pt x="4713" y="1504"/>
                    <a:pt x="4763" y="1454"/>
                  </a:cubicBezTo>
                  <a:cubicBezTo>
                    <a:pt x="4888" y="1404"/>
                    <a:pt x="5114" y="1354"/>
                    <a:pt x="5214" y="1228"/>
                  </a:cubicBezTo>
                  <a:cubicBezTo>
                    <a:pt x="5289" y="1178"/>
                    <a:pt x="5339" y="953"/>
                    <a:pt x="5339" y="827"/>
                  </a:cubicBezTo>
                  <a:cubicBezTo>
                    <a:pt x="5389" y="727"/>
                    <a:pt x="5289" y="451"/>
                    <a:pt x="5289" y="326"/>
                  </a:cubicBezTo>
                  <a:cubicBezTo>
                    <a:pt x="5289" y="226"/>
                    <a:pt x="5289" y="101"/>
                    <a:pt x="5339" y="0"/>
                  </a:cubicBezTo>
                  <a:lnTo>
                    <a:pt x="5615" y="0"/>
                  </a:lnTo>
                  <a:cubicBezTo>
                    <a:pt x="5790" y="50"/>
                    <a:pt x="6016" y="176"/>
                    <a:pt x="6116" y="226"/>
                  </a:cubicBezTo>
                  <a:cubicBezTo>
                    <a:pt x="6342" y="326"/>
                    <a:pt x="6743" y="727"/>
                    <a:pt x="6918" y="953"/>
                  </a:cubicBezTo>
                  <a:cubicBezTo>
                    <a:pt x="7069" y="1053"/>
                    <a:pt x="7369" y="1279"/>
                    <a:pt x="7520" y="1404"/>
                  </a:cubicBezTo>
                  <a:cubicBezTo>
                    <a:pt x="7695" y="1504"/>
                    <a:pt x="8146" y="1730"/>
                    <a:pt x="8372" y="1905"/>
                  </a:cubicBezTo>
                  <a:cubicBezTo>
                    <a:pt x="8472" y="2005"/>
                    <a:pt x="8698" y="2356"/>
                    <a:pt x="8873" y="2456"/>
                  </a:cubicBezTo>
                  <a:cubicBezTo>
                    <a:pt x="8923" y="2532"/>
                    <a:pt x="9149" y="2632"/>
                    <a:pt x="9274" y="2682"/>
                  </a:cubicBezTo>
                  <a:cubicBezTo>
                    <a:pt x="9374" y="2757"/>
                    <a:pt x="9550" y="2908"/>
                    <a:pt x="9675" y="2983"/>
                  </a:cubicBezTo>
                  <a:cubicBezTo>
                    <a:pt x="9725" y="3083"/>
                    <a:pt x="9876" y="3258"/>
                    <a:pt x="9951" y="3309"/>
                  </a:cubicBezTo>
                  <a:cubicBezTo>
                    <a:pt x="10101" y="3434"/>
                    <a:pt x="10402" y="3584"/>
                    <a:pt x="10552" y="3634"/>
                  </a:cubicBezTo>
                  <a:cubicBezTo>
                    <a:pt x="10627" y="3710"/>
                    <a:pt x="10853" y="3760"/>
                    <a:pt x="10953" y="3810"/>
                  </a:cubicBezTo>
                  <a:cubicBezTo>
                    <a:pt x="11129" y="3860"/>
                    <a:pt x="11404" y="4086"/>
                    <a:pt x="11580" y="4086"/>
                  </a:cubicBezTo>
                  <a:cubicBezTo>
                    <a:pt x="11630" y="4035"/>
                    <a:pt x="11680" y="3860"/>
                    <a:pt x="11730" y="3810"/>
                  </a:cubicBezTo>
                  <a:cubicBezTo>
                    <a:pt x="11856" y="3810"/>
                    <a:pt x="12031" y="3810"/>
                    <a:pt x="12081" y="3860"/>
                  </a:cubicBezTo>
                  <a:cubicBezTo>
                    <a:pt x="12131" y="3860"/>
                    <a:pt x="12307" y="3985"/>
                    <a:pt x="12357" y="4035"/>
                  </a:cubicBezTo>
                  <a:cubicBezTo>
                    <a:pt x="12357" y="4086"/>
                    <a:pt x="12357" y="4211"/>
                    <a:pt x="12407" y="4261"/>
                  </a:cubicBezTo>
                  <a:cubicBezTo>
                    <a:pt x="12482" y="4386"/>
                    <a:pt x="12582" y="4436"/>
                    <a:pt x="12708" y="4487"/>
                  </a:cubicBezTo>
                  <a:cubicBezTo>
                    <a:pt x="12758" y="4537"/>
                    <a:pt x="12983" y="4662"/>
                    <a:pt x="12983" y="4712"/>
                  </a:cubicBezTo>
                  <a:cubicBezTo>
                    <a:pt x="13033" y="4837"/>
                    <a:pt x="12933" y="4988"/>
                    <a:pt x="12933" y="5113"/>
                  </a:cubicBezTo>
                  <a:cubicBezTo>
                    <a:pt x="12933" y="5213"/>
                    <a:pt x="12983" y="5389"/>
                    <a:pt x="13033" y="5439"/>
                  </a:cubicBezTo>
                  <a:cubicBezTo>
                    <a:pt x="13084" y="5614"/>
                    <a:pt x="13309" y="5790"/>
                    <a:pt x="13359" y="5940"/>
                  </a:cubicBezTo>
                  <a:cubicBezTo>
                    <a:pt x="13485" y="6066"/>
                    <a:pt x="13485" y="6391"/>
                    <a:pt x="13485" y="6517"/>
                  </a:cubicBezTo>
                  <a:cubicBezTo>
                    <a:pt x="13585" y="6692"/>
                    <a:pt x="13760" y="7068"/>
                    <a:pt x="13886" y="7243"/>
                  </a:cubicBezTo>
                  <a:cubicBezTo>
                    <a:pt x="13936" y="7344"/>
                    <a:pt x="14111" y="7519"/>
                    <a:pt x="14161" y="7644"/>
                  </a:cubicBezTo>
                  <a:cubicBezTo>
                    <a:pt x="14262" y="7870"/>
                    <a:pt x="14387" y="8371"/>
                    <a:pt x="14487" y="8597"/>
                  </a:cubicBezTo>
                  <a:cubicBezTo>
                    <a:pt x="14612" y="8923"/>
                    <a:pt x="14938" y="9499"/>
                    <a:pt x="15064" y="9825"/>
                  </a:cubicBezTo>
                  <a:cubicBezTo>
                    <a:pt x="15114" y="9950"/>
                    <a:pt x="15214" y="10226"/>
                    <a:pt x="15214" y="10376"/>
                  </a:cubicBezTo>
                  <a:cubicBezTo>
                    <a:pt x="15289" y="10502"/>
                    <a:pt x="15214" y="10827"/>
                    <a:pt x="15289" y="10953"/>
                  </a:cubicBezTo>
                  <a:cubicBezTo>
                    <a:pt x="15289" y="11178"/>
                    <a:pt x="15440" y="11504"/>
                    <a:pt x="15515" y="11629"/>
                  </a:cubicBezTo>
                  <a:cubicBezTo>
                    <a:pt x="15615" y="11905"/>
                    <a:pt x="15891" y="12356"/>
                    <a:pt x="15966" y="12582"/>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184" name="Google Shape;241;p16">
              <a:extLst>
                <a:ext uri="{FF2B5EF4-FFF2-40B4-BE49-F238E27FC236}">
                  <a16:creationId xmlns:a16="http://schemas.microsoft.com/office/drawing/2014/main" id="{4CA9F9FB-D749-CB79-4A16-029D5D0699F0}"/>
                </a:ext>
              </a:extLst>
            </p:cNvPr>
            <p:cNvSpPr/>
            <p:nvPr/>
          </p:nvSpPr>
          <p:spPr>
            <a:xfrm>
              <a:off x="2617579" y="2105339"/>
              <a:ext cx="448430" cy="448402"/>
            </a:xfrm>
            <a:custGeom>
              <a:avLst/>
              <a:gdLst/>
              <a:ahLst/>
              <a:cxnLst/>
              <a:rect l="l" t="t" r="r" b="b"/>
              <a:pathLst>
                <a:path w="16067" h="16066" extrusionOk="0">
                  <a:moveTo>
                    <a:pt x="5339" y="0"/>
                  </a:moveTo>
                  <a:cubicBezTo>
                    <a:pt x="5289" y="101"/>
                    <a:pt x="5289" y="226"/>
                    <a:pt x="5289" y="326"/>
                  </a:cubicBezTo>
                  <a:cubicBezTo>
                    <a:pt x="5289" y="451"/>
                    <a:pt x="5389" y="727"/>
                    <a:pt x="5339" y="827"/>
                  </a:cubicBezTo>
                  <a:cubicBezTo>
                    <a:pt x="5339" y="953"/>
                    <a:pt x="5289" y="1178"/>
                    <a:pt x="5214" y="1228"/>
                  </a:cubicBezTo>
                  <a:cubicBezTo>
                    <a:pt x="5114" y="1354"/>
                    <a:pt x="4888" y="1404"/>
                    <a:pt x="4763" y="1454"/>
                  </a:cubicBezTo>
                  <a:cubicBezTo>
                    <a:pt x="4713" y="1504"/>
                    <a:pt x="4662" y="1730"/>
                    <a:pt x="4612" y="1805"/>
                  </a:cubicBezTo>
                  <a:cubicBezTo>
                    <a:pt x="4487" y="1855"/>
                    <a:pt x="4337" y="2081"/>
                    <a:pt x="4161" y="2081"/>
                  </a:cubicBezTo>
                  <a:cubicBezTo>
                    <a:pt x="4036" y="2081"/>
                    <a:pt x="3810" y="1855"/>
                    <a:pt x="3760" y="1730"/>
                  </a:cubicBezTo>
                  <a:cubicBezTo>
                    <a:pt x="3760" y="1680"/>
                    <a:pt x="3810" y="1454"/>
                    <a:pt x="3760" y="1354"/>
                  </a:cubicBezTo>
                  <a:cubicBezTo>
                    <a:pt x="3760" y="1279"/>
                    <a:pt x="3760" y="1178"/>
                    <a:pt x="3710" y="1128"/>
                  </a:cubicBezTo>
                  <a:cubicBezTo>
                    <a:pt x="3660" y="1003"/>
                    <a:pt x="3359" y="1053"/>
                    <a:pt x="3259" y="953"/>
                  </a:cubicBezTo>
                  <a:cubicBezTo>
                    <a:pt x="3209" y="903"/>
                    <a:pt x="3209" y="727"/>
                    <a:pt x="3134" y="677"/>
                  </a:cubicBezTo>
                  <a:cubicBezTo>
                    <a:pt x="3134" y="602"/>
                    <a:pt x="3084" y="602"/>
                    <a:pt x="3084" y="602"/>
                  </a:cubicBezTo>
                  <a:lnTo>
                    <a:pt x="3084" y="727"/>
                  </a:lnTo>
                  <a:cubicBezTo>
                    <a:pt x="3033" y="777"/>
                    <a:pt x="2933" y="827"/>
                    <a:pt x="2933" y="903"/>
                  </a:cubicBezTo>
                  <a:cubicBezTo>
                    <a:pt x="2933" y="953"/>
                    <a:pt x="2933" y="1053"/>
                    <a:pt x="2858" y="1053"/>
                  </a:cubicBezTo>
                  <a:cubicBezTo>
                    <a:pt x="2841" y="1078"/>
                    <a:pt x="2811" y="1086"/>
                    <a:pt x="2775" y="1086"/>
                  </a:cubicBezTo>
                  <a:cubicBezTo>
                    <a:pt x="2705" y="1086"/>
                    <a:pt x="2616" y="1053"/>
                    <a:pt x="2582" y="1053"/>
                  </a:cubicBezTo>
                  <a:cubicBezTo>
                    <a:pt x="2482" y="1053"/>
                    <a:pt x="2357" y="953"/>
                    <a:pt x="2307" y="903"/>
                  </a:cubicBezTo>
                  <a:cubicBezTo>
                    <a:pt x="2256" y="903"/>
                    <a:pt x="2131" y="903"/>
                    <a:pt x="2081" y="827"/>
                  </a:cubicBezTo>
                  <a:cubicBezTo>
                    <a:pt x="2031" y="827"/>
                    <a:pt x="1956" y="777"/>
                    <a:pt x="1956" y="727"/>
                  </a:cubicBezTo>
                  <a:cubicBezTo>
                    <a:pt x="1906" y="677"/>
                    <a:pt x="2031" y="602"/>
                    <a:pt x="2031" y="552"/>
                  </a:cubicBezTo>
                  <a:lnTo>
                    <a:pt x="2031" y="451"/>
                  </a:lnTo>
                  <a:cubicBezTo>
                    <a:pt x="1906" y="502"/>
                    <a:pt x="1630" y="552"/>
                    <a:pt x="1505" y="552"/>
                  </a:cubicBezTo>
                  <a:cubicBezTo>
                    <a:pt x="1422" y="552"/>
                    <a:pt x="1339" y="433"/>
                    <a:pt x="1271" y="433"/>
                  </a:cubicBezTo>
                  <a:cubicBezTo>
                    <a:pt x="1256" y="433"/>
                    <a:pt x="1242" y="438"/>
                    <a:pt x="1229" y="451"/>
                  </a:cubicBezTo>
                  <a:cubicBezTo>
                    <a:pt x="1179" y="502"/>
                    <a:pt x="1229" y="677"/>
                    <a:pt x="1179" y="727"/>
                  </a:cubicBezTo>
                  <a:cubicBezTo>
                    <a:pt x="1179" y="777"/>
                    <a:pt x="1129" y="953"/>
                    <a:pt x="1079" y="1003"/>
                  </a:cubicBezTo>
                  <a:cubicBezTo>
                    <a:pt x="1041" y="1028"/>
                    <a:pt x="966" y="1040"/>
                    <a:pt x="894" y="1040"/>
                  </a:cubicBezTo>
                  <a:cubicBezTo>
                    <a:pt x="822" y="1040"/>
                    <a:pt x="753" y="1028"/>
                    <a:pt x="728" y="1003"/>
                  </a:cubicBezTo>
                  <a:cubicBezTo>
                    <a:pt x="678" y="953"/>
                    <a:pt x="728" y="827"/>
                    <a:pt x="728" y="777"/>
                  </a:cubicBezTo>
                  <a:cubicBezTo>
                    <a:pt x="678" y="677"/>
                    <a:pt x="552" y="502"/>
                    <a:pt x="452" y="502"/>
                  </a:cubicBezTo>
                  <a:cubicBezTo>
                    <a:pt x="402" y="502"/>
                    <a:pt x="277" y="677"/>
                    <a:pt x="226" y="727"/>
                  </a:cubicBezTo>
                  <a:cubicBezTo>
                    <a:pt x="176" y="903"/>
                    <a:pt x="101" y="1128"/>
                    <a:pt x="101" y="1228"/>
                  </a:cubicBezTo>
                  <a:cubicBezTo>
                    <a:pt x="101" y="1354"/>
                    <a:pt x="226" y="1579"/>
                    <a:pt x="226" y="1680"/>
                  </a:cubicBezTo>
                  <a:cubicBezTo>
                    <a:pt x="277" y="1805"/>
                    <a:pt x="226" y="1955"/>
                    <a:pt x="226" y="2081"/>
                  </a:cubicBezTo>
                  <a:cubicBezTo>
                    <a:pt x="176" y="2181"/>
                    <a:pt x="51" y="2356"/>
                    <a:pt x="51" y="2456"/>
                  </a:cubicBezTo>
                  <a:cubicBezTo>
                    <a:pt x="1" y="2532"/>
                    <a:pt x="1" y="2682"/>
                    <a:pt x="1" y="2807"/>
                  </a:cubicBezTo>
                  <a:cubicBezTo>
                    <a:pt x="51" y="2857"/>
                    <a:pt x="101" y="2857"/>
                    <a:pt x="176" y="2908"/>
                  </a:cubicBezTo>
                  <a:cubicBezTo>
                    <a:pt x="226" y="2908"/>
                    <a:pt x="402" y="2857"/>
                    <a:pt x="452" y="2857"/>
                  </a:cubicBezTo>
                  <a:cubicBezTo>
                    <a:pt x="502" y="2807"/>
                    <a:pt x="502" y="2757"/>
                    <a:pt x="552" y="2682"/>
                  </a:cubicBezTo>
                  <a:lnTo>
                    <a:pt x="903" y="2682"/>
                  </a:lnTo>
                  <a:cubicBezTo>
                    <a:pt x="953" y="2682"/>
                    <a:pt x="1079" y="2757"/>
                    <a:pt x="1129" y="2807"/>
                  </a:cubicBezTo>
                  <a:cubicBezTo>
                    <a:pt x="1179" y="2807"/>
                    <a:pt x="1304" y="2908"/>
                    <a:pt x="1354" y="2908"/>
                  </a:cubicBezTo>
                  <a:cubicBezTo>
                    <a:pt x="1354" y="2983"/>
                    <a:pt x="1454" y="3033"/>
                    <a:pt x="1505" y="3083"/>
                  </a:cubicBezTo>
                  <a:cubicBezTo>
                    <a:pt x="1580" y="3133"/>
                    <a:pt x="1680" y="3258"/>
                    <a:pt x="1680" y="3359"/>
                  </a:cubicBezTo>
                  <a:cubicBezTo>
                    <a:pt x="1680" y="3434"/>
                    <a:pt x="1630" y="3484"/>
                    <a:pt x="1580" y="3484"/>
                  </a:cubicBezTo>
                  <a:cubicBezTo>
                    <a:pt x="1580" y="3534"/>
                    <a:pt x="1454" y="3584"/>
                    <a:pt x="1404" y="3584"/>
                  </a:cubicBezTo>
                  <a:cubicBezTo>
                    <a:pt x="1404" y="3710"/>
                    <a:pt x="1354" y="3860"/>
                    <a:pt x="1304" y="3860"/>
                  </a:cubicBezTo>
                  <a:cubicBezTo>
                    <a:pt x="1229" y="3985"/>
                    <a:pt x="953" y="3985"/>
                    <a:pt x="953" y="3985"/>
                  </a:cubicBezTo>
                  <a:cubicBezTo>
                    <a:pt x="953" y="3985"/>
                    <a:pt x="853" y="4211"/>
                    <a:pt x="853" y="4261"/>
                  </a:cubicBezTo>
                  <a:cubicBezTo>
                    <a:pt x="853" y="4386"/>
                    <a:pt x="953" y="4487"/>
                    <a:pt x="953" y="4612"/>
                  </a:cubicBezTo>
                  <a:cubicBezTo>
                    <a:pt x="953" y="4662"/>
                    <a:pt x="953" y="4712"/>
                    <a:pt x="903" y="4762"/>
                  </a:cubicBezTo>
                  <a:cubicBezTo>
                    <a:pt x="1003" y="4762"/>
                    <a:pt x="1079" y="4837"/>
                    <a:pt x="1129" y="4837"/>
                  </a:cubicBezTo>
                  <a:cubicBezTo>
                    <a:pt x="1229" y="4837"/>
                    <a:pt x="1404" y="4762"/>
                    <a:pt x="1454" y="4712"/>
                  </a:cubicBezTo>
                  <a:cubicBezTo>
                    <a:pt x="1505" y="4712"/>
                    <a:pt x="1505" y="4612"/>
                    <a:pt x="1580" y="4612"/>
                  </a:cubicBezTo>
                  <a:cubicBezTo>
                    <a:pt x="1630" y="4537"/>
                    <a:pt x="1805" y="4537"/>
                    <a:pt x="1906" y="4537"/>
                  </a:cubicBezTo>
                  <a:cubicBezTo>
                    <a:pt x="1956" y="4537"/>
                    <a:pt x="2131" y="4612"/>
                    <a:pt x="2181" y="4662"/>
                  </a:cubicBezTo>
                  <a:cubicBezTo>
                    <a:pt x="2256" y="4712"/>
                    <a:pt x="2307" y="4888"/>
                    <a:pt x="2256" y="4988"/>
                  </a:cubicBezTo>
                  <a:cubicBezTo>
                    <a:pt x="2256" y="5063"/>
                    <a:pt x="2131" y="5113"/>
                    <a:pt x="2131" y="5163"/>
                  </a:cubicBezTo>
                  <a:cubicBezTo>
                    <a:pt x="2081" y="5213"/>
                    <a:pt x="1956" y="5389"/>
                    <a:pt x="2031" y="5489"/>
                  </a:cubicBezTo>
                  <a:cubicBezTo>
                    <a:pt x="2031" y="5614"/>
                    <a:pt x="2181" y="5790"/>
                    <a:pt x="2307" y="5840"/>
                  </a:cubicBezTo>
                  <a:cubicBezTo>
                    <a:pt x="2357" y="5840"/>
                    <a:pt x="2482" y="5840"/>
                    <a:pt x="2532" y="5790"/>
                  </a:cubicBezTo>
                  <a:cubicBezTo>
                    <a:pt x="2632" y="5715"/>
                    <a:pt x="2708" y="5564"/>
                    <a:pt x="2758" y="5489"/>
                  </a:cubicBezTo>
                  <a:cubicBezTo>
                    <a:pt x="2858" y="5439"/>
                    <a:pt x="3033" y="5439"/>
                    <a:pt x="3134" y="5439"/>
                  </a:cubicBezTo>
                  <a:lnTo>
                    <a:pt x="3434" y="5439"/>
                  </a:lnTo>
                  <a:cubicBezTo>
                    <a:pt x="3485" y="5489"/>
                    <a:pt x="3535" y="5715"/>
                    <a:pt x="3585" y="5840"/>
                  </a:cubicBezTo>
                  <a:cubicBezTo>
                    <a:pt x="3585" y="5840"/>
                    <a:pt x="3760" y="5890"/>
                    <a:pt x="3760" y="5940"/>
                  </a:cubicBezTo>
                  <a:cubicBezTo>
                    <a:pt x="3886" y="6015"/>
                    <a:pt x="4036" y="6066"/>
                    <a:pt x="4111" y="6166"/>
                  </a:cubicBezTo>
                  <a:cubicBezTo>
                    <a:pt x="4211" y="6241"/>
                    <a:pt x="4261" y="6517"/>
                    <a:pt x="4337" y="6617"/>
                  </a:cubicBezTo>
                  <a:cubicBezTo>
                    <a:pt x="4437" y="6692"/>
                    <a:pt x="4612" y="6792"/>
                    <a:pt x="4662" y="6792"/>
                  </a:cubicBezTo>
                  <a:cubicBezTo>
                    <a:pt x="4763" y="6792"/>
                    <a:pt x="4988" y="6792"/>
                    <a:pt x="5114" y="6742"/>
                  </a:cubicBezTo>
                  <a:cubicBezTo>
                    <a:pt x="5164" y="6692"/>
                    <a:pt x="5164" y="6517"/>
                    <a:pt x="5214" y="6467"/>
                  </a:cubicBezTo>
                  <a:cubicBezTo>
                    <a:pt x="5289" y="6391"/>
                    <a:pt x="5389" y="6341"/>
                    <a:pt x="5515" y="6341"/>
                  </a:cubicBezTo>
                  <a:cubicBezTo>
                    <a:pt x="5565" y="6341"/>
                    <a:pt x="5665" y="6467"/>
                    <a:pt x="5740" y="6517"/>
                  </a:cubicBezTo>
                  <a:cubicBezTo>
                    <a:pt x="5790" y="6567"/>
                    <a:pt x="5790" y="6742"/>
                    <a:pt x="5790" y="6792"/>
                  </a:cubicBezTo>
                  <a:cubicBezTo>
                    <a:pt x="5790" y="6918"/>
                    <a:pt x="5615" y="7018"/>
                    <a:pt x="5615" y="7118"/>
                  </a:cubicBezTo>
                  <a:cubicBezTo>
                    <a:pt x="5565" y="7193"/>
                    <a:pt x="5515" y="7294"/>
                    <a:pt x="5515" y="7344"/>
                  </a:cubicBezTo>
                  <a:cubicBezTo>
                    <a:pt x="5565" y="7419"/>
                    <a:pt x="5665" y="7519"/>
                    <a:pt x="5665" y="7569"/>
                  </a:cubicBezTo>
                  <a:cubicBezTo>
                    <a:pt x="5740" y="7644"/>
                    <a:pt x="5790" y="7745"/>
                    <a:pt x="5840" y="7795"/>
                  </a:cubicBezTo>
                  <a:cubicBezTo>
                    <a:pt x="5891" y="7970"/>
                    <a:pt x="5891" y="8371"/>
                    <a:pt x="5966" y="8547"/>
                  </a:cubicBezTo>
                  <a:cubicBezTo>
                    <a:pt x="5966" y="8647"/>
                    <a:pt x="6066" y="8747"/>
                    <a:pt x="6116" y="8873"/>
                  </a:cubicBezTo>
                  <a:cubicBezTo>
                    <a:pt x="6191" y="8923"/>
                    <a:pt x="6342" y="9048"/>
                    <a:pt x="6392" y="9098"/>
                  </a:cubicBezTo>
                  <a:cubicBezTo>
                    <a:pt x="6517" y="9148"/>
                    <a:pt x="6693" y="9324"/>
                    <a:pt x="6693" y="9424"/>
                  </a:cubicBezTo>
                  <a:cubicBezTo>
                    <a:pt x="6743" y="9549"/>
                    <a:pt x="6693" y="9725"/>
                    <a:pt x="6693" y="9825"/>
                  </a:cubicBezTo>
                  <a:cubicBezTo>
                    <a:pt x="6693" y="9875"/>
                    <a:pt x="6567" y="10050"/>
                    <a:pt x="6567" y="10176"/>
                  </a:cubicBezTo>
                  <a:lnTo>
                    <a:pt x="6567" y="10552"/>
                  </a:lnTo>
                  <a:cubicBezTo>
                    <a:pt x="6617" y="10677"/>
                    <a:pt x="6793" y="10777"/>
                    <a:pt x="6843" y="10827"/>
                  </a:cubicBezTo>
                  <a:cubicBezTo>
                    <a:pt x="6918" y="10903"/>
                    <a:pt x="6968" y="11003"/>
                    <a:pt x="7018" y="11053"/>
                  </a:cubicBezTo>
                  <a:cubicBezTo>
                    <a:pt x="7018" y="11178"/>
                    <a:pt x="7069" y="11279"/>
                    <a:pt x="7069" y="11354"/>
                  </a:cubicBezTo>
                  <a:cubicBezTo>
                    <a:pt x="7069" y="11454"/>
                    <a:pt x="7018" y="11629"/>
                    <a:pt x="6968" y="11730"/>
                  </a:cubicBezTo>
                  <a:cubicBezTo>
                    <a:pt x="6968" y="11905"/>
                    <a:pt x="7018" y="12181"/>
                    <a:pt x="7018" y="12306"/>
                  </a:cubicBezTo>
                  <a:cubicBezTo>
                    <a:pt x="7069" y="12406"/>
                    <a:pt x="7194" y="12582"/>
                    <a:pt x="7244" y="12682"/>
                  </a:cubicBezTo>
                  <a:cubicBezTo>
                    <a:pt x="7294" y="12807"/>
                    <a:pt x="7369" y="13033"/>
                    <a:pt x="7419" y="13133"/>
                  </a:cubicBezTo>
                  <a:cubicBezTo>
                    <a:pt x="7470" y="13208"/>
                    <a:pt x="7645" y="13359"/>
                    <a:pt x="7745" y="13359"/>
                  </a:cubicBezTo>
                  <a:cubicBezTo>
                    <a:pt x="7768" y="13382"/>
                    <a:pt x="7793" y="13391"/>
                    <a:pt x="7817" y="13391"/>
                  </a:cubicBezTo>
                  <a:cubicBezTo>
                    <a:pt x="7872" y="13391"/>
                    <a:pt x="7921" y="13344"/>
                    <a:pt x="7921" y="13309"/>
                  </a:cubicBezTo>
                  <a:cubicBezTo>
                    <a:pt x="7971" y="13259"/>
                    <a:pt x="7971" y="13083"/>
                    <a:pt x="8046" y="13033"/>
                  </a:cubicBezTo>
                  <a:cubicBezTo>
                    <a:pt x="8096" y="13033"/>
                    <a:pt x="8146" y="12983"/>
                    <a:pt x="8196" y="12983"/>
                  </a:cubicBezTo>
                  <a:cubicBezTo>
                    <a:pt x="8322" y="12983"/>
                    <a:pt x="8472" y="13033"/>
                    <a:pt x="8547" y="13083"/>
                  </a:cubicBezTo>
                  <a:cubicBezTo>
                    <a:pt x="8597" y="13133"/>
                    <a:pt x="8698" y="13208"/>
                    <a:pt x="8698" y="13259"/>
                  </a:cubicBezTo>
                  <a:cubicBezTo>
                    <a:pt x="8773" y="13309"/>
                    <a:pt x="8773" y="13484"/>
                    <a:pt x="8823" y="13584"/>
                  </a:cubicBezTo>
                  <a:cubicBezTo>
                    <a:pt x="8823" y="13634"/>
                    <a:pt x="8873" y="13860"/>
                    <a:pt x="8923" y="13935"/>
                  </a:cubicBezTo>
                  <a:cubicBezTo>
                    <a:pt x="8998" y="13985"/>
                    <a:pt x="9224" y="14035"/>
                    <a:pt x="9274" y="14035"/>
                  </a:cubicBezTo>
                  <a:cubicBezTo>
                    <a:pt x="9324" y="13985"/>
                    <a:pt x="9324" y="13935"/>
                    <a:pt x="9374" y="13860"/>
                  </a:cubicBezTo>
                  <a:cubicBezTo>
                    <a:pt x="9449" y="13810"/>
                    <a:pt x="9550" y="13634"/>
                    <a:pt x="9600" y="13634"/>
                  </a:cubicBezTo>
                  <a:cubicBezTo>
                    <a:pt x="9675" y="13634"/>
                    <a:pt x="9825" y="13634"/>
                    <a:pt x="9876" y="13710"/>
                  </a:cubicBezTo>
                  <a:cubicBezTo>
                    <a:pt x="9951" y="13760"/>
                    <a:pt x="9825" y="13935"/>
                    <a:pt x="9876" y="13985"/>
                  </a:cubicBezTo>
                  <a:cubicBezTo>
                    <a:pt x="9951" y="14086"/>
                    <a:pt x="10101" y="14161"/>
                    <a:pt x="10101" y="14261"/>
                  </a:cubicBezTo>
                  <a:cubicBezTo>
                    <a:pt x="10101" y="14311"/>
                    <a:pt x="10001" y="14537"/>
                    <a:pt x="9951" y="14612"/>
                  </a:cubicBezTo>
                  <a:cubicBezTo>
                    <a:pt x="9951" y="14662"/>
                    <a:pt x="9876" y="14712"/>
                    <a:pt x="9825" y="14712"/>
                  </a:cubicBezTo>
                  <a:lnTo>
                    <a:pt x="9825" y="14988"/>
                  </a:lnTo>
                  <a:cubicBezTo>
                    <a:pt x="9825" y="15063"/>
                    <a:pt x="9876" y="15213"/>
                    <a:pt x="9876" y="15264"/>
                  </a:cubicBezTo>
                  <a:cubicBezTo>
                    <a:pt x="9951" y="15339"/>
                    <a:pt x="9951" y="15389"/>
                    <a:pt x="9951" y="15439"/>
                  </a:cubicBezTo>
                  <a:lnTo>
                    <a:pt x="10051" y="15439"/>
                  </a:lnTo>
                  <a:cubicBezTo>
                    <a:pt x="10176" y="15439"/>
                    <a:pt x="10277" y="15339"/>
                    <a:pt x="10402" y="15339"/>
                  </a:cubicBezTo>
                  <a:cubicBezTo>
                    <a:pt x="10452" y="15389"/>
                    <a:pt x="10502" y="15439"/>
                    <a:pt x="10552" y="15439"/>
                  </a:cubicBezTo>
                  <a:cubicBezTo>
                    <a:pt x="10627" y="15489"/>
                    <a:pt x="10778" y="15614"/>
                    <a:pt x="10853" y="15665"/>
                  </a:cubicBezTo>
                  <a:cubicBezTo>
                    <a:pt x="10903" y="15715"/>
                    <a:pt x="10903" y="15890"/>
                    <a:pt x="10953" y="15940"/>
                  </a:cubicBezTo>
                  <a:cubicBezTo>
                    <a:pt x="11003" y="16015"/>
                    <a:pt x="11179" y="16066"/>
                    <a:pt x="11229" y="16066"/>
                  </a:cubicBezTo>
                  <a:cubicBezTo>
                    <a:pt x="11304" y="16066"/>
                    <a:pt x="11354" y="16015"/>
                    <a:pt x="11404" y="16015"/>
                  </a:cubicBezTo>
                  <a:cubicBezTo>
                    <a:pt x="11455" y="15940"/>
                    <a:pt x="11630" y="15940"/>
                    <a:pt x="11630" y="15890"/>
                  </a:cubicBezTo>
                  <a:cubicBezTo>
                    <a:pt x="11680" y="15840"/>
                    <a:pt x="11730" y="15715"/>
                    <a:pt x="11805" y="15665"/>
                  </a:cubicBezTo>
                  <a:cubicBezTo>
                    <a:pt x="11856" y="15614"/>
                    <a:pt x="12031" y="15564"/>
                    <a:pt x="12081" y="15489"/>
                  </a:cubicBezTo>
                  <a:cubicBezTo>
                    <a:pt x="12131" y="15489"/>
                    <a:pt x="12307" y="15389"/>
                    <a:pt x="12357" y="15339"/>
                  </a:cubicBezTo>
                  <a:cubicBezTo>
                    <a:pt x="12407" y="15264"/>
                    <a:pt x="12482" y="15113"/>
                    <a:pt x="12482" y="14988"/>
                  </a:cubicBezTo>
                  <a:lnTo>
                    <a:pt x="12482" y="14712"/>
                  </a:lnTo>
                  <a:cubicBezTo>
                    <a:pt x="12482" y="14662"/>
                    <a:pt x="12532" y="14612"/>
                    <a:pt x="12582" y="14612"/>
                  </a:cubicBezTo>
                  <a:cubicBezTo>
                    <a:pt x="12582" y="14487"/>
                    <a:pt x="12632" y="14386"/>
                    <a:pt x="12708" y="14311"/>
                  </a:cubicBezTo>
                  <a:cubicBezTo>
                    <a:pt x="12758" y="14261"/>
                    <a:pt x="12858" y="14211"/>
                    <a:pt x="12933" y="14211"/>
                  </a:cubicBezTo>
                  <a:cubicBezTo>
                    <a:pt x="13033" y="14211"/>
                    <a:pt x="13209" y="14261"/>
                    <a:pt x="13259" y="14261"/>
                  </a:cubicBezTo>
                  <a:cubicBezTo>
                    <a:pt x="13309" y="14311"/>
                    <a:pt x="13434" y="14386"/>
                    <a:pt x="13485" y="14436"/>
                  </a:cubicBezTo>
                  <a:lnTo>
                    <a:pt x="13760" y="14436"/>
                  </a:lnTo>
                  <a:cubicBezTo>
                    <a:pt x="13810" y="14436"/>
                    <a:pt x="13986" y="14436"/>
                    <a:pt x="14036" y="14386"/>
                  </a:cubicBezTo>
                  <a:cubicBezTo>
                    <a:pt x="14036" y="14311"/>
                    <a:pt x="14111" y="14261"/>
                    <a:pt x="14161" y="14211"/>
                  </a:cubicBezTo>
                  <a:lnTo>
                    <a:pt x="14161" y="13935"/>
                  </a:lnTo>
                  <a:cubicBezTo>
                    <a:pt x="14161" y="13860"/>
                    <a:pt x="14262" y="13810"/>
                    <a:pt x="14262" y="13760"/>
                  </a:cubicBezTo>
                  <a:cubicBezTo>
                    <a:pt x="14337" y="13710"/>
                    <a:pt x="14262" y="13534"/>
                    <a:pt x="14337" y="13434"/>
                  </a:cubicBezTo>
                  <a:cubicBezTo>
                    <a:pt x="14387" y="13359"/>
                    <a:pt x="14487" y="13309"/>
                    <a:pt x="14562" y="13309"/>
                  </a:cubicBezTo>
                  <a:lnTo>
                    <a:pt x="14838" y="13309"/>
                  </a:lnTo>
                  <a:cubicBezTo>
                    <a:pt x="14888" y="13259"/>
                    <a:pt x="14938" y="13259"/>
                    <a:pt x="14988" y="13208"/>
                  </a:cubicBezTo>
                  <a:cubicBezTo>
                    <a:pt x="15064" y="13133"/>
                    <a:pt x="15164" y="13033"/>
                    <a:pt x="15214" y="13033"/>
                  </a:cubicBezTo>
                  <a:cubicBezTo>
                    <a:pt x="15252" y="13008"/>
                    <a:pt x="15308" y="13008"/>
                    <a:pt x="15371" y="13008"/>
                  </a:cubicBezTo>
                  <a:cubicBezTo>
                    <a:pt x="15433" y="13008"/>
                    <a:pt x="15502" y="13008"/>
                    <a:pt x="15565" y="12983"/>
                  </a:cubicBezTo>
                  <a:cubicBezTo>
                    <a:pt x="15598" y="12983"/>
                    <a:pt x="15687" y="13005"/>
                    <a:pt x="15758" y="13005"/>
                  </a:cubicBezTo>
                  <a:cubicBezTo>
                    <a:pt x="15793" y="13005"/>
                    <a:pt x="15824" y="13000"/>
                    <a:pt x="15841" y="12983"/>
                  </a:cubicBezTo>
                  <a:cubicBezTo>
                    <a:pt x="15891" y="12983"/>
                    <a:pt x="15966" y="12908"/>
                    <a:pt x="16066" y="12858"/>
                  </a:cubicBezTo>
                  <a:cubicBezTo>
                    <a:pt x="16016" y="12757"/>
                    <a:pt x="16016" y="12682"/>
                    <a:pt x="15966" y="12582"/>
                  </a:cubicBezTo>
                  <a:cubicBezTo>
                    <a:pt x="15891" y="12356"/>
                    <a:pt x="15615" y="11905"/>
                    <a:pt x="15515" y="11629"/>
                  </a:cubicBezTo>
                  <a:cubicBezTo>
                    <a:pt x="15440" y="11504"/>
                    <a:pt x="15289" y="11178"/>
                    <a:pt x="15289" y="10953"/>
                  </a:cubicBezTo>
                  <a:cubicBezTo>
                    <a:pt x="15214" y="10827"/>
                    <a:pt x="15289" y="10502"/>
                    <a:pt x="15214" y="10376"/>
                  </a:cubicBezTo>
                  <a:cubicBezTo>
                    <a:pt x="15214" y="10226"/>
                    <a:pt x="15114" y="9950"/>
                    <a:pt x="15064" y="9825"/>
                  </a:cubicBezTo>
                  <a:cubicBezTo>
                    <a:pt x="14938" y="9499"/>
                    <a:pt x="14612" y="8923"/>
                    <a:pt x="14487" y="8597"/>
                  </a:cubicBezTo>
                  <a:cubicBezTo>
                    <a:pt x="14387" y="8371"/>
                    <a:pt x="14262" y="7870"/>
                    <a:pt x="14161" y="7644"/>
                  </a:cubicBezTo>
                  <a:cubicBezTo>
                    <a:pt x="14111" y="7519"/>
                    <a:pt x="13936" y="7344"/>
                    <a:pt x="13886" y="7243"/>
                  </a:cubicBezTo>
                  <a:cubicBezTo>
                    <a:pt x="13760" y="7068"/>
                    <a:pt x="13585" y="6692"/>
                    <a:pt x="13485" y="6517"/>
                  </a:cubicBezTo>
                  <a:cubicBezTo>
                    <a:pt x="13485" y="6391"/>
                    <a:pt x="13485" y="6066"/>
                    <a:pt x="13359" y="5940"/>
                  </a:cubicBezTo>
                  <a:cubicBezTo>
                    <a:pt x="13309" y="5790"/>
                    <a:pt x="13084" y="5614"/>
                    <a:pt x="13033" y="5439"/>
                  </a:cubicBezTo>
                  <a:cubicBezTo>
                    <a:pt x="12983" y="5389"/>
                    <a:pt x="12933" y="5213"/>
                    <a:pt x="12933" y="5113"/>
                  </a:cubicBezTo>
                  <a:cubicBezTo>
                    <a:pt x="12933" y="4988"/>
                    <a:pt x="13033" y="4837"/>
                    <a:pt x="12983" y="4712"/>
                  </a:cubicBezTo>
                  <a:cubicBezTo>
                    <a:pt x="12983" y="4662"/>
                    <a:pt x="12758" y="4537"/>
                    <a:pt x="12708" y="4487"/>
                  </a:cubicBezTo>
                  <a:cubicBezTo>
                    <a:pt x="12582" y="4436"/>
                    <a:pt x="12482" y="4386"/>
                    <a:pt x="12407" y="4261"/>
                  </a:cubicBezTo>
                  <a:cubicBezTo>
                    <a:pt x="12357" y="4211"/>
                    <a:pt x="12357" y="4086"/>
                    <a:pt x="12357" y="4035"/>
                  </a:cubicBezTo>
                  <a:cubicBezTo>
                    <a:pt x="12307" y="3985"/>
                    <a:pt x="12131" y="3860"/>
                    <a:pt x="12081" y="3860"/>
                  </a:cubicBezTo>
                  <a:cubicBezTo>
                    <a:pt x="12031" y="3810"/>
                    <a:pt x="11856" y="3810"/>
                    <a:pt x="11730" y="3810"/>
                  </a:cubicBezTo>
                  <a:cubicBezTo>
                    <a:pt x="11680" y="3860"/>
                    <a:pt x="11630" y="4035"/>
                    <a:pt x="11580" y="4086"/>
                  </a:cubicBezTo>
                  <a:cubicBezTo>
                    <a:pt x="11404" y="4086"/>
                    <a:pt x="11129" y="3860"/>
                    <a:pt x="10953" y="3810"/>
                  </a:cubicBezTo>
                  <a:cubicBezTo>
                    <a:pt x="10853" y="3760"/>
                    <a:pt x="10627" y="3710"/>
                    <a:pt x="10552" y="3634"/>
                  </a:cubicBezTo>
                  <a:cubicBezTo>
                    <a:pt x="10402" y="3584"/>
                    <a:pt x="10101" y="3434"/>
                    <a:pt x="9951" y="3309"/>
                  </a:cubicBezTo>
                  <a:cubicBezTo>
                    <a:pt x="9876" y="3258"/>
                    <a:pt x="9725" y="3083"/>
                    <a:pt x="9675" y="2983"/>
                  </a:cubicBezTo>
                  <a:cubicBezTo>
                    <a:pt x="9550" y="2908"/>
                    <a:pt x="9374" y="2757"/>
                    <a:pt x="9274" y="2682"/>
                  </a:cubicBezTo>
                  <a:cubicBezTo>
                    <a:pt x="9149" y="2632"/>
                    <a:pt x="8923" y="2532"/>
                    <a:pt x="8873" y="2456"/>
                  </a:cubicBezTo>
                  <a:cubicBezTo>
                    <a:pt x="8698" y="2356"/>
                    <a:pt x="8472" y="2005"/>
                    <a:pt x="8372" y="1905"/>
                  </a:cubicBezTo>
                  <a:cubicBezTo>
                    <a:pt x="8146" y="1730"/>
                    <a:pt x="7695" y="1504"/>
                    <a:pt x="7520" y="1404"/>
                  </a:cubicBezTo>
                  <a:cubicBezTo>
                    <a:pt x="7369" y="1279"/>
                    <a:pt x="7069" y="1053"/>
                    <a:pt x="6918" y="953"/>
                  </a:cubicBezTo>
                  <a:cubicBezTo>
                    <a:pt x="6743" y="727"/>
                    <a:pt x="6342" y="326"/>
                    <a:pt x="6116" y="226"/>
                  </a:cubicBezTo>
                  <a:cubicBezTo>
                    <a:pt x="6016" y="176"/>
                    <a:pt x="5790" y="50"/>
                    <a:pt x="5615" y="0"/>
                  </a:cubicBezTo>
                  <a:close/>
                </a:path>
              </a:pathLst>
            </a:custGeom>
            <a:solidFill>
              <a:schemeClr val="bg1"/>
            </a:solidFill>
            <a:ln>
              <a:noFill/>
            </a:ln>
          </p:spPr>
          <p:txBody>
            <a:bodyPr spcFirstLastPara="1" wrap="square" lIns="121900" tIns="121900" rIns="121900" bIns="121900" anchor="ctr" anchorCtr="0">
              <a:noAutofit/>
            </a:bodyPr>
            <a:lstStyle/>
            <a:p>
              <a:endParaRPr sz="2400"/>
            </a:p>
          </p:txBody>
        </p:sp>
        <p:sp>
          <p:nvSpPr>
            <p:cNvPr id="185" name="Google Shape;242;p16">
              <a:extLst>
                <a:ext uri="{FF2B5EF4-FFF2-40B4-BE49-F238E27FC236}">
                  <a16:creationId xmlns:a16="http://schemas.microsoft.com/office/drawing/2014/main" id="{7BFBF3CD-A8C7-271E-3A0E-17E855197456}"/>
                </a:ext>
              </a:extLst>
            </p:cNvPr>
            <p:cNvSpPr/>
            <p:nvPr/>
          </p:nvSpPr>
          <p:spPr>
            <a:xfrm>
              <a:off x="2617579" y="2105339"/>
              <a:ext cx="448430" cy="448402"/>
            </a:xfrm>
            <a:custGeom>
              <a:avLst/>
              <a:gdLst/>
              <a:ahLst/>
              <a:cxnLst/>
              <a:rect l="l" t="t" r="r" b="b"/>
              <a:pathLst>
                <a:path w="16067" h="16066" fill="none" extrusionOk="0">
                  <a:moveTo>
                    <a:pt x="15966" y="12582"/>
                  </a:moveTo>
                  <a:cubicBezTo>
                    <a:pt x="16016" y="12682"/>
                    <a:pt x="16016" y="12757"/>
                    <a:pt x="16066" y="12858"/>
                  </a:cubicBezTo>
                  <a:cubicBezTo>
                    <a:pt x="15966" y="12908"/>
                    <a:pt x="15891" y="12983"/>
                    <a:pt x="15841" y="12983"/>
                  </a:cubicBezTo>
                  <a:cubicBezTo>
                    <a:pt x="15790" y="13033"/>
                    <a:pt x="15615" y="12983"/>
                    <a:pt x="15565" y="12983"/>
                  </a:cubicBezTo>
                  <a:cubicBezTo>
                    <a:pt x="15440" y="13033"/>
                    <a:pt x="15289" y="12983"/>
                    <a:pt x="15214" y="13033"/>
                  </a:cubicBezTo>
                  <a:cubicBezTo>
                    <a:pt x="15164" y="13033"/>
                    <a:pt x="15064" y="13133"/>
                    <a:pt x="14988" y="13208"/>
                  </a:cubicBezTo>
                  <a:cubicBezTo>
                    <a:pt x="14938" y="13259"/>
                    <a:pt x="14888" y="13259"/>
                    <a:pt x="14838" y="13309"/>
                  </a:cubicBezTo>
                  <a:lnTo>
                    <a:pt x="14562" y="13309"/>
                  </a:lnTo>
                  <a:cubicBezTo>
                    <a:pt x="14487" y="13309"/>
                    <a:pt x="14387" y="13359"/>
                    <a:pt x="14337" y="13434"/>
                  </a:cubicBezTo>
                  <a:cubicBezTo>
                    <a:pt x="14262" y="13534"/>
                    <a:pt x="14337" y="13710"/>
                    <a:pt x="14262" y="13760"/>
                  </a:cubicBezTo>
                  <a:cubicBezTo>
                    <a:pt x="14262" y="13810"/>
                    <a:pt x="14161" y="13860"/>
                    <a:pt x="14161" y="13935"/>
                  </a:cubicBezTo>
                  <a:lnTo>
                    <a:pt x="14161" y="14211"/>
                  </a:lnTo>
                  <a:cubicBezTo>
                    <a:pt x="14111" y="14261"/>
                    <a:pt x="14036" y="14311"/>
                    <a:pt x="14036" y="14386"/>
                  </a:cubicBezTo>
                  <a:cubicBezTo>
                    <a:pt x="13986" y="14436"/>
                    <a:pt x="13810" y="14436"/>
                    <a:pt x="13760" y="14436"/>
                  </a:cubicBezTo>
                  <a:lnTo>
                    <a:pt x="13485" y="14436"/>
                  </a:lnTo>
                  <a:cubicBezTo>
                    <a:pt x="13434" y="14386"/>
                    <a:pt x="13309" y="14311"/>
                    <a:pt x="13259" y="14261"/>
                  </a:cubicBezTo>
                  <a:cubicBezTo>
                    <a:pt x="13209" y="14261"/>
                    <a:pt x="13033" y="14211"/>
                    <a:pt x="12933" y="14211"/>
                  </a:cubicBezTo>
                  <a:cubicBezTo>
                    <a:pt x="12858" y="14211"/>
                    <a:pt x="12758" y="14261"/>
                    <a:pt x="12708" y="14311"/>
                  </a:cubicBezTo>
                  <a:cubicBezTo>
                    <a:pt x="12632" y="14386"/>
                    <a:pt x="12582" y="14487"/>
                    <a:pt x="12582" y="14612"/>
                  </a:cubicBezTo>
                  <a:cubicBezTo>
                    <a:pt x="12532" y="14612"/>
                    <a:pt x="12482" y="14662"/>
                    <a:pt x="12482" y="14712"/>
                  </a:cubicBezTo>
                  <a:lnTo>
                    <a:pt x="12482" y="14988"/>
                  </a:lnTo>
                  <a:cubicBezTo>
                    <a:pt x="12482" y="15113"/>
                    <a:pt x="12407" y="15264"/>
                    <a:pt x="12357" y="15339"/>
                  </a:cubicBezTo>
                  <a:cubicBezTo>
                    <a:pt x="12307" y="15389"/>
                    <a:pt x="12131" y="15489"/>
                    <a:pt x="12081" y="15489"/>
                  </a:cubicBezTo>
                  <a:cubicBezTo>
                    <a:pt x="12031" y="15564"/>
                    <a:pt x="11856" y="15614"/>
                    <a:pt x="11805" y="15665"/>
                  </a:cubicBezTo>
                  <a:cubicBezTo>
                    <a:pt x="11730" y="15715"/>
                    <a:pt x="11680" y="15840"/>
                    <a:pt x="11630" y="15890"/>
                  </a:cubicBezTo>
                  <a:cubicBezTo>
                    <a:pt x="11630" y="15940"/>
                    <a:pt x="11455" y="15940"/>
                    <a:pt x="11404" y="16015"/>
                  </a:cubicBezTo>
                  <a:cubicBezTo>
                    <a:pt x="11354" y="16015"/>
                    <a:pt x="11304" y="16066"/>
                    <a:pt x="11229" y="16066"/>
                  </a:cubicBezTo>
                  <a:cubicBezTo>
                    <a:pt x="11179" y="16066"/>
                    <a:pt x="11003" y="16015"/>
                    <a:pt x="10953" y="15940"/>
                  </a:cubicBezTo>
                  <a:cubicBezTo>
                    <a:pt x="10903" y="15890"/>
                    <a:pt x="10903" y="15715"/>
                    <a:pt x="10853" y="15665"/>
                  </a:cubicBezTo>
                  <a:cubicBezTo>
                    <a:pt x="10778" y="15614"/>
                    <a:pt x="10627" y="15489"/>
                    <a:pt x="10552" y="15439"/>
                  </a:cubicBezTo>
                  <a:cubicBezTo>
                    <a:pt x="10502" y="15439"/>
                    <a:pt x="10452" y="15389"/>
                    <a:pt x="10402" y="15339"/>
                  </a:cubicBezTo>
                  <a:cubicBezTo>
                    <a:pt x="10277" y="15339"/>
                    <a:pt x="10176" y="15439"/>
                    <a:pt x="10051" y="15439"/>
                  </a:cubicBezTo>
                  <a:lnTo>
                    <a:pt x="9951" y="15439"/>
                  </a:lnTo>
                  <a:cubicBezTo>
                    <a:pt x="9951" y="15389"/>
                    <a:pt x="9951" y="15339"/>
                    <a:pt x="9876" y="15264"/>
                  </a:cubicBezTo>
                  <a:cubicBezTo>
                    <a:pt x="9876" y="15213"/>
                    <a:pt x="9825" y="15063"/>
                    <a:pt x="9825" y="14988"/>
                  </a:cubicBezTo>
                  <a:lnTo>
                    <a:pt x="9825" y="14712"/>
                  </a:lnTo>
                  <a:cubicBezTo>
                    <a:pt x="9876" y="14712"/>
                    <a:pt x="9951" y="14662"/>
                    <a:pt x="9951" y="14612"/>
                  </a:cubicBezTo>
                  <a:cubicBezTo>
                    <a:pt x="10001" y="14537"/>
                    <a:pt x="10101" y="14311"/>
                    <a:pt x="10101" y="14261"/>
                  </a:cubicBezTo>
                  <a:cubicBezTo>
                    <a:pt x="10101" y="14161"/>
                    <a:pt x="9951" y="14086"/>
                    <a:pt x="9876" y="13985"/>
                  </a:cubicBezTo>
                  <a:cubicBezTo>
                    <a:pt x="9825" y="13935"/>
                    <a:pt x="9951" y="13760"/>
                    <a:pt x="9876" y="13710"/>
                  </a:cubicBezTo>
                  <a:cubicBezTo>
                    <a:pt x="9825" y="13634"/>
                    <a:pt x="9675" y="13634"/>
                    <a:pt x="9600" y="13634"/>
                  </a:cubicBezTo>
                  <a:cubicBezTo>
                    <a:pt x="9550" y="13634"/>
                    <a:pt x="9449" y="13810"/>
                    <a:pt x="9374" y="13860"/>
                  </a:cubicBezTo>
                  <a:cubicBezTo>
                    <a:pt x="9324" y="13935"/>
                    <a:pt x="9324" y="13985"/>
                    <a:pt x="9274" y="14035"/>
                  </a:cubicBezTo>
                  <a:cubicBezTo>
                    <a:pt x="9224" y="14035"/>
                    <a:pt x="8998" y="13985"/>
                    <a:pt x="8923" y="13935"/>
                  </a:cubicBezTo>
                  <a:cubicBezTo>
                    <a:pt x="8873" y="13860"/>
                    <a:pt x="8823" y="13634"/>
                    <a:pt x="8823" y="13584"/>
                  </a:cubicBezTo>
                  <a:cubicBezTo>
                    <a:pt x="8773" y="13484"/>
                    <a:pt x="8773" y="13309"/>
                    <a:pt x="8698" y="13259"/>
                  </a:cubicBezTo>
                  <a:cubicBezTo>
                    <a:pt x="8698" y="13208"/>
                    <a:pt x="8597" y="13133"/>
                    <a:pt x="8547" y="13083"/>
                  </a:cubicBezTo>
                  <a:cubicBezTo>
                    <a:pt x="8472" y="13033"/>
                    <a:pt x="8322" y="12983"/>
                    <a:pt x="8196" y="12983"/>
                  </a:cubicBezTo>
                  <a:cubicBezTo>
                    <a:pt x="8146" y="12983"/>
                    <a:pt x="8096" y="13033"/>
                    <a:pt x="8046" y="13033"/>
                  </a:cubicBezTo>
                  <a:cubicBezTo>
                    <a:pt x="7971" y="13083"/>
                    <a:pt x="7971" y="13259"/>
                    <a:pt x="7921" y="13309"/>
                  </a:cubicBezTo>
                  <a:cubicBezTo>
                    <a:pt x="7921" y="13359"/>
                    <a:pt x="7820" y="13434"/>
                    <a:pt x="7745" y="13359"/>
                  </a:cubicBezTo>
                  <a:cubicBezTo>
                    <a:pt x="7645" y="13359"/>
                    <a:pt x="7470" y="13208"/>
                    <a:pt x="7419" y="13133"/>
                  </a:cubicBezTo>
                  <a:cubicBezTo>
                    <a:pt x="7369" y="13033"/>
                    <a:pt x="7294" y="12807"/>
                    <a:pt x="7244" y="12682"/>
                  </a:cubicBezTo>
                  <a:cubicBezTo>
                    <a:pt x="7194" y="12582"/>
                    <a:pt x="7069" y="12406"/>
                    <a:pt x="7018" y="12306"/>
                  </a:cubicBezTo>
                  <a:cubicBezTo>
                    <a:pt x="7018" y="12181"/>
                    <a:pt x="6968" y="11905"/>
                    <a:pt x="6968" y="11730"/>
                  </a:cubicBezTo>
                  <a:cubicBezTo>
                    <a:pt x="7018" y="11629"/>
                    <a:pt x="7069" y="11454"/>
                    <a:pt x="7069" y="11354"/>
                  </a:cubicBezTo>
                  <a:cubicBezTo>
                    <a:pt x="7069" y="11279"/>
                    <a:pt x="7018" y="11178"/>
                    <a:pt x="7018" y="11053"/>
                  </a:cubicBezTo>
                  <a:cubicBezTo>
                    <a:pt x="6968" y="11003"/>
                    <a:pt x="6918" y="10903"/>
                    <a:pt x="6843" y="10827"/>
                  </a:cubicBezTo>
                  <a:cubicBezTo>
                    <a:pt x="6793" y="10777"/>
                    <a:pt x="6617" y="10677"/>
                    <a:pt x="6567" y="10552"/>
                  </a:cubicBezTo>
                  <a:lnTo>
                    <a:pt x="6567" y="10176"/>
                  </a:lnTo>
                  <a:cubicBezTo>
                    <a:pt x="6567" y="10050"/>
                    <a:pt x="6693" y="9875"/>
                    <a:pt x="6693" y="9825"/>
                  </a:cubicBezTo>
                  <a:cubicBezTo>
                    <a:pt x="6693" y="9725"/>
                    <a:pt x="6743" y="9549"/>
                    <a:pt x="6693" y="9424"/>
                  </a:cubicBezTo>
                  <a:cubicBezTo>
                    <a:pt x="6693" y="9324"/>
                    <a:pt x="6517" y="9148"/>
                    <a:pt x="6392" y="9098"/>
                  </a:cubicBezTo>
                  <a:cubicBezTo>
                    <a:pt x="6342" y="9048"/>
                    <a:pt x="6191" y="8923"/>
                    <a:pt x="6116" y="8873"/>
                  </a:cubicBezTo>
                  <a:cubicBezTo>
                    <a:pt x="6066" y="8747"/>
                    <a:pt x="5966" y="8647"/>
                    <a:pt x="5966" y="8547"/>
                  </a:cubicBezTo>
                  <a:cubicBezTo>
                    <a:pt x="5891" y="8371"/>
                    <a:pt x="5891" y="7970"/>
                    <a:pt x="5840" y="7795"/>
                  </a:cubicBezTo>
                  <a:cubicBezTo>
                    <a:pt x="5790" y="7745"/>
                    <a:pt x="5740" y="7644"/>
                    <a:pt x="5665" y="7569"/>
                  </a:cubicBezTo>
                  <a:cubicBezTo>
                    <a:pt x="5665" y="7519"/>
                    <a:pt x="5565" y="7419"/>
                    <a:pt x="5515" y="7344"/>
                  </a:cubicBezTo>
                  <a:cubicBezTo>
                    <a:pt x="5515" y="7294"/>
                    <a:pt x="5565" y="7193"/>
                    <a:pt x="5615" y="7118"/>
                  </a:cubicBezTo>
                  <a:cubicBezTo>
                    <a:pt x="5615" y="7018"/>
                    <a:pt x="5790" y="6918"/>
                    <a:pt x="5790" y="6792"/>
                  </a:cubicBezTo>
                  <a:cubicBezTo>
                    <a:pt x="5790" y="6742"/>
                    <a:pt x="5790" y="6567"/>
                    <a:pt x="5740" y="6517"/>
                  </a:cubicBezTo>
                  <a:cubicBezTo>
                    <a:pt x="5665" y="6467"/>
                    <a:pt x="5565" y="6341"/>
                    <a:pt x="5515" y="6341"/>
                  </a:cubicBezTo>
                  <a:cubicBezTo>
                    <a:pt x="5389" y="6341"/>
                    <a:pt x="5289" y="6391"/>
                    <a:pt x="5214" y="6467"/>
                  </a:cubicBezTo>
                  <a:cubicBezTo>
                    <a:pt x="5164" y="6517"/>
                    <a:pt x="5164" y="6692"/>
                    <a:pt x="5114" y="6742"/>
                  </a:cubicBezTo>
                  <a:cubicBezTo>
                    <a:pt x="4988" y="6792"/>
                    <a:pt x="4763" y="6792"/>
                    <a:pt x="4662" y="6792"/>
                  </a:cubicBezTo>
                  <a:cubicBezTo>
                    <a:pt x="4612" y="6792"/>
                    <a:pt x="4437" y="6692"/>
                    <a:pt x="4337" y="6617"/>
                  </a:cubicBezTo>
                  <a:cubicBezTo>
                    <a:pt x="4261" y="6517"/>
                    <a:pt x="4211" y="6241"/>
                    <a:pt x="4111" y="6166"/>
                  </a:cubicBezTo>
                  <a:cubicBezTo>
                    <a:pt x="4036" y="6066"/>
                    <a:pt x="3886" y="6015"/>
                    <a:pt x="3760" y="5940"/>
                  </a:cubicBezTo>
                  <a:cubicBezTo>
                    <a:pt x="3760" y="5890"/>
                    <a:pt x="3585" y="5840"/>
                    <a:pt x="3585" y="5840"/>
                  </a:cubicBezTo>
                  <a:cubicBezTo>
                    <a:pt x="3535" y="5715"/>
                    <a:pt x="3485" y="5489"/>
                    <a:pt x="3434" y="5439"/>
                  </a:cubicBezTo>
                  <a:lnTo>
                    <a:pt x="3134" y="5439"/>
                  </a:lnTo>
                  <a:cubicBezTo>
                    <a:pt x="3033" y="5439"/>
                    <a:pt x="2858" y="5439"/>
                    <a:pt x="2758" y="5489"/>
                  </a:cubicBezTo>
                  <a:cubicBezTo>
                    <a:pt x="2708" y="5564"/>
                    <a:pt x="2632" y="5715"/>
                    <a:pt x="2532" y="5790"/>
                  </a:cubicBezTo>
                  <a:cubicBezTo>
                    <a:pt x="2482" y="5840"/>
                    <a:pt x="2357" y="5840"/>
                    <a:pt x="2307" y="5840"/>
                  </a:cubicBezTo>
                  <a:cubicBezTo>
                    <a:pt x="2181" y="5790"/>
                    <a:pt x="2031" y="5614"/>
                    <a:pt x="2031" y="5489"/>
                  </a:cubicBezTo>
                  <a:cubicBezTo>
                    <a:pt x="1956" y="5389"/>
                    <a:pt x="2081" y="5213"/>
                    <a:pt x="2131" y="5163"/>
                  </a:cubicBezTo>
                  <a:cubicBezTo>
                    <a:pt x="2131" y="5113"/>
                    <a:pt x="2256" y="5063"/>
                    <a:pt x="2256" y="4988"/>
                  </a:cubicBezTo>
                  <a:cubicBezTo>
                    <a:pt x="2307" y="4888"/>
                    <a:pt x="2256" y="4712"/>
                    <a:pt x="2181" y="4662"/>
                  </a:cubicBezTo>
                  <a:cubicBezTo>
                    <a:pt x="2131" y="4612"/>
                    <a:pt x="1956" y="4537"/>
                    <a:pt x="1906" y="4537"/>
                  </a:cubicBezTo>
                  <a:cubicBezTo>
                    <a:pt x="1805" y="4537"/>
                    <a:pt x="1630" y="4537"/>
                    <a:pt x="1580" y="4612"/>
                  </a:cubicBezTo>
                  <a:cubicBezTo>
                    <a:pt x="1505" y="4612"/>
                    <a:pt x="1505" y="4712"/>
                    <a:pt x="1454" y="4712"/>
                  </a:cubicBezTo>
                  <a:cubicBezTo>
                    <a:pt x="1404" y="4762"/>
                    <a:pt x="1229" y="4837"/>
                    <a:pt x="1129" y="4837"/>
                  </a:cubicBezTo>
                  <a:cubicBezTo>
                    <a:pt x="1079" y="4837"/>
                    <a:pt x="1003" y="4762"/>
                    <a:pt x="903" y="4762"/>
                  </a:cubicBezTo>
                  <a:cubicBezTo>
                    <a:pt x="953" y="4712"/>
                    <a:pt x="953" y="4662"/>
                    <a:pt x="953" y="4612"/>
                  </a:cubicBezTo>
                  <a:cubicBezTo>
                    <a:pt x="953" y="4487"/>
                    <a:pt x="853" y="4386"/>
                    <a:pt x="853" y="4261"/>
                  </a:cubicBezTo>
                  <a:cubicBezTo>
                    <a:pt x="853" y="4211"/>
                    <a:pt x="953" y="3985"/>
                    <a:pt x="953" y="3985"/>
                  </a:cubicBezTo>
                  <a:cubicBezTo>
                    <a:pt x="953" y="3985"/>
                    <a:pt x="1229" y="3985"/>
                    <a:pt x="1304" y="3860"/>
                  </a:cubicBezTo>
                  <a:cubicBezTo>
                    <a:pt x="1354" y="3860"/>
                    <a:pt x="1404" y="3710"/>
                    <a:pt x="1404" y="3584"/>
                  </a:cubicBezTo>
                  <a:cubicBezTo>
                    <a:pt x="1454" y="3584"/>
                    <a:pt x="1580" y="3534"/>
                    <a:pt x="1580" y="3484"/>
                  </a:cubicBezTo>
                  <a:cubicBezTo>
                    <a:pt x="1630" y="3484"/>
                    <a:pt x="1680" y="3434"/>
                    <a:pt x="1680" y="3359"/>
                  </a:cubicBezTo>
                  <a:cubicBezTo>
                    <a:pt x="1680" y="3258"/>
                    <a:pt x="1580" y="3133"/>
                    <a:pt x="1505" y="3083"/>
                  </a:cubicBezTo>
                  <a:cubicBezTo>
                    <a:pt x="1454" y="3033"/>
                    <a:pt x="1354" y="2983"/>
                    <a:pt x="1354" y="2908"/>
                  </a:cubicBezTo>
                  <a:cubicBezTo>
                    <a:pt x="1304" y="2908"/>
                    <a:pt x="1179" y="2807"/>
                    <a:pt x="1129" y="2807"/>
                  </a:cubicBezTo>
                  <a:cubicBezTo>
                    <a:pt x="1079" y="2757"/>
                    <a:pt x="953" y="2682"/>
                    <a:pt x="903" y="2682"/>
                  </a:cubicBezTo>
                  <a:lnTo>
                    <a:pt x="552" y="2682"/>
                  </a:lnTo>
                  <a:cubicBezTo>
                    <a:pt x="502" y="2757"/>
                    <a:pt x="502" y="2807"/>
                    <a:pt x="452" y="2857"/>
                  </a:cubicBezTo>
                  <a:cubicBezTo>
                    <a:pt x="402" y="2857"/>
                    <a:pt x="226" y="2908"/>
                    <a:pt x="176" y="2908"/>
                  </a:cubicBezTo>
                  <a:cubicBezTo>
                    <a:pt x="101" y="2857"/>
                    <a:pt x="51" y="2857"/>
                    <a:pt x="1" y="2807"/>
                  </a:cubicBezTo>
                  <a:cubicBezTo>
                    <a:pt x="1" y="2682"/>
                    <a:pt x="1" y="2532"/>
                    <a:pt x="51" y="2456"/>
                  </a:cubicBezTo>
                  <a:cubicBezTo>
                    <a:pt x="51" y="2356"/>
                    <a:pt x="176" y="2181"/>
                    <a:pt x="226" y="2081"/>
                  </a:cubicBezTo>
                  <a:cubicBezTo>
                    <a:pt x="226" y="1955"/>
                    <a:pt x="277" y="1805"/>
                    <a:pt x="226" y="1680"/>
                  </a:cubicBezTo>
                  <a:cubicBezTo>
                    <a:pt x="226" y="1579"/>
                    <a:pt x="101" y="1354"/>
                    <a:pt x="101" y="1228"/>
                  </a:cubicBezTo>
                  <a:cubicBezTo>
                    <a:pt x="101" y="1128"/>
                    <a:pt x="176" y="903"/>
                    <a:pt x="226" y="727"/>
                  </a:cubicBezTo>
                  <a:cubicBezTo>
                    <a:pt x="277" y="677"/>
                    <a:pt x="402" y="502"/>
                    <a:pt x="452" y="502"/>
                  </a:cubicBezTo>
                  <a:cubicBezTo>
                    <a:pt x="552" y="502"/>
                    <a:pt x="678" y="677"/>
                    <a:pt x="728" y="777"/>
                  </a:cubicBezTo>
                  <a:cubicBezTo>
                    <a:pt x="728" y="827"/>
                    <a:pt x="678" y="953"/>
                    <a:pt x="728" y="1003"/>
                  </a:cubicBezTo>
                  <a:cubicBezTo>
                    <a:pt x="778" y="1053"/>
                    <a:pt x="1003" y="1053"/>
                    <a:pt x="1079" y="1003"/>
                  </a:cubicBezTo>
                  <a:cubicBezTo>
                    <a:pt x="1129" y="953"/>
                    <a:pt x="1179" y="777"/>
                    <a:pt x="1179" y="727"/>
                  </a:cubicBezTo>
                  <a:cubicBezTo>
                    <a:pt x="1229" y="677"/>
                    <a:pt x="1179" y="502"/>
                    <a:pt x="1229" y="451"/>
                  </a:cubicBezTo>
                  <a:cubicBezTo>
                    <a:pt x="1304" y="376"/>
                    <a:pt x="1404" y="552"/>
                    <a:pt x="1505" y="552"/>
                  </a:cubicBezTo>
                  <a:cubicBezTo>
                    <a:pt x="1630" y="552"/>
                    <a:pt x="1906" y="502"/>
                    <a:pt x="2031" y="451"/>
                  </a:cubicBezTo>
                  <a:lnTo>
                    <a:pt x="2031" y="552"/>
                  </a:lnTo>
                  <a:cubicBezTo>
                    <a:pt x="2031" y="602"/>
                    <a:pt x="1906" y="677"/>
                    <a:pt x="1956" y="727"/>
                  </a:cubicBezTo>
                  <a:cubicBezTo>
                    <a:pt x="1956" y="777"/>
                    <a:pt x="2031" y="827"/>
                    <a:pt x="2081" y="827"/>
                  </a:cubicBezTo>
                  <a:cubicBezTo>
                    <a:pt x="2131" y="903"/>
                    <a:pt x="2256" y="903"/>
                    <a:pt x="2307" y="903"/>
                  </a:cubicBezTo>
                  <a:cubicBezTo>
                    <a:pt x="2357" y="953"/>
                    <a:pt x="2482" y="1053"/>
                    <a:pt x="2582" y="1053"/>
                  </a:cubicBezTo>
                  <a:cubicBezTo>
                    <a:pt x="2632" y="1053"/>
                    <a:pt x="2808" y="1128"/>
                    <a:pt x="2858" y="1053"/>
                  </a:cubicBezTo>
                  <a:cubicBezTo>
                    <a:pt x="2933" y="1053"/>
                    <a:pt x="2933" y="953"/>
                    <a:pt x="2933" y="903"/>
                  </a:cubicBezTo>
                  <a:cubicBezTo>
                    <a:pt x="2933" y="827"/>
                    <a:pt x="3033" y="777"/>
                    <a:pt x="3084" y="727"/>
                  </a:cubicBezTo>
                  <a:lnTo>
                    <a:pt x="3084" y="602"/>
                  </a:lnTo>
                  <a:cubicBezTo>
                    <a:pt x="3084" y="602"/>
                    <a:pt x="3134" y="602"/>
                    <a:pt x="3134" y="677"/>
                  </a:cubicBezTo>
                  <a:cubicBezTo>
                    <a:pt x="3209" y="727"/>
                    <a:pt x="3209" y="903"/>
                    <a:pt x="3259" y="953"/>
                  </a:cubicBezTo>
                  <a:cubicBezTo>
                    <a:pt x="3359" y="1053"/>
                    <a:pt x="3660" y="1003"/>
                    <a:pt x="3710" y="1128"/>
                  </a:cubicBezTo>
                  <a:cubicBezTo>
                    <a:pt x="3760" y="1178"/>
                    <a:pt x="3760" y="1279"/>
                    <a:pt x="3760" y="1354"/>
                  </a:cubicBezTo>
                  <a:cubicBezTo>
                    <a:pt x="3810" y="1454"/>
                    <a:pt x="3760" y="1680"/>
                    <a:pt x="3760" y="1730"/>
                  </a:cubicBezTo>
                  <a:cubicBezTo>
                    <a:pt x="3810" y="1855"/>
                    <a:pt x="4036" y="2081"/>
                    <a:pt x="4161" y="2081"/>
                  </a:cubicBezTo>
                  <a:cubicBezTo>
                    <a:pt x="4337" y="2081"/>
                    <a:pt x="4487" y="1855"/>
                    <a:pt x="4612" y="1805"/>
                  </a:cubicBezTo>
                  <a:cubicBezTo>
                    <a:pt x="4662" y="1730"/>
                    <a:pt x="4713" y="1504"/>
                    <a:pt x="4763" y="1454"/>
                  </a:cubicBezTo>
                  <a:cubicBezTo>
                    <a:pt x="4888" y="1404"/>
                    <a:pt x="5114" y="1354"/>
                    <a:pt x="5214" y="1228"/>
                  </a:cubicBezTo>
                  <a:cubicBezTo>
                    <a:pt x="5289" y="1178"/>
                    <a:pt x="5339" y="953"/>
                    <a:pt x="5339" y="827"/>
                  </a:cubicBezTo>
                  <a:cubicBezTo>
                    <a:pt x="5389" y="727"/>
                    <a:pt x="5289" y="451"/>
                    <a:pt x="5289" y="326"/>
                  </a:cubicBezTo>
                  <a:cubicBezTo>
                    <a:pt x="5289" y="226"/>
                    <a:pt x="5289" y="101"/>
                    <a:pt x="5339" y="0"/>
                  </a:cubicBezTo>
                  <a:lnTo>
                    <a:pt x="5615" y="0"/>
                  </a:lnTo>
                  <a:cubicBezTo>
                    <a:pt x="5790" y="50"/>
                    <a:pt x="6016" y="176"/>
                    <a:pt x="6116" y="226"/>
                  </a:cubicBezTo>
                  <a:cubicBezTo>
                    <a:pt x="6342" y="326"/>
                    <a:pt x="6743" y="727"/>
                    <a:pt x="6918" y="953"/>
                  </a:cubicBezTo>
                  <a:cubicBezTo>
                    <a:pt x="7069" y="1053"/>
                    <a:pt x="7369" y="1279"/>
                    <a:pt x="7520" y="1404"/>
                  </a:cubicBezTo>
                  <a:cubicBezTo>
                    <a:pt x="7695" y="1504"/>
                    <a:pt x="8146" y="1730"/>
                    <a:pt x="8372" y="1905"/>
                  </a:cubicBezTo>
                  <a:cubicBezTo>
                    <a:pt x="8472" y="2005"/>
                    <a:pt x="8698" y="2356"/>
                    <a:pt x="8873" y="2456"/>
                  </a:cubicBezTo>
                  <a:cubicBezTo>
                    <a:pt x="8923" y="2532"/>
                    <a:pt x="9149" y="2632"/>
                    <a:pt x="9274" y="2682"/>
                  </a:cubicBezTo>
                  <a:cubicBezTo>
                    <a:pt x="9374" y="2757"/>
                    <a:pt x="9550" y="2908"/>
                    <a:pt x="9675" y="2983"/>
                  </a:cubicBezTo>
                  <a:cubicBezTo>
                    <a:pt x="9725" y="3083"/>
                    <a:pt x="9876" y="3258"/>
                    <a:pt x="9951" y="3309"/>
                  </a:cubicBezTo>
                  <a:cubicBezTo>
                    <a:pt x="10101" y="3434"/>
                    <a:pt x="10402" y="3584"/>
                    <a:pt x="10552" y="3634"/>
                  </a:cubicBezTo>
                  <a:cubicBezTo>
                    <a:pt x="10627" y="3710"/>
                    <a:pt x="10853" y="3760"/>
                    <a:pt x="10953" y="3810"/>
                  </a:cubicBezTo>
                  <a:cubicBezTo>
                    <a:pt x="11129" y="3860"/>
                    <a:pt x="11404" y="4086"/>
                    <a:pt x="11580" y="4086"/>
                  </a:cubicBezTo>
                  <a:cubicBezTo>
                    <a:pt x="11630" y="4035"/>
                    <a:pt x="11680" y="3860"/>
                    <a:pt x="11730" y="3810"/>
                  </a:cubicBezTo>
                  <a:cubicBezTo>
                    <a:pt x="11856" y="3810"/>
                    <a:pt x="12031" y="3810"/>
                    <a:pt x="12081" y="3860"/>
                  </a:cubicBezTo>
                  <a:cubicBezTo>
                    <a:pt x="12131" y="3860"/>
                    <a:pt x="12307" y="3985"/>
                    <a:pt x="12357" y="4035"/>
                  </a:cubicBezTo>
                  <a:cubicBezTo>
                    <a:pt x="12357" y="4086"/>
                    <a:pt x="12357" y="4211"/>
                    <a:pt x="12407" y="4261"/>
                  </a:cubicBezTo>
                  <a:cubicBezTo>
                    <a:pt x="12482" y="4386"/>
                    <a:pt x="12582" y="4436"/>
                    <a:pt x="12708" y="4487"/>
                  </a:cubicBezTo>
                  <a:cubicBezTo>
                    <a:pt x="12758" y="4537"/>
                    <a:pt x="12983" y="4662"/>
                    <a:pt x="12983" y="4712"/>
                  </a:cubicBezTo>
                  <a:cubicBezTo>
                    <a:pt x="13033" y="4837"/>
                    <a:pt x="12933" y="4988"/>
                    <a:pt x="12933" y="5113"/>
                  </a:cubicBezTo>
                  <a:cubicBezTo>
                    <a:pt x="12933" y="5213"/>
                    <a:pt x="12983" y="5389"/>
                    <a:pt x="13033" y="5439"/>
                  </a:cubicBezTo>
                  <a:cubicBezTo>
                    <a:pt x="13084" y="5614"/>
                    <a:pt x="13309" y="5790"/>
                    <a:pt x="13359" y="5940"/>
                  </a:cubicBezTo>
                  <a:cubicBezTo>
                    <a:pt x="13485" y="6066"/>
                    <a:pt x="13485" y="6391"/>
                    <a:pt x="13485" y="6517"/>
                  </a:cubicBezTo>
                  <a:cubicBezTo>
                    <a:pt x="13585" y="6692"/>
                    <a:pt x="13760" y="7068"/>
                    <a:pt x="13886" y="7243"/>
                  </a:cubicBezTo>
                  <a:cubicBezTo>
                    <a:pt x="13936" y="7344"/>
                    <a:pt x="14111" y="7519"/>
                    <a:pt x="14161" y="7644"/>
                  </a:cubicBezTo>
                  <a:cubicBezTo>
                    <a:pt x="14262" y="7870"/>
                    <a:pt x="14387" y="8371"/>
                    <a:pt x="14487" y="8597"/>
                  </a:cubicBezTo>
                  <a:cubicBezTo>
                    <a:pt x="14612" y="8923"/>
                    <a:pt x="14938" y="9499"/>
                    <a:pt x="15064" y="9825"/>
                  </a:cubicBezTo>
                  <a:cubicBezTo>
                    <a:pt x="15114" y="9950"/>
                    <a:pt x="15214" y="10226"/>
                    <a:pt x="15214" y="10376"/>
                  </a:cubicBezTo>
                  <a:cubicBezTo>
                    <a:pt x="15289" y="10502"/>
                    <a:pt x="15214" y="10827"/>
                    <a:pt x="15289" y="10953"/>
                  </a:cubicBezTo>
                  <a:cubicBezTo>
                    <a:pt x="15289" y="11178"/>
                    <a:pt x="15440" y="11504"/>
                    <a:pt x="15515" y="11629"/>
                  </a:cubicBezTo>
                  <a:cubicBezTo>
                    <a:pt x="15615" y="11905"/>
                    <a:pt x="15891" y="12356"/>
                    <a:pt x="15966" y="12582"/>
                  </a:cubicBezTo>
                  <a:close/>
                </a:path>
              </a:pathLst>
            </a:custGeom>
            <a:noFill/>
            <a:ln w="7525" cap="flat" cmpd="sng">
              <a:solidFill>
                <a:srgbClr val="110502"/>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186" name="Google Shape;243;p16">
              <a:extLst>
                <a:ext uri="{FF2B5EF4-FFF2-40B4-BE49-F238E27FC236}">
                  <a16:creationId xmlns:a16="http://schemas.microsoft.com/office/drawing/2014/main" id="{19CB44AD-9742-7548-3035-E83716CA2EA9}"/>
                </a:ext>
              </a:extLst>
            </p:cNvPr>
            <p:cNvSpPr/>
            <p:nvPr/>
          </p:nvSpPr>
          <p:spPr>
            <a:xfrm>
              <a:off x="2569322" y="2231241"/>
              <a:ext cx="330203" cy="444216"/>
            </a:xfrm>
            <a:custGeom>
              <a:avLst/>
              <a:gdLst/>
              <a:ahLst/>
              <a:cxnLst/>
              <a:rect l="l" t="t" r="r" b="b"/>
              <a:pathLst>
                <a:path w="11831" h="15916" extrusionOk="0">
                  <a:moveTo>
                    <a:pt x="11655" y="10953"/>
                  </a:moveTo>
                  <a:cubicBezTo>
                    <a:pt x="11655" y="11053"/>
                    <a:pt x="11605" y="11179"/>
                    <a:pt x="11605" y="11229"/>
                  </a:cubicBezTo>
                  <a:cubicBezTo>
                    <a:pt x="11605" y="11279"/>
                    <a:pt x="11429" y="11404"/>
                    <a:pt x="11429" y="11454"/>
                  </a:cubicBezTo>
                  <a:cubicBezTo>
                    <a:pt x="11379" y="11555"/>
                    <a:pt x="11329" y="11730"/>
                    <a:pt x="11329" y="11855"/>
                  </a:cubicBezTo>
                  <a:cubicBezTo>
                    <a:pt x="11279" y="11905"/>
                    <a:pt x="11204" y="12081"/>
                    <a:pt x="11153" y="12081"/>
                  </a:cubicBezTo>
                  <a:cubicBezTo>
                    <a:pt x="11053" y="12131"/>
                    <a:pt x="10828" y="12006"/>
                    <a:pt x="10702" y="12006"/>
                  </a:cubicBezTo>
                  <a:cubicBezTo>
                    <a:pt x="10527" y="12006"/>
                    <a:pt x="10251" y="12081"/>
                    <a:pt x="10151" y="12181"/>
                  </a:cubicBezTo>
                  <a:cubicBezTo>
                    <a:pt x="10076" y="12231"/>
                    <a:pt x="9975" y="12357"/>
                    <a:pt x="9925" y="12457"/>
                  </a:cubicBezTo>
                  <a:cubicBezTo>
                    <a:pt x="9925" y="12532"/>
                    <a:pt x="9850" y="12632"/>
                    <a:pt x="9850" y="12682"/>
                  </a:cubicBezTo>
                  <a:cubicBezTo>
                    <a:pt x="9800" y="12758"/>
                    <a:pt x="9700" y="12858"/>
                    <a:pt x="9625" y="12858"/>
                  </a:cubicBezTo>
                  <a:cubicBezTo>
                    <a:pt x="9524" y="12858"/>
                    <a:pt x="9474" y="12682"/>
                    <a:pt x="9399" y="12632"/>
                  </a:cubicBezTo>
                  <a:cubicBezTo>
                    <a:pt x="9349" y="12582"/>
                    <a:pt x="9249" y="12532"/>
                    <a:pt x="9173" y="12532"/>
                  </a:cubicBezTo>
                  <a:cubicBezTo>
                    <a:pt x="9123" y="12532"/>
                    <a:pt x="9023" y="12632"/>
                    <a:pt x="9023" y="12632"/>
                  </a:cubicBezTo>
                  <a:cubicBezTo>
                    <a:pt x="8948" y="12758"/>
                    <a:pt x="8948" y="12983"/>
                    <a:pt x="8848" y="13083"/>
                  </a:cubicBezTo>
                  <a:cubicBezTo>
                    <a:pt x="8798" y="13134"/>
                    <a:pt x="8572" y="13259"/>
                    <a:pt x="8522" y="13309"/>
                  </a:cubicBezTo>
                  <a:cubicBezTo>
                    <a:pt x="8447" y="13359"/>
                    <a:pt x="8447" y="13535"/>
                    <a:pt x="8397" y="13585"/>
                  </a:cubicBezTo>
                  <a:cubicBezTo>
                    <a:pt x="8346" y="13660"/>
                    <a:pt x="8171" y="13710"/>
                    <a:pt x="8121" y="13760"/>
                  </a:cubicBezTo>
                  <a:cubicBezTo>
                    <a:pt x="8071" y="13760"/>
                    <a:pt x="7895" y="13660"/>
                    <a:pt x="7845" y="13660"/>
                  </a:cubicBezTo>
                  <a:cubicBezTo>
                    <a:pt x="7770" y="13660"/>
                    <a:pt x="7620" y="13710"/>
                    <a:pt x="7544" y="13760"/>
                  </a:cubicBezTo>
                  <a:cubicBezTo>
                    <a:pt x="7494" y="13760"/>
                    <a:pt x="7444" y="13885"/>
                    <a:pt x="7444" y="13936"/>
                  </a:cubicBezTo>
                  <a:cubicBezTo>
                    <a:pt x="7444" y="13986"/>
                    <a:pt x="7494" y="14161"/>
                    <a:pt x="7494" y="14211"/>
                  </a:cubicBezTo>
                  <a:cubicBezTo>
                    <a:pt x="7544" y="14261"/>
                    <a:pt x="7620" y="14387"/>
                    <a:pt x="7620" y="14487"/>
                  </a:cubicBezTo>
                  <a:cubicBezTo>
                    <a:pt x="7620" y="14562"/>
                    <a:pt x="7544" y="14662"/>
                    <a:pt x="7494" y="14712"/>
                  </a:cubicBezTo>
                  <a:cubicBezTo>
                    <a:pt x="7444" y="14788"/>
                    <a:pt x="7269" y="14788"/>
                    <a:pt x="7219" y="14788"/>
                  </a:cubicBezTo>
                  <a:cubicBezTo>
                    <a:pt x="7168" y="14788"/>
                    <a:pt x="7043" y="14662"/>
                    <a:pt x="6993" y="14662"/>
                  </a:cubicBezTo>
                  <a:cubicBezTo>
                    <a:pt x="6943" y="14662"/>
                    <a:pt x="6767" y="14662"/>
                    <a:pt x="6767" y="14712"/>
                  </a:cubicBezTo>
                  <a:cubicBezTo>
                    <a:pt x="6717" y="14788"/>
                    <a:pt x="6642" y="15013"/>
                    <a:pt x="6642" y="15063"/>
                  </a:cubicBezTo>
                  <a:cubicBezTo>
                    <a:pt x="6642" y="15113"/>
                    <a:pt x="6717" y="15239"/>
                    <a:pt x="6717" y="15289"/>
                  </a:cubicBezTo>
                  <a:cubicBezTo>
                    <a:pt x="6717" y="15339"/>
                    <a:pt x="6592" y="15464"/>
                    <a:pt x="6542" y="15514"/>
                  </a:cubicBezTo>
                  <a:cubicBezTo>
                    <a:pt x="6492" y="15565"/>
                    <a:pt x="6266" y="15615"/>
                    <a:pt x="6141" y="15690"/>
                  </a:cubicBezTo>
                  <a:cubicBezTo>
                    <a:pt x="6091" y="15740"/>
                    <a:pt x="6041" y="15840"/>
                    <a:pt x="5965" y="15915"/>
                  </a:cubicBezTo>
                  <a:cubicBezTo>
                    <a:pt x="5915" y="15915"/>
                    <a:pt x="5740" y="15915"/>
                    <a:pt x="5690" y="15840"/>
                  </a:cubicBezTo>
                  <a:cubicBezTo>
                    <a:pt x="5640" y="15840"/>
                    <a:pt x="5589" y="15690"/>
                    <a:pt x="5640" y="15615"/>
                  </a:cubicBezTo>
                  <a:cubicBezTo>
                    <a:pt x="5640" y="15565"/>
                    <a:pt x="5690" y="15464"/>
                    <a:pt x="5690" y="15389"/>
                  </a:cubicBezTo>
                  <a:cubicBezTo>
                    <a:pt x="5740" y="15339"/>
                    <a:pt x="5690" y="15164"/>
                    <a:pt x="5640" y="15113"/>
                  </a:cubicBezTo>
                  <a:cubicBezTo>
                    <a:pt x="5589" y="15113"/>
                    <a:pt x="5414" y="15113"/>
                    <a:pt x="5364" y="15164"/>
                  </a:cubicBezTo>
                  <a:cubicBezTo>
                    <a:pt x="5289" y="15164"/>
                    <a:pt x="5239" y="15339"/>
                    <a:pt x="5188" y="15339"/>
                  </a:cubicBezTo>
                  <a:cubicBezTo>
                    <a:pt x="5138" y="15339"/>
                    <a:pt x="4963" y="15239"/>
                    <a:pt x="4963" y="15164"/>
                  </a:cubicBezTo>
                  <a:cubicBezTo>
                    <a:pt x="4913" y="15113"/>
                    <a:pt x="4913" y="15013"/>
                    <a:pt x="4913" y="14938"/>
                  </a:cubicBezTo>
                  <a:cubicBezTo>
                    <a:pt x="4913" y="14888"/>
                    <a:pt x="5013" y="14838"/>
                    <a:pt x="5013" y="14788"/>
                  </a:cubicBezTo>
                  <a:cubicBezTo>
                    <a:pt x="5088" y="14712"/>
                    <a:pt x="5088" y="14562"/>
                    <a:pt x="5088" y="14487"/>
                  </a:cubicBezTo>
                  <a:cubicBezTo>
                    <a:pt x="5013" y="14437"/>
                    <a:pt x="5013" y="14337"/>
                    <a:pt x="4963" y="14261"/>
                  </a:cubicBezTo>
                  <a:cubicBezTo>
                    <a:pt x="4913" y="14211"/>
                    <a:pt x="4737" y="14211"/>
                    <a:pt x="4637" y="14211"/>
                  </a:cubicBezTo>
                  <a:cubicBezTo>
                    <a:pt x="4562" y="14211"/>
                    <a:pt x="4412" y="14337"/>
                    <a:pt x="4286" y="14337"/>
                  </a:cubicBezTo>
                  <a:cubicBezTo>
                    <a:pt x="4236" y="14337"/>
                    <a:pt x="4061" y="14211"/>
                    <a:pt x="3960" y="14211"/>
                  </a:cubicBezTo>
                  <a:cubicBezTo>
                    <a:pt x="3885" y="14161"/>
                    <a:pt x="3735" y="14036"/>
                    <a:pt x="3660" y="13986"/>
                  </a:cubicBezTo>
                  <a:cubicBezTo>
                    <a:pt x="3610" y="13936"/>
                    <a:pt x="3660" y="13760"/>
                    <a:pt x="3610" y="13710"/>
                  </a:cubicBezTo>
                  <a:cubicBezTo>
                    <a:pt x="3559" y="13660"/>
                    <a:pt x="3434" y="13535"/>
                    <a:pt x="3434" y="13434"/>
                  </a:cubicBezTo>
                  <a:cubicBezTo>
                    <a:pt x="3384" y="13359"/>
                    <a:pt x="3334" y="13259"/>
                    <a:pt x="3334" y="13209"/>
                  </a:cubicBezTo>
                  <a:cubicBezTo>
                    <a:pt x="3284" y="13083"/>
                    <a:pt x="3334" y="12983"/>
                    <a:pt x="3334" y="12858"/>
                  </a:cubicBezTo>
                  <a:cubicBezTo>
                    <a:pt x="3334" y="12808"/>
                    <a:pt x="3209" y="12682"/>
                    <a:pt x="3158" y="12632"/>
                  </a:cubicBezTo>
                  <a:cubicBezTo>
                    <a:pt x="3158" y="12582"/>
                    <a:pt x="3058" y="12582"/>
                    <a:pt x="2983" y="12532"/>
                  </a:cubicBezTo>
                  <a:cubicBezTo>
                    <a:pt x="2883" y="12457"/>
                    <a:pt x="2707" y="12306"/>
                    <a:pt x="2607" y="12231"/>
                  </a:cubicBezTo>
                  <a:cubicBezTo>
                    <a:pt x="2482" y="12231"/>
                    <a:pt x="2306" y="12181"/>
                    <a:pt x="2256" y="12181"/>
                  </a:cubicBezTo>
                  <a:cubicBezTo>
                    <a:pt x="2206" y="12231"/>
                    <a:pt x="2031" y="12306"/>
                    <a:pt x="1980" y="12357"/>
                  </a:cubicBezTo>
                  <a:cubicBezTo>
                    <a:pt x="1930" y="12407"/>
                    <a:pt x="1805" y="12582"/>
                    <a:pt x="1755" y="12582"/>
                  </a:cubicBezTo>
                  <a:cubicBezTo>
                    <a:pt x="1705" y="12582"/>
                    <a:pt x="1529" y="12532"/>
                    <a:pt x="1429" y="12457"/>
                  </a:cubicBezTo>
                  <a:cubicBezTo>
                    <a:pt x="1429" y="12457"/>
                    <a:pt x="1354" y="12306"/>
                    <a:pt x="1304" y="12231"/>
                  </a:cubicBezTo>
                  <a:cubicBezTo>
                    <a:pt x="1254" y="12181"/>
                    <a:pt x="1078" y="12081"/>
                    <a:pt x="1028" y="12006"/>
                  </a:cubicBezTo>
                  <a:cubicBezTo>
                    <a:pt x="978" y="11956"/>
                    <a:pt x="903" y="11855"/>
                    <a:pt x="853" y="11780"/>
                  </a:cubicBezTo>
                  <a:cubicBezTo>
                    <a:pt x="802" y="11730"/>
                    <a:pt x="577" y="11730"/>
                    <a:pt x="577" y="11680"/>
                  </a:cubicBezTo>
                  <a:cubicBezTo>
                    <a:pt x="527" y="11630"/>
                    <a:pt x="577" y="11404"/>
                    <a:pt x="577" y="11329"/>
                  </a:cubicBezTo>
                  <a:cubicBezTo>
                    <a:pt x="627" y="11329"/>
                    <a:pt x="677" y="11329"/>
                    <a:pt x="752" y="11279"/>
                  </a:cubicBezTo>
                  <a:cubicBezTo>
                    <a:pt x="752" y="11229"/>
                    <a:pt x="802" y="11103"/>
                    <a:pt x="802" y="11053"/>
                  </a:cubicBezTo>
                  <a:lnTo>
                    <a:pt x="802" y="10828"/>
                  </a:lnTo>
                  <a:cubicBezTo>
                    <a:pt x="752" y="10778"/>
                    <a:pt x="677" y="10702"/>
                    <a:pt x="627" y="10702"/>
                  </a:cubicBezTo>
                  <a:cubicBezTo>
                    <a:pt x="577" y="10702"/>
                    <a:pt x="452" y="10828"/>
                    <a:pt x="452" y="10828"/>
                  </a:cubicBezTo>
                  <a:cubicBezTo>
                    <a:pt x="351" y="10828"/>
                    <a:pt x="176" y="10778"/>
                    <a:pt x="126" y="10702"/>
                  </a:cubicBezTo>
                  <a:cubicBezTo>
                    <a:pt x="76" y="10652"/>
                    <a:pt x="76" y="10477"/>
                    <a:pt x="76" y="10427"/>
                  </a:cubicBezTo>
                  <a:cubicBezTo>
                    <a:pt x="126" y="10377"/>
                    <a:pt x="176" y="10251"/>
                    <a:pt x="226" y="10201"/>
                  </a:cubicBezTo>
                  <a:cubicBezTo>
                    <a:pt x="226" y="10151"/>
                    <a:pt x="176" y="9976"/>
                    <a:pt x="176" y="9925"/>
                  </a:cubicBezTo>
                  <a:cubicBezTo>
                    <a:pt x="126" y="9875"/>
                    <a:pt x="76" y="9750"/>
                    <a:pt x="76" y="9700"/>
                  </a:cubicBezTo>
                  <a:cubicBezTo>
                    <a:pt x="126" y="9650"/>
                    <a:pt x="176" y="9524"/>
                    <a:pt x="226" y="9524"/>
                  </a:cubicBezTo>
                  <a:cubicBezTo>
                    <a:pt x="301" y="9424"/>
                    <a:pt x="301" y="9073"/>
                    <a:pt x="401" y="8973"/>
                  </a:cubicBezTo>
                  <a:cubicBezTo>
                    <a:pt x="401" y="8898"/>
                    <a:pt x="627" y="8798"/>
                    <a:pt x="627" y="8672"/>
                  </a:cubicBezTo>
                  <a:cubicBezTo>
                    <a:pt x="677" y="8622"/>
                    <a:pt x="677" y="8447"/>
                    <a:pt x="677" y="8397"/>
                  </a:cubicBezTo>
                  <a:cubicBezTo>
                    <a:pt x="752" y="8221"/>
                    <a:pt x="677" y="7895"/>
                    <a:pt x="627" y="7770"/>
                  </a:cubicBezTo>
                  <a:cubicBezTo>
                    <a:pt x="577" y="7670"/>
                    <a:pt x="401" y="7545"/>
                    <a:pt x="401" y="7494"/>
                  </a:cubicBezTo>
                  <a:cubicBezTo>
                    <a:pt x="351" y="7444"/>
                    <a:pt x="351" y="7269"/>
                    <a:pt x="351" y="7219"/>
                  </a:cubicBezTo>
                  <a:cubicBezTo>
                    <a:pt x="301" y="7093"/>
                    <a:pt x="126" y="6993"/>
                    <a:pt x="76" y="6943"/>
                  </a:cubicBezTo>
                  <a:cubicBezTo>
                    <a:pt x="0" y="6818"/>
                    <a:pt x="76" y="6592"/>
                    <a:pt x="76" y="6492"/>
                  </a:cubicBezTo>
                  <a:cubicBezTo>
                    <a:pt x="76" y="6367"/>
                    <a:pt x="0" y="6091"/>
                    <a:pt x="76" y="5966"/>
                  </a:cubicBezTo>
                  <a:cubicBezTo>
                    <a:pt x="76" y="5915"/>
                    <a:pt x="226" y="5690"/>
                    <a:pt x="301" y="5690"/>
                  </a:cubicBezTo>
                  <a:cubicBezTo>
                    <a:pt x="351" y="5690"/>
                    <a:pt x="452" y="5690"/>
                    <a:pt x="527" y="5740"/>
                  </a:cubicBezTo>
                  <a:cubicBezTo>
                    <a:pt x="527" y="5740"/>
                    <a:pt x="577" y="5865"/>
                    <a:pt x="627" y="5865"/>
                  </a:cubicBezTo>
                  <a:cubicBezTo>
                    <a:pt x="752" y="5865"/>
                    <a:pt x="903" y="5740"/>
                    <a:pt x="978" y="5640"/>
                  </a:cubicBezTo>
                  <a:cubicBezTo>
                    <a:pt x="1078" y="5590"/>
                    <a:pt x="1028" y="5289"/>
                    <a:pt x="1078" y="5239"/>
                  </a:cubicBezTo>
                  <a:cubicBezTo>
                    <a:pt x="1078" y="5138"/>
                    <a:pt x="1128" y="4963"/>
                    <a:pt x="1204" y="4913"/>
                  </a:cubicBezTo>
                  <a:cubicBezTo>
                    <a:pt x="1304" y="4788"/>
                    <a:pt x="1755" y="4963"/>
                    <a:pt x="1855" y="4838"/>
                  </a:cubicBezTo>
                  <a:cubicBezTo>
                    <a:pt x="1980" y="4788"/>
                    <a:pt x="1980" y="4562"/>
                    <a:pt x="2031" y="4512"/>
                  </a:cubicBezTo>
                  <a:cubicBezTo>
                    <a:pt x="2081" y="4462"/>
                    <a:pt x="2306" y="4387"/>
                    <a:pt x="2381" y="4336"/>
                  </a:cubicBezTo>
                  <a:cubicBezTo>
                    <a:pt x="2432" y="4286"/>
                    <a:pt x="2532" y="4111"/>
                    <a:pt x="2532" y="4011"/>
                  </a:cubicBezTo>
                  <a:cubicBezTo>
                    <a:pt x="2532" y="3885"/>
                    <a:pt x="2381" y="3610"/>
                    <a:pt x="2306" y="3484"/>
                  </a:cubicBezTo>
                  <a:cubicBezTo>
                    <a:pt x="2206" y="3434"/>
                    <a:pt x="2031" y="3259"/>
                    <a:pt x="1930" y="3209"/>
                  </a:cubicBezTo>
                  <a:cubicBezTo>
                    <a:pt x="1855" y="3159"/>
                    <a:pt x="1630" y="3209"/>
                    <a:pt x="1579" y="3159"/>
                  </a:cubicBezTo>
                  <a:cubicBezTo>
                    <a:pt x="1479" y="3108"/>
                    <a:pt x="1354" y="2983"/>
                    <a:pt x="1304" y="2933"/>
                  </a:cubicBezTo>
                  <a:cubicBezTo>
                    <a:pt x="1254" y="2808"/>
                    <a:pt x="1254" y="2582"/>
                    <a:pt x="1254" y="2532"/>
                  </a:cubicBezTo>
                  <a:cubicBezTo>
                    <a:pt x="1204" y="2432"/>
                    <a:pt x="1078" y="2256"/>
                    <a:pt x="1078" y="2131"/>
                  </a:cubicBezTo>
                  <a:cubicBezTo>
                    <a:pt x="1078" y="2131"/>
                    <a:pt x="1078" y="2031"/>
                    <a:pt x="1128" y="1981"/>
                  </a:cubicBezTo>
                  <a:cubicBezTo>
                    <a:pt x="1204" y="1905"/>
                    <a:pt x="1304" y="1981"/>
                    <a:pt x="1354" y="1905"/>
                  </a:cubicBezTo>
                  <a:cubicBezTo>
                    <a:pt x="1429" y="1855"/>
                    <a:pt x="1529" y="1755"/>
                    <a:pt x="1529" y="1680"/>
                  </a:cubicBezTo>
                  <a:cubicBezTo>
                    <a:pt x="1529" y="1580"/>
                    <a:pt x="1479" y="1404"/>
                    <a:pt x="1479" y="1304"/>
                  </a:cubicBezTo>
                  <a:cubicBezTo>
                    <a:pt x="1479" y="1229"/>
                    <a:pt x="1529" y="1003"/>
                    <a:pt x="1579" y="953"/>
                  </a:cubicBezTo>
                  <a:cubicBezTo>
                    <a:pt x="1630" y="903"/>
                    <a:pt x="1805" y="903"/>
                    <a:pt x="1930" y="853"/>
                  </a:cubicBezTo>
                  <a:cubicBezTo>
                    <a:pt x="1980" y="778"/>
                    <a:pt x="2081" y="677"/>
                    <a:pt x="2156" y="627"/>
                  </a:cubicBezTo>
                  <a:cubicBezTo>
                    <a:pt x="2256" y="552"/>
                    <a:pt x="2482" y="452"/>
                    <a:pt x="2532" y="326"/>
                  </a:cubicBezTo>
                  <a:cubicBezTo>
                    <a:pt x="2607" y="326"/>
                    <a:pt x="2607" y="276"/>
                    <a:pt x="2607" y="226"/>
                  </a:cubicBezTo>
                  <a:cubicBezTo>
                    <a:pt x="2707" y="226"/>
                    <a:pt x="2757" y="276"/>
                    <a:pt x="2833" y="276"/>
                  </a:cubicBezTo>
                  <a:cubicBezTo>
                    <a:pt x="2933" y="276"/>
                    <a:pt x="3108" y="226"/>
                    <a:pt x="3158" y="176"/>
                  </a:cubicBezTo>
                  <a:cubicBezTo>
                    <a:pt x="3209" y="176"/>
                    <a:pt x="3209" y="51"/>
                    <a:pt x="3284" y="51"/>
                  </a:cubicBezTo>
                  <a:cubicBezTo>
                    <a:pt x="3334" y="1"/>
                    <a:pt x="3509" y="1"/>
                    <a:pt x="3610" y="1"/>
                  </a:cubicBezTo>
                  <a:cubicBezTo>
                    <a:pt x="3660" y="1"/>
                    <a:pt x="3835" y="51"/>
                    <a:pt x="3885" y="101"/>
                  </a:cubicBezTo>
                  <a:cubicBezTo>
                    <a:pt x="3960" y="176"/>
                    <a:pt x="4011" y="326"/>
                    <a:pt x="3960" y="452"/>
                  </a:cubicBezTo>
                  <a:cubicBezTo>
                    <a:pt x="3960" y="502"/>
                    <a:pt x="3835" y="552"/>
                    <a:pt x="3835" y="627"/>
                  </a:cubicBezTo>
                  <a:cubicBezTo>
                    <a:pt x="3785" y="677"/>
                    <a:pt x="3660" y="853"/>
                    <a:pt x="3735" y="953"/>
                  </a:cubicBezTo>
                  <a:cubicBezTo>
                    <a:pt x="3735" y="1078"/>
                    <a:pt x="3885" y="1229"/>
                    <a:pt x="4011" y="1304"/>
                  </a:cubicBezTo>
                  <a:cubicBezTo>
                    <a:pt x="4061" y="1304"/>
                    <a:pt x="4186" y="1304"/>
                    <a:pt x="4236" y="1229"/>
                  </a:cubicBezTo>
                  <a:cubicBezTo>
                    <a:pt x="4336" y="1179"/>
                    <a:pt x="4412" y="1003"/>
                    <a:pt x="4462" y="953"/>
                  </a:cubicBezTo>
                  <a:cubicBezTo>
                    <a:pt x="4562" y="903"/>
                    <a:pt x="4737" y="903"/>
                    <a:pt x="4863" y="903"/>
                  </a:cubicBezTo>
                  <a:lnTo>
                    <a:pt x="5138" y="903"/>
                  </a:lnTo>
                  <a:cubicBezTo>
                    <a:pt x="5188" y="953"/>
                    <a:pt x="5239" y="1179"/>
                    <a:pt x="5289" y="1304"/>
                  </a:cubicBezTo>
                  <a:cubicBezTo>
                    <a:pt x="5289" y="1304"/>
                    <a:pt x="5464" y="1354"/>
                    <a:pt x="5464" y="1404"/>
                  </a:cubicBezTo>
                  <a:cubicBezTo>
                    <a:pt x="5589" y="1454"/>
                    <a:pt x="5740" y="1529"/>
                    <a:pt x="5815" y="1630"/>
                  </a:cubicBezTo>
                  <a:cubicBezTo>
                    <a:pt x="5915" y="1680"/>
                    <a:pt x="5965" y="1981"/>
                    <a:pt x="6041" y="2081"/>
                  </a:cubicBezTo>
                  <a:cubicBezTo>
                    <a:pt x="6141" y="2131"/>
                    <a:pt x="6316" y="2256"/>
                    <a:pt x="6366" y="2256"/>
                  </a:cubicBezTo>
                  <a:cubicBezTo>
                    <a:pt x="6492" y="2256"/>
                    <a:pt x="6717" y="2256"/>
                    <a:pt x="6818" y="2206"/>
                  </a:cubicBezTo>
                  <a:cubicBezTo>
                    <a:pt x="6868" y="2131"/>
                    <a:pt x="6868" y="1981"/>
                    <a:pt x="6943" y="1905"/>
                  </a:cubicBezTo>
                  <a:cubicBezTo>
                    <a:pt x="6993" y="1855"/>
                    <a:pt x="7093" y="1805"/>
                    <a:pt x="7219" y="1805"/>
                  </a:cubicBezTo>
                  <a:cubicBezTo>
                    <a:pt x="7269" y="1805"/>
                    <a:pt x="7394" y="1905"/>
                    <a:pt x="7444" y="1981"/>
                  </a:cubicBezTo>
                  <a:cubicBezTo>
                    <a:pt x="7494" y="2031"/>
                    <a:pt x="7494" y="2206"/>
                    <a:pt x="7494" y="2256"/>
                  </a:cubicBezTo>
                  <a:cubicBezTo>
                    <a:pt x="7494" y="2357"/>
                    <a:pt x="7319" y="2482"/>
                    <a:pt x="7319" y="2582"/>
                  </a:cubicBezTo>
                  <a:cubicBezTo>
                    <a:pt x="7269" y="2657"/>
                    <a:pt x="7219" y="2758"/>
                    <a:pt x="7219" y="2808"/>
                  </a:cubicBezTo>
                  <a:cubicBezTo>
                    <a:pt x="7269" y="2883"/>
                    <a:pt x="7394" y="2983"/>
                    <a:pt x="7394" y="3033"/>
                  </a:cubicBezTo>
                  <a:cubicBezTo>
                    <a:pt x="7444" y="3108"/>
                    <a:pt x="7494" y="3209"/>
                    <a:pt x="7544" y="3259"/>
                  </a:cubicBezTo>
                  <a:cubicBezTo>
                    <a:pt x="7620" y="3434"/>
                    <a:pt x="7620" y="3835"/>
                    <a:pt x="7670" y="4011"/>
                  </a:cubicBezTo>
                  <a:cubicBezTo>
                    <a:pt x="7670" y="4111"/>
                    <a:pt x="7770" y="4236"/>
                    <a:pt x="7845" y="4336"/>
                  </a:cubicBezTo>
                  <a:cubicBezTo>
                    <a:pt x="7895" y="4387"/>
                    <a:pt x="8071" y="4512"/>
                    <a:pt x="8121" y="4562"/>
                  </a:cubicBezTo>
                  <a:cubicBezTo>
                    <a:pt x="8221" y="4612"/>
                    <a:pt x="8397" y="4788"/>
                    <a:pt x="8397" y="4913"/>
                  </a:cubicBezTo>
                  <a:cubicBezTo>
                    <a:pt x="8447" y="5013"/>
                    <a:pt x="8397" y="5189"/>
                    <a:pt x="8397" y="5289"/>
                  </a:cubicBezTo>
                  <a:cubicBezTo>
                    <a:pt x="8397" y="5364"/>
                    <a:pt x="8296" y="5514"/>
                    <a:pt x="8296" y="5640"/>
                  </a:cubicBezTo>
                  <a:lnTo>
                    <a:pt x="8296" y="6041"/>
                  </a:lnTo>
                  <a:cubicBezTo>
                    <a:pt x="8346" y="6141"/>
                    <a:pt x="8522" y="6266"/>
                    <a:pt x="8572" y="6316"/>
                  </a:cubicBezTo>
                  <a:cubicBezTo>
                    <a:pt x="8622" y="6367"/>
                    <a:pt x="8672" y="6492"/>
                    <a:pt x="8747" y="6542"/>
                  </a:cubicBezTo>
                  <a:cubicBezTo>
                    <a:pt x="8747" y="6642"/>
                    <a:pt x="8798" y="6768"/>
                    <a:pt x="8798" y="6818"/>
                  </a:cubicBezTo>
                  <a:cubicBezTo>
                    <a:pt x="8798" y="6943"/>
                    <a:pt x="8747" y="7093"/>
                    <a:pt x="8672" y="7219"/>
                  </a:cubicBezTo>
                  <a:cubicBezTo>
                    <a:pt x="8672" y="7394"/>
                    <a:pt x="8747" y="7670"/>
                    <a:pt x="8747" y="7770"/>
                  </a:cubicBezTo>
                  <a:cubicBezTo>
                    <a:pt x="8798" y="7895"/>
                    <a:pt x="8898" y="8071"/>
                    <a:pt x="8948" y="8171"/>
                  </a:cubicBezTo>
                  <a:cubicBezTo>
                    <a:pt x="9023" y="8296"/>
                    <a:pt x="9073" y="8522"/>
                    <a:pt x="9123" y="8622"/>
                  </a:cubicBezTo>
                  <a:cubicBezTo>
                    <a:pt x="9173" y="8672"/>
                    <a:pt x="9349" y="8848"/>
                    <a:pt x="9474" y="8848"/>
                  </a:cubicBezTo>
                  <a:cubicBezTo>
                    <a:pt x="9524" y="8898"/>
                    <a:pt x="9625" y="8848"/>
                    <a:pt x="9625" y="8798"/>
                  </a:cubicBezTo>
                  <a:cubicBezTo>
                    <a:pt x="9700" y="8748"/>
                    <a:pt x="9700" y="8572"/>
                    <a:pt x="9750" y="8522"/>
                  </a:cubicBezTo>
                  <a:cubicBezTo>
                    <a:pt x="9800" y="8522"/>
                    <a:pt x="9850" y="8447"/>
                    <a:pt x="9925" y="8447"/>
                  </a:cubicBezTo>
                  <a:cubicBezTo>
                    <a:pt x="10026" y="8447"/>
                    <a:pt x="10201" y="8522"/>
                    <a:pt x="10251" y="8572"/>
                  </a:cubicBezTo>
                  <a:cubicBezTo>
                    <a:pt x="10301" y="8622"/>
                    <a:pt x="10427" y="8672"/>
                    <a:pt x="10427" y="8748"/>
                  </a:cubicBezTo>
                  <a:cubicBezTo>
                    <a:pt x="10477" y="8798"/>
                    <a:pt x="10477" y="8973"/>
                    <a:pt x="10527" y="9073"/>
                  </a:cubicBezTo>
                  <a:cubicBezTo>
                    <a:pt x="10527" y="9123"/>
                    <a:pt x="10602" y="9349"/>
                    <a:pt x="10652" y="9424"/>
                  </a:cubicBezTo>
                  <a:cubicBezTo>
                    <a:pt x="10702" y="9474"/>
                    <a:pt x="10928" y="9524"/>
                    <a:pt x="10978" y="9524"/>
                  </a:cubicBezTo>
                  <a:cubicBezTo>
                    <a:pt x="11053" y="9474"/>
                    <a:pt x="11053" y="9424"/>
                    <a:pt x="11103" y="9349"/>
                  </a:cubicBezTo>
                  <a:cubicBezTo>
                    <a:pt x="11153" y="9299"/>
                    <a:pt x="11279" y="9123"/>
                    <a:pt x="11329" y="9123"/>
                  </a:cubicBezTo>
                  <a:cubicBezTo>
                    <a:pt x="11379" y="9123"/>
                    <a:pt x="11554" y="9123"/>
                    <a:pt x="11605" y="9199"/>
                  </a:cubicBezTo>
                  <a:cubicBezTo>
                    <a:pt x="11655" y="9249"/>
                    <a:pt x="11554" y="9424"/>
                    <a:pt x="11605" y="9474"/>
                  </a:cubicBezTo>
                  <a:cubicBezTo>
                    <a:pt x="11655" y="9575"/>
                    <a:pt x="11830" y="9650"/>
                    <a:pt x="11830" y="9750"/>
                  </a:cubicBezTo>
                  <a:cubicBezTo>
                    <a:pt x="11830" y="9800"/>
                    <a:pt x="11730" y="10026"/>
                    <a:pt x="11655" y="10101"/>
                  </a:cubicBezTo>
                  <a:cubicBezTo>
                    <a:pt x="11655" y="10151"/>
                    <a:pt x="11605" y="10201"/>
                    <a:pt x="11554" y="10201"/>
                  </a:cubicBezTo>
                  <a:lnTo>
                    <a:pt x="11554" y="10477"/>
                  </a:lnTo>
                  <a:cubicBezTo>
                    <a:pt x="11554" y="10552"/>
                    <a:pt x="11605" y="10702"/>
                    <a:pt x="11605" y="10778"/>
                  </a:cubicBezTo>
                  <a:cubicBezTo>
                    <a:pt x="11655" y="10828"/>
                    <a:pt x="11655" y="10878"/>
                    <a:pt x="11655" y="10953"/>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187" name="Google Shape;244;p16">
              <a:extLst>
                <a:ext uri="{FF2B5EF4-FFF2-40B4-BE49-F238E27FC236}">
                  <a16:creationId xmlns:a16="http://schemas.microsoft.com/office/drawing/2014/main" id="{2F3D7FBE-9071-EF34-0D30-9D1E3AF55E2F}"/>
                </a:ext>
              </a:extLst>
            </p:cNvPr>
            <p:cNvSpPr/>
            <p:nvPr/>
          </p:nvSpPr>
          <p:spPr>
            <a:xfrm>
              <a:off x="2569322" y="2231241"/>
              <a:ext cx="330203" cy="444216"/>
            </a:xfrm>
            <a:custGeom>
              <a:avLst/>
              <a:gdLst/>
              <a:ahLst/>
              <a:cxnLst/>
              <a:rect l="l" t="t" r="r" b="b"/>
              <a:pathLst>
                <a:path w="11831" h="15916" fill="none" extrusionOk="0">
                  <a:moveTo>
                    <a:pt x="11655" y="10953"/>
                  </a:moveTo>
                  <a:cubicBezTo>
                    <a:pt x="11655" y="11053"/>
                    <a:pt x="11605" y="11179"/>
                    <a:pt x="11605" y="11229"/>
                  </a:cubicBezTo>
                  <a:cubicBezTo>
                    <a:pt x="11605" y="11279"/>
                    <a:pt x="11429" y="11404"/>
                    <a:pt x="11429" y="11454"/>
                  </a:cubicBezTo>
                  <a:cubicBezTo>
                    <a:pt x="11379" y="11555"/>
                    <a:pt x="11329" y="11730"/>
                    <a:pt x="11329" y="11855"/>
                  </a:cubicBezTo>
                  <a:cubicBezTo>
                    <a:pt x="11279" y="11905"/>
                    <a:pt x="11204" y="12081"/>
                    <a:pt x="11153" y="12081"/>
                  </a:cubicBezTo>
                  <a:cubicBezTo>
                    <a:pt x="11053" y="12131"/>
                    <a:pt x="10828" y="12006"/>
                    <a:pt x="10702" y="12006"/>
                  </a:cubicBezTo>
                  <a:cubicBezTo>
                    <a:pt x="10527" y="12006"/>
                    <a:pt x="10251" y="12081"/>
                    <a:pt x="10151" y="12181"/>
                  </a:cubicBezTo>
                  <a:cubicBezTo>
                    <a:pt x="10076" y="12231"/>
                    <a:pt x="9975" y="12357"/>
                    <a:pt x="9925" y="12457"/>
                  </a:cubicBezTo>
                  <a:cubicBezTo>
                    <a:pt x="9925" y="12532"/>
                    <a:pt x="9850" y="12632"/>
                    <a:pt x="9850" y="12682"/>
                  </a:cubicBezTo>
                  <a:cubicBezTo>
                    <a:pt x="9800" y="12758"/>
                    <a:pt x="9700" y="12858"/>
                    <a:pt x="9625" y="12858"/>
                  </a:cubicBezTo>
                  <a:cubicBezTo>
                    <a:pt x="9524" y="12858"/>
                    <a:pt x="9474" y="12682"/>
                    <a:pt x="9399" y="12632"/>
                  </a:cubicBezTo>
                  <a:cubicBezTo>
                    <a:pt x="9349" y="12582"/>
                    <a:pt x="9249" y="12532"/>
                    <a:pt x="9173" y="12532"/>
                  </a:cubicBezTo>
                  <a:cubicBezTo>
                    <a:pt x="9123" y="12532"/>
                    <a:pt x="9023" y="12632"/>
                    <a:pt x="9023" y="12632"/>
                  </a:cubicBezTo>
                  <a:cubicBezTo>
                    <a:pt x="8948" y="12758"/>
                    <a:pt x="8948" y="12983"/>
                    <a:pt x="8848" y="13083"/>
                  </a:cubicBezTo>
                  <a:cubicBezTo>
                    <a:pt x="8798" y="13134"/>
                    <a:pt x="8572" y="13259"/>
                    <a:pt x="8522" y="13309"/>
                  </a:cubicBezTo>
                  <a:cubicBezTo>
                    <a:pt x="8447" y="13359"/>
                    <a:pt x="8447" y="13535"/>
                    <a:pt x="8397" y="13585"/>
                  </a:cubicBezTo>
                  <a:cubicBezTo>
                    <a:pt x="8346" y="13660"/>
                    <a:pt x="8171" y="13710"/>
                    <a:pt x="8121" y="13760"/>
                  </a:cubicBezTo>
                  <a:cubicBezTo>
                    <a:pt x="8071" y="13760"/>
                    <a:pt x="7895" y="13660"/>
                    <a:pt x="7845" y="13660"/>
                  </a:cubicBezTo>
                  <a:cubicBezTo>
                    <a:pt x="7770" y="13660"/>
                    <a:pt x="7620" y="13710"/>
                    <a:pt x="7544" y="13760"/>
                  </a:cubicBezTo>
                  <a:cubicBezTo>
                    <a:pt x="7494" y="13760"/>
                    <a:pt x="7444" y="13885"/>
                    <a:pt x="7444" y="13936"/>
                  </a:cubicBezTo>
                  <a:cubicBezTo>
                    <a:pt x="7444" y="13986"/>
                    <a:pt x="7494" y="14161"/>
                    <a:pt x="7494" y="14211"/>
                  </a:cubicBezTo>
                  <a:cubicBezTo>
                    <a:pt x="7544" y="14261"/>
                    <a:pt x="7620" y="14387"/>
                    <a:pt x="7620" y="14487"/>
                  </a:cubicBezTo>
                  <a:cubicBezTo>
                    <a:pt x="7620" y="14562"/>
                    <a:pt x="7544" y="14662"/>
                    <a:pt x="7494" y="14712"/>
                  </a:cubicBezTo>
                  <a:cubicBezTo>
                    <a:pt x="7444" y="14788"/>
                    <a:pt x="7269" y="14788"/>
                    <a:pt x="7219" y="14788"/>
                  </a:cubicBezTo>
                  <a:cubicBezTo>
                    <a:pt x="7168" y="14788"/>
                    <a:pt x="7043" y="14662"/>
                    <a:pt x="6993" y="14662"/>
                  </a:cubicBezTo>
                  <a:cubicBezTo>
                    <a:pt x="6943" y="14662"/>
                    <a:pt x="6767" y="14662"/>
                    <a:pt x="6767" y="14712"/>
                  </a:cubicBezTo>
                  <a:cubicBezTo>
                    <a:pt x="6717" y="14788"/>
                    <a:pt x="6642" y="15013"/>
                    <a:pt x="6642" y="15063"/>
                  </a:cubicBezTo>
                  <a:cubicBezTo>
                    <a:pt x="6642" y="15113"/>
                    <a:pt x="6717" y="15239"/>
                    <a:pt x="6717" y="15289"/>
                  </a:cubicBezTo>
                  <a:cubicBezTo>
                    <a:pt x="6717" y="15339"/>
                    <a:pt x="6592" y="15464"/>
                    <a:pt x="6542" y="15514"/>
                  </a:cubicBezTo>
                  <a:cubicBezTo>
                    <a:pt x="6492" y="15565"/>
                    <a:pt x="6266" y="15615"/>
                    <a:pt x="6141" y="15690"/>
                  </a:cubicBezTo>
                  <a:cubicBezTo>
                    <a:pt x="6091" y="15740"/>
                    <a:pt x="6041" y="15840"/>
                    <a:pt x="5965" y="15915"/>
                  </a:cubicBezTo>
                  <a:cubicBezTo>
                    <a:pt x="5915" y="15915"/>
                    <a:pt x="5740" y="15915"/>
                    <a:pt x="5690" y="15840"/>
                  </a:cubicBezTo>
                  <a:cubicBezTo>
                    <a:pt x="5640" y="15840"/>
                    <a:pt x="5589" y="15690"/>
                    <a:pt x="5640" y="15615"/>
                  </a:cubicBezTo>
                  <a:cubicBezTo>
                    <a:pt x="5640" y="15565"/>
                    <a:pt x="5690" y="15464"/>
                    <a:pt x="5690" y="15389"/>
                  </a:cubicBezTo>
                  <a:cubicBezTo>
                    <a:pt x="5740" y="15339"/>
                    <a:pt x="5690" y="15164"/>
                    <a:pt x="5640" y="15113"/>
                  </a:cubicBezTo>
                  <a:cubicBezTo>
                    <a:pt x="5589" y="15113"/>
                    <a:pt x="5414" y="15113"/>
                    <a:pt x="5364" y="15164"/>
                  </a:cubicBezTo>
                  <a:cubicBezTo>
                    <a:pt x="5289" y="15164"/>
                    <a:pt x="5239" y="15339"/>
                    <a:pt x="5188" y="15339"/>
                  </a:cubicBezTo>
                  <a:cubicBezTo>
                    <a:pt x="5138" y="15339"/>
                    <a:pt x="4963" y="15239"/>
                    <a:pt x="4963" y="15164"/>
                  </a:cubicBezTo>
                  <a:cubicBezTo>
                    <a:pt x="4913" y="15113"/>
                    <a:pt x="4913" y="15013"/>
                    <a:pt x="4913" y="14938"/>
                  </a:cubicBezTo>
                  <a:cubicBezTo>
                    <a:pt x="4913" y="14888"/>
                    <a:pt x="5013" y="14838"/>
                    <a:pt x="5013" y="14788"/>
                  </a:cubicBezTo>
                  <a:cubicBezTo>
                    <a:pt x="5088" y="14712"/>
                    <a:pt x="5088" y="14562"/>
                    <a:pt x="5088" y="14487"/>
                  </a:cubicBezTo>
                  <a:cubicBezTo>
                    <a:pt x="5013" y="14437"/>
                    <a:pt x="5013" y="14337"/>
                    <a:pt x="4963" y="14261"/>
                  </a:cubicBezTo>
                  <a:cubicBezTo>
                    <a:pt x="4913" y="14211"/>
                    <a:pt x="4737" y="14211"/>
                    <a:pt x="4637" y="14211"/>
                  </a:cubicBezTo>
                  <a:cubicBezTo>
                    <a:pt x="4562" y="14211"/>
                    <a:pt x="4412" y="14337"/>
                    <a:pt x="4286" y="14337"/>
                  </a:cubicBezTo>
                  <a:cubicBezTo>
                    <a:pt x="4236" y="14337"/>
                    <a:pt x="4061" y="14211"/>
                    <a:pt x="3960" y="14211"/>
                  </a:cubicBezTo>
                  <a:cubicBezTo>
                    <a:pt x="3885" y="14161"/>
                    <a:pt x="3735" y="14036"/>
                    <a:pt x="3660" y="13986"/>
                  </a:cubicBezTo>
                  <a:cubicBezTo>
                    <a:pt x="3610" y="13936"/>
                    <a:pt x="3660" y="13760"/>
                    <a:pt x="3610" y="13710"/>
                  </a:cubicBezTo>
                  <a:cubicBezTo>
                    <a:pt x="3559" y="13660"/>
                    <a:pt x="3434" y="13535"/>
                    <a:pt x="3434" y="13434"/>
                  </a:cubicBezTo>
                  <a:cubicBezTo>
                    <a:pt x="3384" y="13359"/>
                    <a:pt x="3334" y="13259"/>
                    <a:pt x="3334" y="13209"/>
                  </a:cubicBezTo>
                  <a:cubicBezTo>
                    <a:pt x="3284" y="13083"/>
                    <a:pt x="3334" y="12983"/>
                    <a:pt x="3334" y="12858"/>
                  </a:cubicBezTo>
                  <a:cubicBezTo>
                    <a:pt x="3334" y="12808"/>
                    <a:pt x="3209" y="12682"/>
                    <a:pt x="3158" y="12632"/>
                  </a:cubicBezTo>
                  <a:cubicBezTo>
                    <a:pt x="3158" y="12582"/>
                    <a:pt x="3058" y="12582"/>
                    <a:pt x="2983" y="12532"/>
                  </a:cubicBezTo>
                  <a:cubicBezTo>
                    <a:pt x="2883" y="12457"/>
                    <a:pt x="2707" y="12306"/>
                    <a:pt x="2607" y="12231"/>
                  </a:cubicBezTo>
                  <a:cubicBezTo>
                    <a:pt x="2482" y="12231"/>
                    <a:pt x="2306" y="12181"/>
                    <a:pt x="2256" y="12181"/>
                  </a:cubicBezTo>
                  <a:cubicBezTo>
                    <a:pt x="2206" y="12231"/>
                    <a:pt x="2031" y="12306"/>
                    <a:pt x="1980" y="12357"/>
                  </a:cubicBezTo>
                  <a:cubicBezTo>
                    <a:pt x="1930" y="12407"/>
                    <a:pt x="1805" y="12582"/>
                    <a:pt x="1755" y="12582"/>
                  </a:cubicBezTo>
                  <a:cubicBezTo>
                    <a:pt x="1705" y="12582"/>
                    <a:pt x="1529" y="12532"/>
                    <a:pt x="1429" y="12457"/>
                  </a:cubicBezTo>
                  <a:cubicBezTo>
                    <a:pt x="1429" y="12457"/>
                    <a:pt x="1354" y="12306"/>
                    <a:pt x="1304" y="12231"/>
                  </a:cubicBezTo>
                  <a:cubicBezTo>
                    <a:pt x="1254" y="12181"/>
                    <a:pt x="1078" y="12081"/>
                    <a:pt x="1028" y="12006"/>
                  </a:cubicBezTo>
                  <a:cubicBezTo>
                    <a:pt x="978" y="11956"/>
                    <a:pt x="903" y="11855"/>
                    <a:pt x="853" y="11780"/>
                  </a:cubicBezTo>
                  <a:cubicBezTo>
                    <a:pt x="802" y="11730"/>
                    <a:pt x="577" y="11730"/>
                    <a:pt x="577" y="11680"/>
                  </a:cubicBezTo>
                  <a:cubicBezTo>
                    <a:pt x="527" y="11630"/>
                    <a:pt x="577" y="11404"/>
                    <a:pt x="577" y="11329"/>
                  </a:cubicBezTo>
                  <a:cubicBezTo>
                    <a:pt x="627" y="11329"/>
                    <a:pt x="677" y="11329"/>
                    <a:pt x="752" y="11279"/>
                  </a:cubicBezTo>
                  <a:cubicBezTo>
                    <a:pt x="752" y="11229"/>
                    <a:pt x="802" y="11103"/>
                    <a:pt x="802" y="11053"/>
                  </a:cubicBezTo>
                  <a:lnTo>
                    <a:pt x="802" y="10828"/>
                  </a:lnTo>
                  <a:cubicBezTo>
                    <a:pt x="752" y="10778"/>
                    <a:pt x="677" y="10702"/>
                    <a:pt x="627" y="10702"/>
                  </a:cubicBezTo>
                  <a:cubicBezTo>
                    <a:pt x="577" y="10702"/>
                    <a:pt x="452" y="10828"/>
                    <a:pt x="452" y="10828"/>
                  </a:cubicBezTo>
                  <a:cubicBezTo>
                    <a:pt x="351" y="10828"/>
                    <a:pt x="176" y="10778"/>
                    <a:pt x="126" y="10702"/>
                  </a:cubicBezTo>
                  <a:cubicBezTo>
                    <a:pt x="76" y="10652"/>
                    <a:pt x="76" y="10477"/>
                    <a:pt x="76" y="10427"/>
                  </a:cubicBezTo>
                  <a:cubicBezTo>
                    <a:pt x="126" y="10377"/>
                    <a:pt x="176" y="10251"/>
                    <a:pt x="226" y="10201"/>
                  </a:cubicBezTo>
                  <a:cubicBezTo>
                    <a:pt x="226" y="10151"/>
                    <a:pt x="176" y="9976"/>
                    <a:pt x="176" y="9925"/>
                  </a:cubicBezTo>
                  <a:cubicBezTo>
                    <a:pt x="126" y="9875"/>
                    <a:pt x="76" y="9750"/>
                    <a:pt x="76" y="9700"/>
                  </a:cubicBezTo>
                  <a:cubicBezTo>
                    <a:pt x="126" y="9650"/>
                    <a:pt x="176" y="9524"/>
                    <a:pt x="226" y="9524"/>
                  </a:cubicBezTo>
                  <a:cubicBezTo>
                    <a:pt x="301" y="9424"/>
                    <a:pt x="301" y="9073"/>
                    <a:pt x="401" y="8973"/>
                  </a:cubicBezTo>
                  <a:cubicBezTo>
                    <a:pt x="401" y="8898"/>
                    <a:pt x="627" y="8798"/>
                    <a:pt x="627" y="8672"/>
                  </a:cubicBezTo>
                  <a:cubicBezTo>
                    <a:pt x="677" y="8622"/>
                    <a:pt x="677" y="8447"/>
                    <a:pt x="677" y="8397"/>
                  </a:cubicBezTo>
                  <a:cubicBezTo>
                    <a:pt x="752" y="8221"/>
                    <a:pt x="677" y="7895"/>
                    <a:pt x="627" y="7770"/>
                  </a:cubicBezTo>
                  <a:cubicBezTo>
                    <a:pt x="577" y="7670"/>
                    <a:pt x="401" y="7545"/>
                    <a:pt x="401" y="7494"/>
                  </a:cubicBezTo>
                  <a:cubicBezTo>
                    <a:pt x="351" y="7444"/>
                    <a:pt x="351" y="7269"/>
                    <a:pt x="351" y="7219"/>
                  </a:cubicBezTo>
                  <a:cubicBezTo>
                    <a:pt x="301" y="7093"/>
                    <a:pt x="126" y="6993"/>
                    <a:pt x="76" y="6943"/>
                  </a:cubicBezTo>
                  <a:cubicBezTo>
                    <a:pt x="0" y="6818"/>
                    <a:pt x="76" y="6592"/>
                    <a:pt x="76" y="6492"/>
                  </a:cubicBezTo>
                  <a:cubicBezTo>
                    <a:pt x="76" y="6367"/>
                    <a:pt x="0" y="6091"/>
                    <a:pt x="76" y="5966"/>
                  </a:cubicBezTo>
                  <a:cubicBezTo>
                    <a:pt x="76" y="5915"/>
                    <a:pt x="226" y="5690"/>
                    <a:pt x="301" y="5690"/>
                  </a:cubicBezTo>
                  <a:cubicBezTo>
                    <a:pt x="351" y="5690"/>
                    <a:pt x="452" y="5690"/>
                    <a:pt x="527" y="5740"/>
                  </a:cubicBezTo>
                  <a:cubicBezTo>
                    <a:pt x="527" y="5740"/>
                    <a:pt x="577" y="5865"/>
                    <a:pt x="627" y="5865"/>
                  </a:cubicBezTo>
                  <a:cubicBezTo>
                    <a:pt x="752" y="5865"/>
                    <a:pt x="903" y="5740"/>
                    <a:pt x="978" y="5640"/>
                  </a:cubicBezTo>
                  <a:cubicBezTo>
                    <a:pt x="1078" y="5590"/>
                    <a:pt x="1028" y="5289"/>
                    <a:pt x="1078" y="5239"/>
                  </a:cubicBezTo>
                  <a:cubicBezTo>
                    <a:pt x="1078" y="5138"/>
                    <a:pt x="1128" y="4963"/>
                    <a:pt x="1204" y="4913"/>
                  </a:cubicBezTo>
                  <a:cubicBezTo>
                    <a:pt x="1304" y="4788"/>
                    <a:pt x="1755" y="4963"/>
                    <a:pt x="1855" y="4838"/>
                  </a:cubicBezTo>
                  <a:cubicBezTo>
                    <a:pt x="1980" y="4788"/>
                    <a:pt x="1980" y="4562"/>
                    <a:pt x="2031" y="4512"/>
                  </a:cubicBezTo>
                  <a:cubicBezTo>
                    <a:pt x="2081" y="4462"/>
                    <a:pt x="2306" y="4387"/>
                    <a:pt x="2381" y="4336"/>
                  </a:cubicBezTo>
                  <a:cubicBezTo>
                    <a:pt x="2432" y="4286"/>
                    <a:pt x="2532" y="4111"/>
                    <a:pt x="2532" y="4011"/>
                  </a:cubicBezTo>
                  <a:cubicBezTo>
                    <a:pt x="2532" y="3885"/>
                    <a:pt x="2381" y="3610"/>
                    <a:pt x="2306" y="3484"/>
                  </a:cubicBezTo>
                  <a:cubicBezTo>
                    <a:pt x="2206" y="3434"/>
                    <a:pt x="2031" y="3259"/>
                    <a:pt x="1930" y="3209"/>
                  </a:cubicBezTo>
                  <a:cubicBezTo>
                    <a:pt x="1855" y="3159"/>
                    <a:pt x="1630" y="3209"/>
                    <a:pt x="1579" y="3159"/>
                  </a:cubicBezTo>
                  <a:cubicBezTo>
                    <a:pt x="1479" y="3108"/>
                    <a:pt x="1354" y="2983"/>
                    <a:pt x="1304" y="2933"/>
                  </a:cubicBezTo>
                  <a:cubicBezTo>
                    <a:pt x="1254" y="2808"/>
                    <a:pt x="1254" y="2582"/>
                    <a:pt x="1254" y="2532"/>
                  </a:cubicBezTo>
                  <a:cubicBezTo>
                    <a:pt x="1204" y="2432"/>
                    <a:pt x="1078" y="2256"/>
                    <a:pt x="1078" y="2131"/>
                  </a:cubicBezTo>
                  <a:cubicBezTo>
                    <a:pt x="1078" y="2131"/>
                    <a:pt x="1078" y="2031"/>
                    <a:pt x="1128" y="1981"/>
                  </a:cubicBezTo>
                  <a:cubicBezTo>
                    <a:pt x="1204" y="1905"/>
                    <a:pt x="1304" y="1981"/>
                    <a:pt x="1354" y="1905"/>
                  </a:cubicBezTo>
                  <a:cubicBezTo>
                    <a:pt x="1429" y="1855"/>
                    <a:pt x="1529" y="1755"/>
                    <a:pt x="1529" y="1680"/>
                  </a:cubicBezTo>
                  <a:cubicBezTo>
                    <a:pt x="1529" y="1580"/>
                    <a:pt x="1479" y="1404"/>
                    <a:pt x="1479" y="1304"/>
                  </a:cubicBezTo>
                  <a:cubicBezTo>
                    <a:pt x="1479" y="1229"/>
                    <a:pt x="1529" y="1003"/>
                    <a:pt x="1579" y="953"/>
                  </a:cubicBezTo>
                  <a:cubicBezTo>
                    <a:pt x="1630" y="903"/>
                    <a:pt x="1805" y="903"/>
                    <a:pt x="1930" y="853"/>
                  </a:cubicBezTo>
                  <a:cubicBezTo>
                    <a:pt x="1980" y="778"/>
                    <a:pt x="2081" y="677"/>
                    <a:pt x="2156" y="627"/>
                  </a:cubicBezTo>
                  <a:cubicBezTo>
                    <a:pt x="2256" y="552"/>
                    <a:pt x="2482" y="452"/>
                    <a:pt x="2532" y="326"/>
                  </a:cubicBezTo>
                  <a:cubicBezTo>
                    <a:pt x="2607" y="326"/>
                    <a:pt x="2607" y="276"/>
                    <a:pt x="2607" y="226"/>
                  </a:cubicBezTo>
                  <a:cubicBezTo>
                    <a:pt x="2707" y="226"/>
                    <a:pt x="2757" y="276"/>
                    <a:pt x="2833" y="276"/>
                  </a:cubicBezTo>
                  <a:cubicBezTo>
                    <a:pt x="2933" y="276"/>
                    <a:pt x="3108" y="226"/>
                    <a:pt x="3158" y="176"/>
                  </a:cubicBezTo>
                  <a:cubicBezTo>
                    <a:pt x="3209" y="176"/>
                    <a:pt x="3209" y="51"/>
                    <a:pt x="3284" y="51"/>
                  </a:cubicBezTo>
                  <a:cubicBezTo>
                    <a:pt x="3334" y="1"/>
                    <a:pt x="3509" y="1"/>
                    <a:pt x="3610" y="1"/>
                  </a:cubicBezTo>
                  <a:cubicBezTo>
                    <a:pt x="3660" y="1"/>
                    <a:pt x="3835" y="51"/>
                    <a:pt x="3885" y="101"/>
                  </a:cubicBezTo>
                  <a:cubicBezTo>
                    <a:pt x="3960" y="176"/>
                    <a:pt x="4011" y="326"/>
                    <a:pt x="3960" y="452"/>
                  </a:cubicBezTo>
                  <a:cubicBezTo>
                    <a:pt x="3960" y="502"/>
                    <a:pt x="3835" y="552"/>
                    <a:pt x="3835" y="627"/>
                  </a:cubicBezTo>
                  <a:cubicBezTo>
                    <a:pt x="3785" y="677"/>
                    <a:pt x="3660" y="853"/>
                    <a:pt x="3735" y="953"/>
                  </a:cubicBezTo>
                  <a:cubicBezTo>
                    <a:pt x="3735" y="1078"/>
                    <a:pt x="3885" y="1229"/>
                    <a:pt x="4011" y="1304"/>
                  </a:cubicBezTo>
                  <a:cubicBezTo>
                    <a:pt x="4061" y="1304"/>
                    <a:pt x="4186" y="1304"/>
                    <a:pt x="4236" y="1229"/>
                  </a:cubicBezTo>
                  <a:cubicBezTo>
                    <a:pt x="4336" y="1179"/>
                    <a:pt x="4412" y="1003"/>
                    <a:pt x="4462" y="953"/>
                  </a:cubicBezTo>
                  <a:cubicBezTo>
                    <a:pt x="4562" y="903"/>
                    <a:pt x="4737" y="903"/>
                    <a:pt x="4863" y="903"/>
                  </a:cubicBezTo>
                  <a:lnTo>
                    <a:pt x="5138" y="903"/>
                  </a:lnTo>
                  <a:cubicBezTo>
                    <a:pt x="5188" y="953"/>
                    <a:pt x="5239" y="1179"/>
                    <a:pt x="5289" y="1304"/>
                  </a:cubicBezTo>
                  <a:cubicBezTo>
                    <a:pt x="5289" y="1304"/>
                    <a:pt x="5464" y="1354"/>
                    <a:pt x="5464" y="1404"/>
                  </a:cubicBezTo>
                  <a:cubicBezTo>
                    <a:pt x="5589" y="1454"/>
                    <a:pt x="5740" y="1529"/>
                    <a:pt x="5815" y="1630"/>
                  </a:cubicBezTo>
                  <a:cubicBezTo>
                    <a:pt x="5915" y="1680"/>
                    <a:pt x="5965" y="1981"/>
                    <a:pt x="6041" y="2081"/>
                  </a:cubicBezTo>
                  <a:cubicBezTo>
                    <a:pt x="6141" y="2131"/>
                    <a:pt x="6316" y="2256"/>
                    <a:pt x="6366" y="2256"/>
                  </a:cubicBezTo>
                  <a:cubicBezTo>
                    <a:pt x="6492" y="2256"/>
                    <a:pt x="6717" y="2256"/>
                    <a:pt x="6818" y="2206"/>
                  </a:cubicBezTo>
                  <a:cubicBezTo>
                    <a:pt x="6868" y="2131"/>
                    <a:pt x="6868" y="1981"/>
                    <a:pt x="6943" y="1905"/>
                  </a:cubicBezTo>
                  <a:cubicBezTo>
                    <a:pt x="6993" y="1855"/>
                    <a:pt x="7093" y="1805"/>
                    <a:pt x="7219" y="1805"/>
                  </a:cubicBezTo>
                  <a:cubicBezTo>
                    <a:pt x="7269" y="1805"/>
                    <a:pt x="7394" y="1905"/>
                    <a:pt x="7444" y="1981"/>
                  </a:cubicBezTo>
                  <a:cubicBezTo>
                    <a:pt x="7494" y="2031"/>
                    <a:pt x="7494" y="2206"/>
                    <a:pt x="7494" y="2256"/>
                  </a:cubicBezTo>
                  <a:cubicBezTo>
                    <a:pt x="7494" y="2357"/>
                    <a:pt x="7319" y="2482"/>
                    <a:pt x="7319" y="2582"/>
                  </a:cubicBezTo>
                  <a:cubicBezTo>
                    <a:pt x="7269" y="2657"/>
                    <a:pt x="7219" y="2758"/>
                    <a:pt x="7219" y="2808"/>
                  </a:cubicBezTo>
                  <a:cubicBezTo>
                    <a:pt x="7269" y="2883"/>
                    <a:pt x="7394" y="2983"/>
                    <a:pt x="7394" y="3033"/>
                  </a:cubicBezTo>
                  <a:cubicBezTo>
                    <a:pt x="7444" y="3108"/>
                    <a:pt x="7494" y="3209"/>
                    <a:pt x="7544" y="3259"/>
                  </a:cubicBezTo>
                  <a:cubicBezTo>
                    <a:pt x="7620" y="3434"/>
                    <a:pt x="7620" y="3835"/>
                    <a:pt x="7670" y="4011"/>
                  </a:cubicBezTo>
                  <a:cubicBezTo>
                    <a:pt x="7670" y="4111"/>
                    <a:pt x="7770" y="4236"/>
                    <a:pt x="7845" y="4336"/>
                  </a:cubicBezTo>
                  <a:cubicBezTo>
                    <a:pt x="7895" y="4387"/>
                    <a:pt x="8071" y="4512"/>
                    <a:pt x="8121" y="4562"/>
                  </a:cubicBezTo>
                  <a:cubicBezTo>
                    <a:pt x="8221" y="4612"/>
                    <a:pt x="8397" y="4788"/>
                    <a:pt x="8397" y="4913"/>
                  </a:cubicBezTo>
                  <a:cubicBezTo>
                    <a:pt x="8447" y="5013"/>
                    <a:pt x="8397" y="5189"/>
                    <a:pt x="8397" y="5289"/>
                  </a:cubicBezTo>
                  <a:cubicBezTo>
                    <a:pt x="8397" y="5364"/>
                    <a:pt x="8296" y="5514"/>
                    <a:pt x="8296" y="5640"/>
                  </a:cubicBezTo>
                  <a:lnTo>
                    <a:pt x="8296" y="6041"/>
                  </a:lnTo>
                  <a:cubicBezTo>
                    <a:pt x="8346" y="6141"/>
                    <a:pt x="8522" y="6266"/>
                    <a:pt x="8572" y="6316"/>
                  </a:cubicBezTo>
                  <a:cubicBezTo>
                    <a:pt x="8622" y="6367"/>
                    <a:pt x="8672" y="6492"/>
                    <a:pt x="8747" y="6542"/>
                  </a:cubicBezTo>
                  <a:cubicBezTo>
                    <a:pt x="8747" y="6642"/>
                    <a:pt x="8798" y="6768"/>
                    <a:pt x="8798" y="6818"/>
                  </a:cubicBezTo>
                  <a:cubicBezTo>
                    <a:pt x="8798" y="6943"/>
                    <a:pt x="8747" y="7093"/>
                    <a:pt x="8672" y="7219"/>
                  </a:cubicBezTo>
                  <a:cubicBezTo>
                    <a:pt x="8672" y="7394"/>
                    <a:pt x="8747" y="7670"/>
                    <a:pt x="8747" y="7770"/>
                  </a:cubicBezTo>
                  <a:cubicBezTo>
                    <a:pt x="8798" y="7895"/>
                    <a:pt x="8898" y="8071"/>
                    <a:pt x="8948" y="8171"/>
                  </a:cubicBezTo>
                  <a:cubicBezTo>
                    <a:pt x="9023" y="8296"/>
                    <a:pt x="9073" y="8522"/>
                    <a:pt x="9123" y="8622"/>
                  </a:cubicBezTo>
                  <a:cubicBezTo>
                    <a:pt x="9173" y="8672"/>
                    <a:pt x="9349" y="8848"/>
                    <a:pt x="9474" y="8848"/>
                  </a:cubicBezTo>
                  <a:cubicBezTo>
                    <a:pt x="9524" y="8898"/>
                    <a:pt x="9625" y="8848"/>
                    <a:pt x="9625" y="8798"/>
                  </a:cubicBezTo>
                  <a:cubicBezTo>
                    <a:pt x="9700" y="8748"/>
                    <a:pt x="9700" y="8572"/>
                    <a:pt x="9750" y="8522"/>
                  </a:cubicBezTo>
                  <a:cubicBezTo>
                    <a:pt x="9800" y="8522"/>
                    <a:pt x="9850" y="8447"/>
                    <a:pt x="9925" y="8447"/>
                  </a:cubicBezTo>
                  <a:cubicBezTo>
                    <a:pt x="10026" y="8447"/>
                    <a:pt x="10201" y="8522"/>
                    <a:pt x="10251" y="8572"/>
                  </a:cubicBezTo>
                  <a:cubicBezTo>
                    <a:pt x="10301" y="8622"/>
                    <a:pt x="10427" y="8672"/>
                    <a:pt x="10427" y="8748"/>
                  </a:cubicBezTo>
                  <a:cubicBezTo>
                    <a:pt x="10477" y="8798"/>
                    <a:pt x="10477" y="8973"/>
                    <a:pt x="10527" y="9073"/>
                  </a:cubicBezTo>
                  <a:cubicBezTo>
                    <a:pt x="10527" y="9123"/>
                    <a:pt x="10602" y="9349"/>
                    <a:pt x="10652" y="9424"/>
                  </a:cubicBezTo>
                  <a:cubicBezTo>
                    <a:pt x="10702" y="9474"/>
                    <a:pt x="10928" y="9524"/>
                    <a:pt x="10978" y="9524"/>
                  </a:cubicBezTo>
                  <a:cubicBezTo>
                    <a:pt x="11053" y="9474"/>
                    <a:pt x="11053" y="9424"/>
                    <a:pt x="11103" y="9349"/>
                  </a:cubicBezTo>
                  <a:cubicBezTo>
                    <a:pt x="11153" y="9299"/>
                    <a:pt x="11279" y="9123"/>
                    <a:pt x="11329" y="9123"/>
                  </a:cubicBezTo>
                  <a:cubicBezTo>
                    <a:pt x="11379" y="9123"/>
                    <a:pt x="11554" y="9123"/>
                    <a:pt x="11605" y="9199"/>
                  </a:cubicBezTo>
                  <a:cubicBezTo>
                    <a:pt x="11655" y="9249"/>
                    <a:pt x="11554" y="9424"/>
                    <a:pt x="11605" y="9474"/>
                  </a:cubicBezTo>
                  <a:cubicBezTo>
                    <a:pt x="11655" y="9575"/>
                    <a:pt x="11830" y="9650"/>
                    <a:pt x="11830" y="9750"/>
                  </a:cubicBezTo>
                  <a:cubicBezTo>
                    <a:pt x="11830" y="9800"/>
                    <a:pt x="11730" y="10026"/>
                    <a:pt x="11655" y="10101"/>
                  </a:cubicBezTo>
                  <a:cubicBezTo>
                    <a:pt x="11655" y="10151"/>
                    <a:pt x="11605" y="10201"/>
                    <a:pt x="11554" y="10201"/>
                  </a:cubicBezTo>
                  <a:lnTo>
                    <a:pt x="11554" y="10477"/>
                  </a:lnTo>
                  <a:cubicBezTo>
                    <a:pt x="11554" y="10552"/>
                    <a:pt x="11605" y="10702"/>
                    <a:pt x="11605" y="10778"/>
                  </a:cubicBezTo>
                  <a:cubicBezTo>
                    <a:pt x="11655" y="10828"/>
                    <a:pt x="11655" y="10878"/>
                    <a:pt x="11655" y="10953"/>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188" name="Google Shape;245;p16">
              <a:extLst>
                <a:ext uri="{FF2B5EF4-FFF2-40B4-BE49-F238E27FC236}">
                  <a16:creationId xmlns:a16="http://schemas.microsoft.com/office/drawing/2014/main" id="{D98FD0A0-8969-E1E6-0510-95BEEC25B04E}"/>
                </a:ext>
              </a:extLst>
            </p:cNvPr>
            <p:cNvSpPr/>
            <p:nvPr/>
          </p:nvSpPr>
          <p:spPr>
            <a:xfrm>
              <a:off x="2569322" y="2231241"/>
              <a:ext cx="330203" cy="444216"/>
            </a:xfrm>
            <a:custGeom>
              <a:avLst/>
              <a:gdLst/>
              <a:ahLst/>
              <a:cxnLst/>
              <a:rect l="l" t="t" r="r" b="b"/>
              <a:pathLst>
                <a:path w="11831" h="15916" extrusionOk="0">
                  <a:moveTo>
                    <a:pt x="3610" y="1"/>
                  </a:moveTo>
                  <a:cubicBezTo>
                    <a:pt x="3509" y="1"/>
                    <a:pt x="3334" y="1"/>
                    <a:pt x="3284" y="51"/>
                  </a:cubicBezTo>
                  <a:cubicBezTo>
                    <a:pt x="3209" y="51"/>
                    <a:pt x="3209" y="176"/>
                    <a:pt x="3158" y="176"/>
                  </a:cubicBezTo>
                  <a:cubicBezTo>
                    <a:pt x="3108" y="226"/>
                    <a:pt x="2933" y="276"/>
                    <a:pt x="2833" y="276"/>
                  </a:cubicBezTo>
                  <a:cubicBezTo>
                    <a:pt x="2757" y="276"/>
                    <a:pt x="2707" y="226"/>
                    <a:pt x="2607" y="226"/>
                  </a:cubicBezTo>
                  <a:cubicBezTo>
                    <a:pt x="2607" y="276"/>
                    <a:pt x="2607" y="326"/>
                    <a:pt x="2532" y="326"/>
                  </a:cubicBezTo>
                  <a:cubicBezTo>
                    <a:pt x="2482" y="452"/>
                    <a:pt x="2256" y="552"/>
                    <a:pt x="2156" y="627"/>
                  </a:cubicBezTo>
                  <a:cubicBezTo>
                    <a:pt x="2081" y="677"/>
                    <a:pt x="1980" y="778"/>
                    <a:pt x="1930" y="853"/>
                  </a:cubicBezTo>
                  <a:cubicBezTo>
                    <a:pt x="1805" y="903"/>
                    <a:pt x="1630" y="903"/>
                    <a:pt x="1579" y="953"/>
                  </a:cubicBezTo>
                  <a:cubicBezTo>
                    <a:pt x="1529" y="1003"/>
                    <a:pt x="1479" y="1229"/>
                    <a:pt x="1479" y="1304"/>
                  </a:cubicBezTo>
                  <a:cubicBezTo>
                    <a:pt x="1479" y="1404"/>
                    <a:pt x="1529" y="1580"/>
                    <a:pt x="1529" y="1680"/>
                  </a:cubicBezTo>
                  <a:cubicBezTo>
                    <a:pt x="1529" y="1755"/>
                    <a:pt x="1429" y="1855"/>
                    <a:pt x="1354" y="1905"/>
                  </a:cubicBezTo>
                  <a:cubicBezTo>
                    <a:pt x="1329" y="1943"/>
                    <a:pt x="1291" y="1943"/>
                    <a:pt x="1250" y="1943"/>
                  </a:cubicBezTo>
                  <a:cubicBezTo>
                    <a:pt x="1210" y="1943"/>
                    <a:pt x="1166" y="1943"/>
                    <a:pt x="1128" y="1981"/>
                  </a:cubicBezTo>
                  <a:cubicBezTo>
                    <a:pt x="1078" y="2031"/>
                    <a:pt x="1078" y="2131"/>
                    <a:pt x="1078" y="2131"/>
                  </a:cubicBezTo>
                  <a:cubicBezTo>
                    <a:pt x="1078" y="2256"/>
                    <a:pt x="1204" y="2432"/>
                    <a:pt x="1254" y="2532"/>
                  </a:cubicBezTo>
                  <a:cubicBezTo>
                    <a:pt x="1254" y="2582"/>
                    <a:pt x="1254" y="2808"/>
                    <a:pt x="1304" y="2933"/>
                  </a:cubicBezTo>
                  <a:cubicBezTo>
                    <a:pt x="1354" y="2983"/>
                    <a:pt x="1479" y="3108"/>
                    <a:pt x="1579" y="3159"/>
                  </a:cubicBezTo>
                  <a:cubicBezTo>
                    <a:pt x="1605" y="3184"/>
                    <a:pt x="1673" y="3184"/>
                    <a:pt x="1745" y="3184"/>
                  </a:cubicBezTo>
                  <a:cubicBezTo>
                    <a:pt x="1818" y="3184"/>
                    <a:pt x="1893" y="3184"/>
                    <a:pt x="1930" y="3209"/>
                  </a:cubicBezTo>
                  <a:cubicBezTo>
                    <a:pt x="2031" y="3259"/>
                    <a:pt x="2206" y="3434"/>
                    <a:pt x="2306" y="3484"/>
                  </a:cubicBezTo>
                  <a:cubicBezTo>
                    <a:pt x="2381" y="3610"/>
                    <a:pt x="2532" y="3885"/>
                    <a:pt x="2532" y="4011"/>
                  </a:cubicBezTo>
                  <a:cubicBezTo>
                    <a:pt x="2532" y="4111"/>
                    <a:pt x="2432" y="4286"/>
                    <a:pt x="2381" y="4336"/>
                  </a:cubicBezTo>
                  <a:cubicBezTo>
                    <a:pt x="2306" y="4387"/>
                    <a:pt x="2081" y="4462"/>
                    <a:pt x="2031" y="4512"/>
                  </a:cubicBezTo>
                  <a:cubicBezTo>
                    <a:pt x="1980" y="4562"/>
                    <a:pt x="1980" y="4788"/>
                    <a:pt x="1855" y="4838"/>
                  </a:cubicBezTo>
                  <a:cubicBezTo>
                    <a:pt x="1825" y="4875"/>
                    <a:pt x="1765" y="4886"/>
                    <a:pt x="1692" y="4886"/>
                  </a:cubicBezTo>
                  <a:cubicBezTo>
                    <a:pt x="1592" y="4886"/>
                    <a:pt x="1467" y="4865"/>
                    <a:pt x="1366" y="4865"/>
                  </a:cubicBezTo>
                  <a:cubicBezTo>
                    <a:pt x="1294" y="4865"/>
                    <a:pt x="1233" y="4876"/>
                    <a:pt x="1204" y="4913"/>
                  </a:cubicBezTo>
                  <a:cubicBezTo>
                    <a:pt x="1128" y="4963"/>
                    <a:pt x="1078" y="5138"/>
                    <a:pt x="1078" y="5239"/>
                  </a:cubicBezTo>
                  <a:cubicBezTo>
                    <a:pt x="1028" y="5289"/>
                    <a:pt x="1078" y="5590"/>
                    <a:pt x="978" y="5640"/>
                  </a:cubicBezTo>
                  <a:cubicBezTo>
                    <a:pt x="903" y="5740"/>
                    <a:pt x="752" y="5865"/>
                    <a:pt x="627" y="5865"/>
                  </a:cubicBezTo>
                  <a:cubicBezTo>
                    <a:pt x="577" y="5865"/>
                    <a:pt x="527" y="5740"/>
                    <a:pt x="527" y="5740"/>
                  </a:cubicBezTo>
                  <a:cubicBezTo>
                    <a:pt x="452" y="5690"/>
                    <a:pt x="351" y="5690"/>
                    <a:pt x="301" y="5690"/>
                  </a:cubicBezTo>
                  <a:cubicBezTo>
                    <a:pt x="226" y="5690"/>
                    <a:pt x="76" y="5915"/>
                    <a:pt x="76" y="5966"/>
                  </a:cubicBezTo>
                  <a:cubicBezTo>
                    <a:pt x="0" y="6091"/>
                    <a:pt x="76" y="6367"/>
                    <a:pt x="76" y="6492"/>
                  </a:cubicBezTo>
                  <a:cubicBezTo>
                    <a:pt x="76" y="6592"/>
                    <a:pt x="0" y="6818"/>
                    <a:pt x="76" y="6943"/>
                  </a:cubicBezTo>
                  <a:cubicBezTo>
                    <a:pt x="126" y="6993"/>
                    <a:pt x="301" y="7093"/>
                    <a:pt x="351" y="7219"/>
                  </a:cubicBezTo>
                  <a:cubicBezTo>
                    <a:pt x="351" y="7269"/>
                    <a:pt x="351" y="7444"/>
                    <a:pt x="401" y="7494"/>
                  </a:cubicBezTo>
                  <a:cubicBezTo>
                    <a:pt x="401" y="7545"/>
                    <a:pt x="577" y="7670"/>
                    <a:pt x="627" y="7770"/>
                  </a:cubicBezTo>
                  <a:cubicBezTo>
                    <a:pt x="677" y="7895"/>
                    <a:pt x="752" y="8221"/>
                    <a:pt x="677" y="8397"/>
                  </a:cubicBezTo>
                  <a:cubicBezTo>
                    <a:pt x="677" y="8447"/>
                    <a:pt x="677" y="8622"/>
                    <a:pt x="627" y="8672"/>
                  </a:cubicBezTo>
                  <a:cubicBezTo>
                    <a:pt x="627" y="8798"/>
                    <a:pt x="401" y="8898"/>
                    <a:pt x="401" y="8973"/>
                  </a:cubicBezTo>
                  <a:cubicBezTo>
                    <a:pt x="301" y="9073"/>
                    <a:pt x="301" y="9424"/>
                    <a:pt x="226" y="9524"/>
                  </a:cubicBezTo>
                  <a:cubicBezTo>
                    <a:pt x="176" y="9524"/>
                    <a:pt x="126" y="9650"/>
                    <a:pt x="76" y="9700"/>
                  </a:cubicBezTo>
                  <a:cubicBezTo>
                    <a:pt x="76" y="9750"/>
                    <a:pt x="126" y="9875"/>
                    <a:pt x="176" y="9925"/>
                  </a:cubicBezTo>
                  <a:cubicBezTo>
                    <a:pt x="176" y="9976"/>
                    <a:pt x="226" y="10151"/>
                    <a:pt x="226" y="10201"/>
                  </a:cubicBezTo>
                  <a:cubicBezTo>
                    <a:pt x="176" y="10251"/>
                    <a:pt x="126" y="10377"/>
                    <a:pt x="76" y="10427"/>
                  </a:cubicBezTo>
                  <a:cubicBezTo>
                    <a:pt x="76" y="10477"/>
                    <a:pt x="76" y="10652"/>
                    <a:pt x="126" y="10702"/>
                  </a:cubicBezTo>
                  <a:cubicBezTo>
                    <a:pt x="176" y="10778"/>
                    <a:pt x="351" y="10828"/>
                    <a:pt x="452" y="10828"/>
                  </a:cubicBezTo>
                  <a:cubicBezTo>
                    <a:pt x="452" y="10828"/>
                    <a:pt x="577" y="10702"/>
                    <a:pt x="627" y="10702"/>
                  </a:cubicBezTo>
                  <a:cubicBezTo>
                    <a:pt x="677" y="10702"/>
                    <a:pt x="752" y="10778"/>
                    <a:pt x="802" y="10828"/>
                  </a:cubicBezTo>
                  <a:lnTo>
                    <a:pt x="802" y="11053"/>
                  </a:lnTo>
                  <a:cubicBezTo>
                    <a:pt x="802" y="11103"/>
                    <a:pt x="752" y="11229"/>
                    <a:pt x="752" y="11279"/>
                  </a:cubicBezTo>
                  <a:cubicBezTo>
                    <a:pt x="677" y="11329"/>
                    <a:pt x="627" y="11329"/>
                    <a:pt x="577" y="11329"/>
                  </a:cubicBezTo>
                  <a:cubicBezTo>
                    <a:pt x="577" y="11404"/>
                    <a:pt x="527" y="11630"/>
                    <a:pt x="577" y="11680"/>
                  </a:cubicBezTo>
                  <a:cubicBezTo>
                    <a:pt x="577" y="11730"/>
                    <a:pt x="802" y="11730"/>
                    <a:pt x="853" y="11780"/>
                  </a:cubicBezTo>
                  <a:cubicBezTo>
                    <a:pt x="903" y="11855"/>
                    <a:pt x="978" y="11956"/>
                    <a:pt x="1028" y="12006"/>
                  </a:cubicBezTo>
                  <a:cubicBezTo>
                    <a:pt x="1078" y="12081"/>
                    <a:pt x="1254" y="12181"/>
                    <a:pt x="1304" y="12231"/>
                  </a:cubicBezTo>
                  <a:cubicBezTo>
                    <a:pt x="1354" y="12306"/>
                    <a:pt x="1429" y="12457"/>
                    <a:pt x="1429" y="12457"/>
                  </a:cubicBezTo>
                  <a:cubicBezTo>
                    <a:pt x="1529" y="12532"/>
                    <a:pt x="1705" y="12582"/>
                    <a:pt x="1755" y="12582"/>
                  </a:cubicBezTo>
                  <a:cubicBezTo>
                    <a:pt x="1805" y="12582"/>
                    <a:pt x="1930" y="12407"/>
                    <a:pt x="1980" y="12357"/>
                  </a:cubicBezTo>
                  <a:cubicBezTo>
                    <a:pt x="2031" y="12306"/>
                    <a:pt x="2206" y="12231"/>
                    <a:pt x="2256" y="12181"/>
                  </a:cubicBezTo>
                  <a:cubicBezTo>
                    <a:pt x="2306" y="12181"/>
                    <a:pt x="2482" y="12231"/>
                    <a:pt x="2607" y="12231"/>
                  </a:cubicBezTo>
                  <a:cubicBezTo>
                    <a:pt x="2707" y="12306"/>
                    <a:pt x="2883" y="12457"/>
                    <a:pt x="2983" y="12532"/>
                  </a:cubicBezTo>
                  <a:cubicBezTo>
                    <a:pt x="3058" y="12582"/>
                    <a:pt x="3158" y="12582"/>
                    <a:pt x="3158" y="12632"/>
                  </a:cubicBezTo>
                  <a:cubicBezTo>
                    <a:pt x="3209" y="12682"/>
                    <a:pt x="3334" y="12808"/>
                    <a:pt x="3334" y="12858"/>
                  </a:cubicBezTo>
                  <a:cubicBezTo>
                    <a:pt x="3334" y="12983"/>
                    <a:pt x="3284" y="13083"/>
                    <a:pt x="3334" y="13209"/>
                  </a:cubicBezTo>
                  <a:cubicBezTo>
                    <a:pt x="3334" y="13259"/>
                    <a:pt x="3384" y="13359"/>
                    <a:pt x="3434" y="13434"/>
                  </a:cubicBezTo>
                  <a:cubicBezTo>
                    <a:pt x="3434" y="13535"/>
                    <a:pt x="3559" y="13660"/>
                    <a:pt x="3610" y="13710"/>
                  </a:cubicBezTo>
                  <a:cubicBezTo>
                    <a:pt x="3660" y="13760"/>
                    <a:pt x="3610" y="13936"/>
                    <a:pt x="3660" y="13986"/>
                  </a:cubicBezTo>
                  <a:cubicBezTo>
                    <a:pt x="3735" y="14036"/>
                    <a:pt x="3885" y="14161"/>
                    <a:pt x="3960" y="14211"/>
                  </a:cubicBezTo>
                  <a:cubicBezTo>
                    <a:pt x="4061" y="14211"/>
                    <a:pt x="4236" y="14337"/>
                    <a:pt x="4286" y="14337"/>
                  </a:cubicBezTo>
                  <a:cubicBezTo>
                    <a:pt x="4412" y="14337"/>
                    <a:pt x="4562" y="14211"/>
                    <a:pt x="4637" y="14211"/>
                  </a:cubicBezTo>
                  <a:cubicBezTo>
                    <a:pt x="4737" y="14211"/>
                    <a:pt x="4913" y="14211"/>
                    <a:pt x="4963" y="14261"/>
                  </a:cubicBezTo>
                  <a:cubicBezTo>
                    <a:pt x="5013" y="14337"/>
                    <a:pt x="5013" y="14437"/>
                    <a:pt x="5088" y="14487"/>
                  </a:cubicBezTo>
                  <a:cubicBezTo>
                    <a:pt x="5088" y="14562"/>
                    <a:pt x="5088" y="14712"/>
                    <a:pt x="5013" y="14788"/>
                  </a:cubicBezTo>
                  <a:cubicBezTo>
                    <a:pt x="5013" y="14838"/>
                    <a:pt x="4913" y="14888"/>
                    <a:pt x="4913" y="14938"/>
                  </a:cubicBezTo>
                  <a:cubicBezTo>
                    <a:pt x="4913" y="15013"/>
                    <a:pt x="4913" y="15113"/>
                    <a:pt x="4963" y="15164"/>
                  </a:cubicBezTo>
                  <a:cubicBezTo>
                    <a:pt x="4963" y="15239"/>
                    <a:pt x="5138" y="15339"/>
                    <a:pt x="5188" y="15339"/>
                  </a:cubicBezTo>
                  <a:cubicBezTo>
                    <a:pt x="5239" y="15339"/>
                    <a:pt x="5289" y="15164"/>
                    <a:pt x="5364" y="15164"/>
                  </a:cubicBezTo>
                  <a:cubicBezTo>
                    <a:pt x="5414" y="15113"/>
                    <a:pt x="5589" y="15113"/>
                    <a:pt x="5640" y="15113"/>
                  </a:cubicBezTo>
                  <a:cubicBezTo>
                    <a:pt x="5690" y="15164"/>
                    <a:pt x="5740" y="15339"/>
                    <a:pt x="5690" y="15389"/>
                  </a:cubicBezTo>
                  <a:cubicBezTo>
                    <a:pt x="5690" y="15464"/>
                    <a:pt x="5640" y="15565"/>
                    <a:pt x="5640" y="15615"/>
                  </a:cubicBezTo>
                  <a:cubicBezTo>
                    <a:pt x="5589" y="15690"/>
                    <a:pt x="5640" y="15840"/>
                    <a:pt x="5690" y="15840"/>
                  </a:cubicBezTo>
                  <a:cubicBezTo>
                    <a:pt x="5740" y="15915"/>
                    <a:pt x="5915" y="15915"/>
                    <a:pt x="5965" y="15915"/>
                  </a:cubicBezTo>
                  <a:cubicBezTo>
                    <a:pt x="6041" y="15840"/>
                    <a:pt x="6091" y="15740"/>
                    <a:pt x="6141" y="15690"/>
                  </a:cubicBezTo>
                  <a:cubicBezTo>
                    <a:pt x="6266" y="15615"/>
                    <a:pt x="6492" y="15565"/>
                    <a:pt x="6542" y="15514"/>
                  </a:cubicBezTo>
                  <a:cubicBezTo>
                    <a:pt x="6592" y="15464"/>
                    <a:pt x="6717" y="15339"/>
                    <a:pt x="6717" y="15289"/>
                  </a:cubicBezTo>
                  <a:cubicBezTo>
                    <a:pt x="6717" y="15239"/>
                    <a:pt x="6642" y="15113"/>
                    <a:pt x="6642" y="15063"/>
                  </a:cubicBezTo>
                  <a:cubicBezTo>
                    <a:pt x="6642" y="15013"/>
                    <a:pt x="6717" y="14788"/>
                    <a:pt x="6767" y="14712"/>
                  </a:cubicBezTo>
                  <a:cubicBezTo>
                    <a:pt x="6767" y="14662"/>
                    <a:pt x="6943" y="14662"/>
                    <a:pt x="6993" y="14662"/>
                  </a:cubicBezTo>
                  <a:cubicBezTo>
                    <a:pt x="7043" y="14662"/>
                    <a:pt x="7168" y="14788"/>
                    <a:pt x="7219" y="14788"/>
                  </a:cubicBezTo>
                  <a:cubicBezTo>
                    <a:pt x="7269" y="14788"/>
                    <a:pt x="7444" y="14788"/>
                    <a:pt x="7494" y="14712"/>
                  </a:cubicBezTo>
                  <a:cubicBezTo>
                    <a:pt x="7544" y="14662"/>
                    <a:pt x="7620" y="14562"/>
                    <a:pt x="7620" y="14487"/>
                  </a:cubicBezTo>
                  <a:cubicBezTo>
                    <a:pt x="7620" y="14387"/>
                    <a:pt x="7544" y="14261"/>
                    <a:pt x="7494" y="14211"/>
                  </a:cubicBezTo>
                  <a:cubicBezTo>
                    <a:pt x="7494" y="14161"/>
                    <a:pt x="7444" y="13986"/>
                    <a:pt x="7444" y="13936"/>
                  </a:cubicBezTo>
                  <a:cubicBezTo>
                    <a:pt x="7444" y="13885"/>
                    <a:pt x="7494" y="13760"/>
                    <a:pt x="7544" y="13760"/>
                  </a:cubicBezTo>
                  <a:cubicBezTo>
                    <a:pt x="7620" y="13710"/>
                    <a:pt x="7770" y="13660"/>
                    <a:pt x="7845" y="13660"/>
                  </a:cubicBezTo>
                  <a:cubicBezTo>
                    <a:pt x="7895" y="13660"/>
                    <a:pt x="8071" y="13760"/>
                    <a:pt x="8121" y="13760"/>
                  </a:cubicBezTo>
                  <a:cubicBezTo>
                    <a:pt x="8171" y="13710"/>
                    <a:pt x="8346" y="13660"/>
                    <a:pt x="8397" y="13585"/>
                  </a:cubicBezTo>
                  <a:cubicBezTo>
                    <a:pt x="8447" y="13535"/>
                    <a:pt x="8447" y="13359"/>
                    <a:pt x="8522" y="13309"/>
                  </a:cubicBezTo>
                  <a:cubicBezTo>
                    <a:pt x="8572" y="13259"/>
                    <a:pt x="8798" y="13134"/>
                    <a:pt x="8848" y="13083"/>
                  </a:cubicBezTo>
                  <a:cubicBezTo>
                    <a:pt x="8948" y="12983"/>
                    <a:pt x="8948" y="12758"/>
                    <a:pt x="9023" y="12632"/>
                  </a:cubicBezTo>
                  <a:cubicBezTo>
                    <a:pt x="9023" y="12632"/>
                    <a:pt x="9123" y="12532"/>
                    <a:pt x="9173" y="12532"/>
                  </a:cubicBezTo>
                  <a:cubicBezTo>
                    <a:pt x="9249" y="12532"/>
                    <a:pt x="9349" y="12582"/>
                    <a:pt x="9399" y="12632"/>
                  </a:cubicBezTo>
                  <a:cubicBezTo>
                    <a:pt x="9474" y="12682"/>
                    <a:pt x="9524" y="12858"/>
                    <a:pt x="9625" y="12858"/>
                  </a:cubicBezTo>
                  <a:cubicBezTo>
                    <a:pt x="9700" y="12858"/>
                    <a:pt x="9800" y="12758"/>
                    <a:pt x="9850" y="12682"/>
                  </a:cubicBezTo>
                  <a:cubicBezTo>
                    <a:pt x="9850" y="12632"/>
                    <a:pt x="9925" y="12532"/>
                    <a:pt x="9925" y="12457"/>
                  </a:cubicBezTo>
                  <a:cubicBezTo>
                    <a:pt x="9975" y="12357"/>
                    <a:pt x="10076" y="12231"/>
                    <a:pt x="10151" y="12181"/>
                  </a:cubicBezTo>
                  <a:cubicBezTo>
                    <a:pt x="10251" y="12081"/>
                    <a:pt x="10527" y="12006"/>
                    <a:pt x="10702" y="12006"/>
                  </a:cubicBezTo>
                  <a:cubicBezTo>
                    <a:pt x="10807" y="12006"/>
                    <a:pt x="10981" y="12093"/>
                    <a:pt x="11094" y="12093"/>
                  </a:cubicBezTo>
                  <a:cubicBezTo>
                    <a:pt x="11117" y="12093"/>
                    <a:pt x="11137" y="12089"/>
                    <a:pt x="11153" y="12081"/>
                  </a:cubicBezTo>
                  <a:cubicBezTo>
                    <a:pt x="11204" y="12081"/>
                    <a:pt x="11279" y="11905"/>
                    <a:pt x="11329" y="11855"/>
                  </a:cubicBezTo>
                  <a:cubicBezTo>
                    <a:pt x="11329" y="11730"/>
                    <a:pt x="11379" y="11555"/>
                    <a:pt x="11429" y="11454"/>
                  </a:cubicBezTo>
                  <a:cubicBezTo>
                    <a:pt x="11429" y="11404"/>
                    <a:pt x="11605" y="11279"/>
                    <a:pt x="11605" y="11229"/>
                  </a:cubicBezTo>
                  <a:cubicBezTo>
                    <a:pt x="11605" y="11179"/>
                    <a:pt x="11655" y="11053"/>
                    <a:pt x="11655" y="10953"/>
                  </a:cubicBezTo>
                  <a:cubicBezTo>
                    <a:pt x="11655" y="10878"/>
                    <a:pt x="11655" y="10828"/>
                    <a:pt x="11605" y="10778"/>
                  </a:cubicBezTo>
                  <a:cubicBezTo>
                    <a:pt x="11605" y="10702"/>
                    <a:pt x="11554" y="10552"/>
                    <a:pt x="11554" y="10477"/>
                  </a:cubicBezTo>
                  <a:lnTo>
                    <a:pt x="11554" y="10201"/>
                  </a:lnTo>
                  <a:cubicBezTo>
                    <a:pt x="11605" y="10201"/>
                    <a:pt x="11655" y="10151"/>
                    <a:pt x="11655" y="10101"/>
                  </a:cubicBezTo>
                  <a:cubicBezTo>
                    <a:pt x="11730" y="10026"/>
                    <a:pt x="11830" y="9800"/>
                    <a:pt x="11830" y="9750"/>
                  </a:cubicBezTo>
                  <a:cubicBezTo>
                    <a:pt x="11830" y="9650"/>
                    <a:pt x="11655" y="9575"/>
                    <a:pt x="11605" y="9474"/>
                  </a:cubicBezTo>
                  <a:cubicBezTo>
                    <a:pt x="11554" y="9424"/>
                    <a:pt x="11655" y="9249"/>
                    <a:pt x="11605" y="9199"/>
                  </a:cubicBezTo>
                  <a:cubicBezTo>
                    <a:pt x="11554" y="9123"/>
                    <a:pt x="11379" y="9123"/>
                    <a:pt x="11329" y="9123"/>
                  </a:cubicBezTo>
                  <a:cubicBezTo>
                    <a:pt x="11279" y="9123"/>
                    <a:pt x="11153" y="9299"/>
                    <a:pt x="11103" y="9349"/>
                  </a:cubicBezTo>
                  <a:cubicBezTo>
                    <a:pt x="11053" y="9424"/>
                    <a:pt x="11053" y="9474"/>
                    <a:pt x="10978" y="9524"/>
                  </a:cubicBezTo>
                  <a:cubicBezTo>
                    <a:pt x="10928" y="9524"/>
                    <a:pt x="10702" y="9474"/>
                    <a:pt x="10652" y="9424"/>
                  </a:cubicBezTo>
                  <a:cubicBezTo>
                    <a:pt x="10602" y="9349"/>
                    <a:pt x="10527" y="9123"/>
                    <a:pt x="10527" y="9073"/>
                  </a:cubicBezTo>
                  <a:cubicBezTo>
                    <a:pt x="10477" y="8973"/>
                    <a:pt x="10477" y="8798"/>
                    <a:pt x="10427" y="8748"/>
                  </a:cubicBezTo>
                  <a:cubicBezTo>
                    <a:pt x="10427" y="8672"/>
                    <a:pt x="10301" y="8622"/>
                    <a:pt x="10251" y="8572"/>
                  </a:cubicBezTo>
                  <a:cubicBezTo>
                    <a:pt x="10201" y="8522"/>
                    <a:pt x="10026" y="8447"/>
                    <a:pt x="9925" y="8447"/>
                  </a:cubicBezTo>
                  <a:cubicBezTo>
                    <a:pt x="9850" y="8447"/>
                    <a:pt x="9800" y="8522"/>
                    <a:pt x="9750" y="8522"/>
                  </a:cubicBezTo>
                  <a:cubicBezTo>
                    <a:pt x="9700" y="8572"/>
                    <a:pt x="9700" y="8748"/>
                    <a:pt x="9625" y="8798"/>
                  </a:cubicBezTo>
                  <a:cubicBezTo>
                    <a:pt x="9625" y="8833"/>
                    <a:pt x="9574" y="8869"/>
                    <a:pt x="9527" y="8869"/>
                  </a:cubicBezTo>
                  <a:cubicBezTo>
                    <a:pt x="9508" y="8869"/>
                    <a:pt x="9489" y="8862"/>
                    <a:pt x="9474" y="8848"/>
                  </a:cubicBezTo>
                  <a:cubicBezTo>
                    <a:pt x="9349" y="8848"/>
                    <a:pt x="9173" y="8672"/>
                    <a:pt x="9123" y="8622"/>
                  </a:cubicBezTo>
                  <a:cubicBezTo>
                    <a:pt x="9073" y="8522"/>
                    <a:pt x="9023" y="8296"/>
                    <a:pt x="8948" y="8171"/>
                  </a:cubicBezTo>
                  <a:cubicBezTo>
                    <a:pt x="8898" y="8071"/>
                    <a:pt x="8798" y="7895"/>
                    <a:pt x="8747" y="7770"/>
                  </a:cubicBezTo>
                  <a:cubicBezTo>
                    <a:pt x="8747" y="7670"/>
                    <a:pt x="8672" y="7394"/>
                    <a:pt x="8672" y="7219"/>
                  </a:cubicBezTo>
                  <a:cubicBezTo>
                    <a:pt x="8747" y="7093"/>
                    <a:pt x="8798" y="6943"/>
                    <a:pt x="8798" y="6818"/>
                  </a:cubicBezTo>
                  <a:cubicBezTo>
                    <a:pt x="8798" y="6768"/>
                    <a:pt x="8747" y="6642"/>
                    <a:pt x="8747" y="6542"/>
                  </a:cubicBezTo>
                  <a:cubicBezTo>
                    <a:pt x="8672" y="6492"/>
                    <a:pt x="8622" y="6367"/>
                    <a:pt x="8572" y="6316"/>
                  </a:cubicBezTo>
                  <a:cubicBezTo>
                    <a:pt x="8522" y="6266"/>
                    <a:pt x="8346" y="6141"/>
                    <a:pt x="8296" y="6041"/>
                  </a:cubicBezTo>
                  <a:lnTo>
                    <a:pt x="8296" y="5640"/>
                  </a:lnTo>
                  <a:cubicBezTo>
                    <a:pt x="8296" y="5514"/>
                    <a:pt x="8397" y="5364"/>
                    <a:pt x="8397" y="5289"/>
                  </a:cubicBezTo>
                  <a:cubicBezTo>
                    <a:pt x="8397" y="5189"/>
                    <a:pt x="8447" y="5013"/>
                    <a:pt x="8397" y="4913"/>
                  </a:cubicBezTo>
                  <a:cubicBezTo>
                    <a:pt x="8397" y="4788"/>
                    <a:pt x="8221" y="4612"/>
                    <a:pt x="8121" y="4562"/>
                  </a:cubicBezTo>
                  <a:cubicBezTo>
                    <a:pt x="8071" y="4512"/>
                    <a:pt x="7895" y="4387"/>
                    <a:pt x="7845" y="4336"/>
                  </a:cubicBezTo>
                  <a:cubicBezTo>
                    <a:pt x="7770" y="4236"/>
                    <a:pt x="7670" y="4111"/>
                    <a:pt x="7670" y="4011"/>
                  </a:cubicBezTo>
                  <a:cubicBezTo>
                    <a:pt x="7620" y="3835"/>
                    <a:pt x="7620" y="3434"/>
                    <a:pt x="7544" y="3259"/>
                  </a:cubicBezTo>
                  <a:cubicBezTo>
                    <a:pt x="7494" y="3209"/>
                    <a:pt x="7444" y="3108"/>
                    <a:pt x="7394" y="3033"/>
                  </a:cubicBezTo>
                  <a:cubicBezTo>
                    <a:pt x="7394" y="2983"/>
                    <a:pt x="7269" y="2883"/>
                    <a:pt x="7219" y="2808"/>
                  </a:cubicBezTo>
                  <a:cubicBezTo>
                    <a:pt x="7219" y="2758"/>
                    <a:pt x="7269" y="2657"/>
                    <a:pt x="7319" y="2582"/>
                  </a:cubicBezTo>
                  <a:cubicBezTo>
                    <a:pt x="7319" y="2482"/>
                    <a:pt x="7494" y="2357"/>
                    <a:pt x="7494" y="2256"/>
                  </a:cubicBezTo>
                  <a:cubicBezTo>
                    <a:pt x="7494" y="2206"/>
                    <a:pt x="7494" y="2031"/>
                    <a:pt x="7444" y="1981"/>
                  </a:cubicBezTo>
                  <a:cubicBezTo>
                    <a:pt x="7394" y="1905"/>
                    <a:pt x="7269" y="1805"/>
                    <a:pt x="7219" y="1805"/>
                  </a:cubicBezTo>
                  <a:cubicBezTo>
                    <a:pt x="7093" y="1805"/>
                    <a:pt x="6993" y="1855"/>
                    <a:pt x="6943" y="1905"/>
                  </a:cubicBezTo>
                  <a:cubicBezTo>
                    <a:pt x="6868" y="1981"/>
                    <a:pt x="6868" y="2131"/>
                    <a:pt x="6818" y="2206"/>
                  </a:cubicBezTo>
                  <a:cubicBezTo>
                    <a:pt x="6717" y="2256"/>
                    <a:pt x="6492" y="2256"/>
                    <a:pt x="6366" y="2256"/>
                  </a:cubicBezTo>
                  <a:cubicBezTo>
                    <a:pt x="6316" y="2256"/>
                    <a:pt x="6141" y="2131"/>
                    <a:pt x="6041" y="2081"/>
                  </a:cubicBezTo>
                  <a:cubicBezTo>
                    <a:pt x="5965" y="1981"/>
                    <a:pt x="5915" y="1680"/>
                    <a:pt x="5815" y="1630"/>
                  </a:cubicBezTo>
                  <a:cubicBezTo>
                    <a:pt x="5740" y="1529"/>
                    <a:pt x="5589" y="1454"/>
                    <a:pt x="5464" y="1404"/>
                  </a:cubicBezTo>
                  <a:cubicBezTo>
                    <a:pt x="5464" y="1354"/>
                    <a:pt x="5289" y="1304"/>
                    <a:pt x="5289" y="1304"/>
                  </a:cubicBezTo>
                  <a:cubicBezTo>
                    <a:pt x="5239" y="1179"/>
                    <a:pt x="5188" y="953"/>
                    <a:pt x="5138" y="903"/>
                  </a:cubicBezTo>
                  <a:lnTo>
                    <a:pt x="4863" y="903"/>
                  </a:lnTo>
                  <a:cubicBezTo>
                    <a:pt x="4737" y="903"/>
                    <a:pt x="4562" y="903"/>
                    <a:pt x="4462" y="953"/>
                  </a:cubicBezTo>
                  <a:cubicBezTo>
                    <a:pt x="4412" y="1003"/>
                    <a:pt x="4336" y="1179"/>
                    <a:pt x="4236" y="1229"/>
                  </a:cubicBezTo>
                  <a:cubicBezTo>
                    <a:pt x="4186" y="1304"/>
                    <a:pt x="4061" y="1304"/>
                    <a:pt x="4011" y="1304"/>
                  </a:cubicBezTo>
                  <a:cubicBezTo>
                    <a:pt x="3885" y="1229"/>
                    <a:pt x="3735" y="1078"/>
                    <a:pt x="3735" y="953"/>
                  </a:cubicBezTo>
                  <a:cubicBezTo>
                    <a:pt x="3660" y="853"/>
                    <a:pt x="3785" y="677"/>
                    <a:pt x="3835" y="627"/>
                  </a:cubicBezTo>
                  <a:cubicBezTo>
                    <a:pt x="3835" y="552"/>
                    <a:pt x="3960" y="502"/>
                    <a:pt x="3960" y="452"/>
                  </a:cubicBezTo>
                  <a:cubicBezTo>
                    <a:pt x="4011" y="326"/>
                    <a:pt x="3960" y="176"/>
                    <a:pt x="3885" y="101"/>
                  </a:cubicBezTo>
                  <a:cubicBezTo>
                    <a:pt x="3835" y="51"/>
                    <a:pt x="3660" y="1"/>
                    <a:pt x="3610" y="1"/>
                  </a:cubicBezTo>
                  <a:close/>
                </a:path>
              </a:pathLst>
            </a:custGeom>
            <a:solidFill>
              <a:schemeClr val="bg1"/>
            </a:solidFill>
            <a:ln>
              <a:noFill/>
            </a:ln>
          </p:spPr>
          <p:txBody>
            <a:bodyPr spcFirstLastPara="1" wrap="square" lIns="121900" tIns="121900" rIns="121900" bIns="121900" anchor="ctr" anchorCtr="0">
              <a:noAutofit/>
            </a:bodyPr>
            <a:lstStyle/>
            <a:p>
              <a:endParaRPr sz="2400"/>
            </a:p>
          </p:txBody>
        </p:sp>
        <p:sp>
          <p:nvSpPr>
            <p:cNvPr id="189" name="Google Shape;246;p16">
              <a:extLst>
                <a:ext uri="{FF2B5EF4-FFF2-40B4-BE49-F238E27FC236}">
                  <a16:creationId xmlns:a16="http://schemas.microsoft.com/office/drawing/2014/main" id="{0160F461-0BF7-71A7-86E0-B54E0BDC460E}"/>
                </a:ext>
              </a:extLst>
            </p:cNvPr>
            <p:cNvSpPr/>
            <p:nvPr/>
          </p:nvSpPr>
          <p:spPr>
            <a:xfrm>
              <a:off x="2569322" y="2231241"/>
              <a:ext cx="330203" cy="444216"/>
            </a:xfrm>
            <a:custGeom>
              <a:avLst/>
              <a:gdLst/>
              <a:ahLst/>
              <a:cxnLst/>
              <a:rect l="l" t="t" r="r" b="b"/>
              <a:pathLst>
                <a:path w="11831" h="15916" fill="none" extrusionOk="0">
                  <a:moveTo>
                    <a:pt x="11655" y="10953"/>
                  </a:moveTo>
                  <a:cubicBezTo>
                    <a:pt x="11655" y="11053"/>
                    <a:pt x="11605" y="11179"/>
                    <a:pt x="11605" y="11229"/>
                  </a:cubicBezTo>
                  <a:cubicBezTo>
                    <a:pt x="11605" y="11279"/>
                    <a:pt x="11429" y="11404"/>
                    <a:pt x="11429" y="11454"/>
                  </a:cubicBezTo>
                  <a:cubicBezTo>
                    <a:pt x="11379" y="11555"/>
                    <a:pt x="11329" y="11730"/>
                    <a:pt x="11329" y="11855"/>
                  </a:cubicBezTo>
                  <a:cubicBezTo>
                    <a:pt x="11279" y="11905"/>
                    <a:pt x="11204" y="12081"/>
                    <a:pt x="11153" y="12081"/>
                  </a:cubicBezTo>
                  <a:cubicBezTo>
                    <a:pt x="11053" y="12131"/>
                    <a:pt x="10828" y="12006"/>
                    <a:pt x="10702" y="12006"/>
                  </a:cubicBezTo>
                  <a:cubicBezTo>
                    <a:pt x="10527" y="12006"/>
                    <a:pt x="10251" y="12081"/>
                    <a:pt x="10151" y="12181"/>
                  </a:cubicBezTo>
                  <a:cubicBezTo>
                    <a:pt x="10076" y="12231"/>
                    <a:pt x="9975" y="12357"/>
                    <a:pt x="9925" y="12457"/>
                  </a:cubicBezTo>
                  <a:cubicBezTo>
                    <a:pt x="9925" y="12532"/>
                    <a:pt x="9850" y="12632"/>
                    <a:pt x="9850" y="12682"/>
                  </a:cubicBezTo>
                  <a:cubicBezTo>
                    <a:pt x="9800" y="12758"/>
                    <a:pt x="9700" y="12858"/>
                    <a:pt x="9625" y="12858"/>
                  </a:cubicBezTo>
                  <a:cubicBezTo>
                    <a:pt x="9524" y="12858"/>
                    <a:pt x="9474" y="12682"/>
                    <a:pt x="9399" y="12632"/>
                  </a:cubicBezTo>
                  <a:cubicBezTo>
                    <a:pt x="9349" y="12582"/>
                    <a:pt x="9249" y="12532"/>
                    <a:pt x="9173" y="12532"/>
                  </a:cubicBezTo>
                  <a:cubicBezTo>
                    <a:pt x="9123" y="12532"/>
                    <a:pt x="9023" y="12632"/>
                    <a:pt x="9023" y="12632"/>
                  </a:cubicBezTo>
                  <a:cubicBezTo>
                    <a:pt x="8948" y="12758"/>
                    <a:pt x="8948" y="12983"/>
                    <a:pt x="8848" y="13083"/>
                  </a:cubicBezTo>
                  <a:cubicBezTo>
                    <a:pt x="8798" y="13134"/>
                    <a:pt x="8572" y="13259"/>
                    <a:pt x="8522" y="13309"/>
                  </a:cubicBezTo>
                  <a:cubicBezTo>
                    <a:pt x="8447" y="13359"/>
                    <a:pt x="8447" y="13535"/>
                    <a:pt x="8397" y="13585"/>
                  </a:cubicBezTo>
                  <a:cubicBezTo>
                    <a:pt x="8346" y="13660"/>
                    <a:pt x="8171" y="13710"/>
                    <a:pt x="8121" y="13760"/>
                  </a:cubicBezTo>
                  <a:cubicBezTo>
                    <a:pt x="8071" y="13760"/>
                    <a:pt x="7895" y="13660"/>
                    <a:pt x="7845" y="13660"/>
                  </a:cubicBezTo>
                  <a:cubicBezTo>
                    <a:pt x="7770" y="13660"/>
                    <a:pt x="7620" y="13710"/>
                    <a:pt x="7544" y="13760"/>
                  </a:cubicBezTo>
                  <a:cubicBezTo>
                    <a:pt x="7494" y="13760"/>
                    <a:pt x="7444" y="13885"/>
                    <a:pt x="7444" y="13936"/>
                  </a:cubicBezTo>
                  <a:cubicBezTo>
                    <a:pt x="7444" y="13986"/>
                    <a:pt x="7494" y="14161"/>
                    <a:pt x="7494" y="14211"/>
                  </a:cubicBezTo>
                  <a:cubicBezTo>
                    <a:pt x="7544" y="14261"/>
                    <a:pt x="7620" y="14387"/>
                    <a:pt x="7620" y="14487"/>
                  </a:cubicBezTo>
                  <a:cubicBezTo>
                    <a:pt x="7620" y="14562"/>
                    <a:pt x="7544" y="14662"/>
                    <a:pt x="7494" y="14712"/>
                  </a:cubicBezTo>
                  <a:cubicBezTo>
                    <a:pt x="7444" y="14788"/>
                    <a:pt x="7269" y="14788"/>
                    <a:pt x="7219" y="14788"/>
                  </a:cubicBezTo>
                  <a:cubicBezTo>
                    <a:pt x="7168" y="14788"/>
                    <a:pt x="7043" y="14662"/>
                    <a:pt x="6993" y="14662"/>
                  </a:cubicBezTo>
                  <a:cubicBezTo>
                    <a:pt x="6943" y="14662"/>
                    <a:pt x="6767" y="14662"/>
                    <a:pt x="6767" y="14712"/>
                  </a:cubicBezTo>
                  <a:cubicBezTo>
                    <a:pt x="6717" y="14788"/>
                    <a:pt x="6642" y="15013"/>
                    <a:pt x="6642" y="15063"/>
                  </a:cubicBezTo>
                  <a:cubicBezTo>
                    <a:pt x="6642" y="15113"/>
                    <a:pt x="6717" y="15239"/>
                    <a:pt x="6717" y="15289"/>
                  </a:cubicBezTo>
                  <a:cubicBezTo>
                    <a:pt x="6717" y="15339"/>
                    <a:pt x="6592" y="15464"/>
                    <a:pt x="6542" y="15514"/>
                  </a:cubicBezTo>
                  <a:cubicBezTo>
                    <a:pt x="6492" y="15565"/>
                    <a:pt x="6266" y="15615"/>
                    <a:pt x="6141" y="15690"/>
                  </a:cubicBezTo>
                  <a:cubicBezTo>
                    <a:pt x="6091" y="15740"/>
                    <a:pt x="6041" y="15840"/>
                    <a:pt x="5965" y="15915"/>
                  </a:cubicBezTo>
                  <a:cubicBezTo>
                    <a:pt x="5915" y="15915"/>
                    <a:pt x="5740" y="15915"/>
                    <a:pt x="5690" y="15840"/>
                  </a:cubicBezTo>
                  <a:cubicBezTo>
                    <a:pt x="5640" y="15840"/>
                    <a:pt x="5589" y="15690"/>
                    <a:pt x="5640" y="15615"/>
                  </a:cubicBezTo>
                  <a:cubicBezTo>
                    <a:pt x="5640" y="15565"/>
                    <a:pt x="5690" y="15464"/>
                    <a:pt x="5690" y="15389"/>
                  </a:cubicBezTo>
                  <a:cubicBezTo>
                    <a:pt x="5740" y="15339"/>
                    <a:pt x="5690" y="15164"/>
                    <a:pt x="5640" y="15113"/>
                  </a:cubicBezTo>
                  <a:cubicBezTo>
                    <a:pt x="5589" y="15113"/>
                    <a:pt x="5414" y="15113"/>
                    <a:pt x="5364" y="15164"/>
                  </a:cubicBezTo>
                  <a:cubicBezTo>
                    <a:pt x="5289" y="15164"/>
                    <a:pt x="5239" y="15339"/>
                    <a:pt x="5188" y="15339"/>
                  </a:cubicBezTo>
                  <a:cubicBezTo>
                    <a:pt x="5138" y="15339"/>
                    <a:pt x="4963" y="15239"/>
                    <a:pt x="4963" y="15164"/>
                  </a:cubicBezTo>
                  <a:cubicBezTo>
                    <a:pt x="4913" y="15113"/>
                    <a:pt x="4913" y="15013"/>
                    <a:pt x="4913" y="14938"/>
                  </a:cubicBezTo>
                  <a:cubicBezTo>
                    <a:pt x="4913" y="14888"/>
                    <a:pt x="5013" y="14838"/>
                    <a:pt x="5013" y="14788"/>
                  </a:cubicBezTo>
                  <a:cubicBezTo>
                    <a:pt x="5088" y="14712"/>
                    <a:pt x="5088" y="14562"/>
                    <a:pt x="5088" y="14487"/>
                  </a:cubicBezTo>
                  <a:cubicBezTo>
                    <a:pt x="5013" y="14437"/>
                    <a:pt x="5013" y="14337"/>
                    <a:pt x="4963" y="14261"/>
                  </a:cubicBezTo>
                  <a:cubicBezTo>
                    <a:pt x="4913" y="14211"/>
                    <a:pt x="4737" y="14211"/>
                    <a:pt x="4637" y="14211"/>
                  </a:cubicBezTo>
                  <a:cubicBezTo>
                    <a:pt x="4562" y="14211"/>
                    <a:pt x="4412" y="14337"/>
                    <a:pt x="4286" y="14337"/>
                  </a:cubicBezTo>
                  <a:cubicBezTo>
                    <a:pt x="4236" y="14337"/>
                    <a:pt x="4061" y="14211"/>
                    <a:pt x="3960" y="14211"/>
                  </a:cubicBezTo>
                  <a:cubicBezTo>
                    <a:pt x="3885" y="14161"/>
                    <a:pt x="3735" y="14036"/>
                    <a:pt x="3660" y="13986"/>
                  </a:cubicBezTo>
                  <a:cubicBezTo>
                    <a:pt x="3610" y="13936"/>
                    <a:pt x="3660" y="13760"/>
                    <a:pt x="3610" y="13710"/>
                  </a:cubicBezTo>
                  <a:cubicBezTo>
                    <a:pt x="3559" y="13660"/>
                    <a:pt x="3434" y="13535"/>
                    <a:pt x="3434" y="13434"/>
                  </a:cubicBezTo>
                  <a:cubicBezTo>
                    <a:pt x="3384" y="13359"/>
                    <a:pt x="3334" y="13259"/>
                    <a:pt x="3334" y="13209"/>
                  </a:cubicBezTo>
                  <a:cubicBezTo>
                    <a:pt x="3284" y="13083"/>
                    <a:pt x="3334" y="12983"/>
                    <a:pt x="3334" y="12858"/>
                  </a:cubicBezTo>
                  <a:cubicBezTo>
                    <a:pt x="3334" y="12808"/>
                    <a:pt x="3209" y="12682"/>
                    <a:pt x="3158" y="12632"/>
                  </a:cubicBezTo>
                  <a:cubicBezTo>
                    <a:pt x="3158" y="12582"/>
                    <a:pt x="3058" y="12582"/>
                    <a:pt x="2983" y="12532"/>
                  </a:cubicBezTo>
                  <a:cubicBezTo>
                    <a:pt x="2883" y="12457"/>
                    <a:pt x="2707" y="12306"/>
                    <a:pt x="2607" y="12231"/>
                  </a:cubicBezTo>
                  <a:cubicBezTo>
                    <a:pt x="2482" y="12231"/>
                    <a:pt x="2306" y="12181"/>
                    <a:pt x="2256" y="12181"/>
                  </a:cubicBezTo>
                  <a:cubicBezTo>
                    <a:pt x="2206" y="12231"/>
                    <a:pt x="2031" y="12306"/>
                    <a:pt x="1980" y="12357"/>
                  </a:cubicBezTo>
                  <a:cubicBezTo>
                    <a:pt x="1930" y="12407"/>
                    <a:pt x="1805" y="12582"/>
                    <a:pt x="1755" y="12582"/>
                  </a:cubicBezTo>
                  <a:cubicBezTo>
                    <a:pt x="1705" y="12582"/>
                    <a:pt x="1529" y="12532"/>
                    <a:pt x="1429" y="12457"/>
                  </a:cubicBezTo>
                  <a:cubicBezTo>
                    <a:pt x="1429" y="12457"/>
                    <a:pt x="1354" y="12306"/>
                    <a:pt x="1304" y="12231"/>
                  </a:cubicBezTo>
                  <a:cubicBezTo>
                    <a:pt x="1254" y="12181"/>
                    <a:pt x="1078" y="12081"/>
                    <a:pt x="1028" y="12006"/>
                  </a:cubicBezTo>
                  <a:cubicBezTo>
                    <a:pt x="978" y="11956"/>
                    <a:pt x="903" y="11855"/>
                    <a:pt x="853" y="11780"/>
                  </a:cubicBezTo>
                  <a:cubicBezTo>
                    <a:pt x="802" y="11730"/>
                    <a:pt x="577" y="11730"/>
                    <a:pt x="577" y="11680"/>
                  </a:cubicBezTo>
                  <a:cubicBezTo>
                    <a:pt x="527" y="11630"/>
                    <a:pt x="577" y="11404"/>
                    <a:pt x="577" y="11329"/>
                  </a:cubicBezTo>
                  <a:cubicBezTo>
                    <a:pt x="627" y="11329"/>
                    <a:pt x="677" y="11329"/>
                    <a:pt x="752" y="11279"/>
                  </a:cubicBezTo>
                  <a:cubicBezTo>
                    <a:pt x="752" y="11229"/>
                    <a:pt x="802" y="11103"/>
                    <a:pt x="802" y="11053"/>
                  </a:cubicBezTo>
                  <a:lnTo>
                    <a:pt x="802" y="10828"/>
                  </a:lnTo>
                  <a:cubicBezTo>
                    <a:pt x="752" y="10778"/>
                    <a:pt x="677" y="10702"/>
                    <a:pt x="627" y="10702"/>
                  </a:cubicBezTo>
                  <a:cubicBezTo>
                    <a:pt x="577" y="10702"/>
                    <a:pt x="452" y="10828"/>
                    <a:pt x="452" y="10828"/>
                  </a:cubicBezTo>
                  <a:cubicBezTo>
                    <a:pt x="351" y="10828"/>
                    <a:pt x="176" y="10778"/>
                    <a:pt x="126" y="10702"/>
                  </a:cubicBezTo>
                  <a:cubicBezTo>
                    <a:pt x="76" y="10652"/>
                    <a:pt x="76" y="10477"/>
                    <a:pt x="76" y="10427"/>
                  </a:cubicBezTo>
                  <a:cubicBezTo>
                    <a:pt x="126" y="10377"/>
                    <a:pt x="176" y="10251"/>
                    <a:pt x="226" y="10201"/>
                  </a:cubicBezTo>
                  <a:cubicBezTo>
                    <a:pt x="226" y="10151"/>
                    <a:pt x="176" y="9976"/>
                    <a:pt x="176" y="9925"/>
                  </a:cubicBezTo>
                  <a:cubicBezTo>
                    <a:pt x="126" y="9875"/>
                    <a:pt x="76" y="9750"/>
                    <a:pt x="76" y="9700"/>
                  </a:cubicBezTo>
                  <a:cubicBezTo>
                    <a:pt x="126" y="9650"/>
                    <a:pt x="176" y="9524"/>
                    <a:pt x="226" y="9524"/>
                  </a:cubicBezTo>
                  <a:cubicBezTo>
                    <a:pt x="301" y="9424"/>
                    <a:pt x="301" y="9073"/>
                    <a:pt x="401" y="8973"/>
                  </a:cubicBezTo>
                  <a:cubicBezTo>
                    <a:pt x="401" y="8898"/>
                    <a:pt x="627" y="8798"/>
                    <a:pt x="627" y="8672"/>
                  </a:cubicBezTo>
                  <a:cubicBezTo>
                    <a:pt x="677" y="8622"/>
                    <a:pt x="677" y="8447"/>
                    <a:pt x="677" y="8397"/>
                  </a:cubicBezTo>
                  <a:cubicBezTo>
                    <a:pt x="752" y="8221"/>
                    <a:pt x="677" y="7895"/>
                    <a:pt x="627" y="7770"/>
                  </a:cubicBezTo>
                  <a:cubicBezTo>
                    <a:pt x="577" y="7670"/>
                    <a:pt x="401" y="7545"/>
                    <a:pt x="401" y="7494"/>
                  </a:cubicBezTo>
                  <a:cubicBezTo>
                    <a:pt x="351" y="7444"/>
                    <a:pt x="351" y="7269"/>
                    <a:pt x="351" y="7219"/>
                  </a:cubicBezTo>
                  <a:cubicBezTo>
                    <a:pt x="301" y="7093"/>
                    <a:pt x="126" y="6993"/>
                    <a:pt x="76" y="6943"/>
                  </a:cubicBezTo>
                  <a:cubicBezTo>
                    <a:pt x="0" y="6818"/>
                    <a:pt x="76" y="6592"/>
                    <a:pt x="76" y="6492"/>
                  </a:cubicBezTo>
                  <a:cubicBezTo>
                    <a:pt x="76" y="6367"/>
                    <a:pt x="0" y="6091"/>
                    <a:pt x="76" y="5966"/>
                  </a:cubicBezTo>
                  <a:cubicBezTo>
                    <a:pt x="76" y="5915"/>
                    <a:pt x="226" y="5690"/>
                    <a:pt x="301" y="5690"/>
                  </a:cubicBezTo>
                  <a:cubicBezTo>
                    <a:pt x="351" y="5690"/>
                    <a:pt x="452" y="5690"/>
                    <a:pt x="527" y="5740"/>
                  </a:cubicBezTo>
                  <a:cubicBezTo>
                    <a:pt x="527" y="5740"/>
                    <a:pt x="577" y="5865"/>
                    <a:pt x="627" y="5865"/>
                  </a:cubicBezTo>
                  <a:cubicBezTo>
                    <a:pt x="752" y="5865"/>
                    <a:pt x="903" y="5740"/>
                    <a:pt x="978" y="5640"/>
                  </a:cubicBezTo>
                  <a:cubicBezTo>
                    <a:pt x="1078" y="5590"/>
                    <a:pt x="1028" y="5289"/>
                    <a:pt x="1078" y="5239"/>
                  </a:cubicBezTo>
                  <a:cubicBezTo>
                    <a:pt x="1078" y="5138"/>
                    <a:pt x="1128" y="4963"/>
                    <a:pt x="1204" y="4913"/>
                  </a:cubicBezTo>
                  <a:cubicBezTo>
                    <a:pt x="1304" y="4788"/>
                    <a:pt x="1755" y="4963"/>
                    <a:pt x="1855" y="4838"/>
                  </a:cubicBezTo>
                  <a:cubicBezTo>
                    <a:pt x="1980" y="4788"/>
                    <a:pt x="1980" y="4562"/>
                    <a:pt x="2031" y="4512"/>
                  </a:cubicBezTo>
                  <a:cubicBezTo>
                    <a:pt x="2081" y="4462"/>
                    <a:pt x="2306" y="4387"/>
                    <a:pt x="2381" y="4336"/>
                  </a:cubicBezTo>
                  <a:cubicBezTo>
                    <a:pt x="2432" y="4286"/>
                    <a:pt x="2532" y="4111"/>
                    <a:pt x="2532" y="4011"/>
                  </a:cubicBezTo>
                  <a:cubicBezTo>
                    <a:pt x="2532" y="3885"/>
                    <a:pt x="2381" y="3610"/>
                    <a:pt x="2306" y="3484"/>
                  </a:cubicBezTo>
                  <a:cubicBezTo>
                    <a:pt x="2206" y="3434"/>
                    <a:pt x="2031" y="3259"/>
                    <a:pt x="1930" y="3209"/>
                  </a:cubicBezTo>
                  <a:cubicBezTo>
                    <a:pt x="1855" y="3159"/>
                    <a:pt x="1630" y="3209"/>
                    <a:pt x="1579" y="3159"/>
                  </a:cubicBezTo>
                  <a:cubicBezTo>
                    <a:pt x="1479" y="3108"/>
                    <a:pt x="1354" y="2983"/>
                    <a:pt x="1304" y="2933"/>
                  </a:cubicBezTo>
                  <a:cubicBezTo>
                    <a:pt x="1254" y="2808"/>
                    <a:pt x="1254" y="2582"/>
                    <a:pt x="1254" y="2532"/>
                  </a:cubicBezTo>
                  <a:cubicBezTo>
                    <a:pt x="1204" y="2432"/>
                    <a:pt x="1078" y="2256"/>
                    <a:pt x="1078" y="2131"/>
                  </a:cubicBezTo>
                  <a:cubicBezTo>
                    <a:pt x="1078" y="2131"/>
                    <a:pt x="1078" y="2031"/>
                    <a:pt x="1128" y="1981"/>
                  </a:cubicBezTo>
                  <a:cubicBezTo>
                    <a:pt x="1204" y="1905"/>
                    <a:pt x="1304" y="1981"/>
                    <a:pt x="1354" y="1905"/>
                  </a:cubicBezTo>
                  <a:cubicBezTo>
                    <a:pt x="1429" y="1855"/>
                    <a:pt x="1529" y="1755"/>
                    <a:pt x="1529" y="1680"/>
                  </a:cubicBezTo>
                  <a:cubicBezTo>
                    <a:pt x="1529" y="1580"/>
                    <a:pt x="1479" y="1404"/>
                    <a:pt x="1479" y="1304"/>
                  </a:cubicBezTo>
                  <a:cubicBezTo>
                    <a:pt x="1479" y="1229"/>
                    <a:pt x="1529" y="1003"/>
                    <a:pt x="1579" y="953"/>
                  </a:cubicBezTo>
                  <a:cubicBezTo>
                    <a:pt x="1630" y="903"/>
                    <a:pt x="1805" y="903"/>
                    <a:pt x="1930" y="853"/>
                  </a:cubicBezTo>
                  <a:cubicBezTo>
                    <a:pt x="1980" y="778"/>
                    <a:pt x="2081" y="677"/>
                    <a:pt x="2156" y="627"/>
                  </a:cubicBezTo>
                  <a:cubicBezTo>
                    <a:pt x="2256" y="552"/>
                    <a:pt x="2482" y="452"/>
                    <a:pt x="2532" y="326"/>
                  </a:cubicBezTo>
                  <a:cubicBezTo>
                    <a:pt x="2607" y="326"/>
                    <a:pt x="2607" y="276"/>
                    <a:pt x="2607" y="226"/>
                  </a:cubicBezTo>
                  <a:cubicBezTo>
                    <a:pt x="2707" y="226"/>
                    <a:pt x="2757" y="276"/>
                    <a:pt x="2833" y="276"/>
                  </a:cubicBezTo>
                  <a:cubicBezTo>
                    <a:pt x="2933" y="276"/>
                    <a:pt x="3108" y="226"/>
                    <a:pt x="3158" y="176"/>
                  </a:cubicBezTo>
                  <a:cubicBezTo>
                    <a:pt x="3209" y="176"/>
                    <a:pt x="3209" y="51"/>
                    <a:pt x="3284" y="51"/>
                  </a:cubicBezTo>
                  <a:cubicBezTo>
                    <a:pt x="3334" y="1"/>
                    <a:pt x="3509" y="1"/>
                    <a:pt x="3610" y="1"/>
                  </a:cubicBezTo>
                  <a:cubicBezTo>
                    <a:pt x="3660" y="1"/>
                    <a:pt x="3835" y="51"/>
                    <a:pt x="3885" y="101"/>
                  </a:cubicBezTo>
                  <a:cubicBezTo>
                    <a:pt x="3960" y="176"/>
                    <a:pt x="4011" y="326"/>
                    <a:pt x="3960" y="452"/>
                  </a:cubicBezTo>
                  <a:cubicBezTo>
                    <a:pt x="3960" y="502"/>
                    <a:pt x="3835" y="552"/>
                    <a:pt x="3835" y="627"/>
                  </a:cubicBezTo>
                  <a:cubicBezTo>
                    <a:pt x="3785" y="677"/>
                    <a:pt x="3660" y="853"/>
                    <a:pt x="3735" y="953"/>
                  </a:cubicBezTo>
                  <a:cubicBezTo>
                    <a:pt x="3735" y="1078"/>
                    <a:pt x="3885" y="1229"/>
                    <a:pt x="4011" y="1304"/>
                  </a:cubicBezTo>
                  <a:cubicBezTo>
                    <a:pt x="4061" y="1304"/>
                    <a:pt x="4186" y="1304"/>
                    <a:pt x="4236" y="1229"/>
                  </a:cubicBezTo>
                  <a:cubicBezTo>
                    <a:pt x="4336" y="1179"/>
                    <a:pt x="4412" y="1003"/>
                    <a:pt x="4462" y="953"/>
                  </a:cubicBezTo>
                  <a:cubicBezTo>
                    <a:pt x="4562" y="903"/>
                    <a:pt x="4737" y="903"/>
                    <a:pt x="4863" y="903"/>
                  </a:cubicBezTo>
                  <a:lnTo>
                    <a:pt x="5138" y="903"/>
                  </a:lnTo>
                  <a:cubicBezTo>
                    <a:pt x="5188" y="953"/>
                    <a:pt x="5239" y="1179"/>
                    <a:pt x="5289" y="1304"/>
                  </a:cubicBezTo>
                  <a:cubicBezTo>
                    <a:pt x="5289" y="1304"/>
                    <a:pt x="5464" y="1354"/>
                    <a:pt x="5464" y="1404"/>
                  </a:cubicBezTo>
                  <a:cubicBezTo>
                    <a:pt x="5589" y="1454"/>
                    <a:pt x="5740" y="1529"/>
                    <a:pt x="5815" y="1630"/>
                  </a:cubicBezTo>
                  <a:cubicBezTo>
                    <a:pt x="5915" y="1680"/>
                    <a:pt x="5965" y="1981"/>
                    <a:pt x="6041" y="2081"/>
                  </a:cubicBezTo>
                  <a:cubicBezTo>
                    <a:pt x="6141" y="2131"/>
                    <a:pt x="6316" y="2256"/>
                    <a:pt x="6366" y="2256"/>
                  </a:cubicBezTo>
                  <a:cubicBezTo>
                    <a:pt x="6492" y="2256"/>
                    <a:pt x="6717" y="2256"/>
                    <a:pt x="6818" y="2206"/>
                  </a:cubicBezTo>
                  <a:cubicBezTo>
                    <a:pt x="6868" y="2131"/>
                    <a:pt x="6868" y="1981"/>
                    <a:pt x="6943" y="1905"/>
                  </a:cubicBezTo>
                  <a:cubicBezTo>
                    <a:pt x="6993" y="1855"/>
                    <a:pt x="7093" y="1805"/>
                    <a:pt x="7219" y="1805"/>
                  </a:cubicBezTo>
                  <a:cubicBezTo>
                    <a:pt x="7269" y="1805"/>
                    <a:pt x="7394" y="1905"/>
                    <a:pt x="7444" y="1981"/>
                  </a:cubicBezTo>
                  <a:cubicBezTo>
                    <a:pt x="7494" y="2031"/>
                    <a:pt x="7494" y="2206"/>
                    <a:pt x="7494" y="2256"/>
                  </a:cubicBezTo>
                  <a:cubicBezTo>
                    <a:pt x="7494" y="2357"/>
                    <a:pt x="7319" y="2482"/>
                    <a:pt x="7319" y="2582"/>
                  </a:cubicBezTo>
                  <a:cubicBezTo>
                    <a:pt x="7269" y="2657"/>
                    <a:pt x="7219" y="2758"/>
                    <a:pt x="7219" y="2808"/>
                  </a:cubicBezTo>
                  <a:cubicBezTo>
                    <a:pt x="7269" y="2883"/>
                    <a:pt x="7394" y="2983"/>
                    <a:pt x="7394" y="3033"/>
                  </a:cubicBezTo>
                  <a:cubicBezTo>
                    <a:pt x="7444" y="3108"/>
                    <a:pt x="7494" y="3209"/>
                    <a:pt x="7544" y="3259"/>
                  </a:cubicBezTo>
                  <a:cubicBezTo>
                    <a:pt x="7620" y="3434"/>
                    <a:pt x="7620" y="3835"/>
                    <a:pt x="7670" y="4011"/>
                  </a:cubicBezTo>
                  <a:cubicBezTo>
                    <a:pt x="7670" y="4111"/>
                    <a:pt x="7770" y="4236"/>
                    <a:pt x="7845" y="4336"/>
                  </a:cubicBezTo>
                  <a:cubicBezTo>
                    <a:pt x="7895" y="4387"/>
                    <a:pt x="8071" y="4512"/>
                    <a:pt x="8121" y="4562"/>
                  </a:cubicBezTo>
                  <a:cubicBezTo>
                    <a:pt x="8221" y="4612"/>
                    <a:pt x="8397" y="4788"/>
                    <a:pt x="8397" y="4913"/>
                  </a:cubicBezTo>
                  <a:cubicBezTo>
                    <a:pt x="8447" y="5013"/>
                    <a:pt x="8397" y="5189"/>
                    <a:pt x="8397" y="5289"/>
                  </a:cubicBezTo>
                  <a:cubicBezTo>
                    <a:pt x="8397" y="5364"/>
                    <a:pt x="8296" y="5514"/>
                    <a:pt x="8296" y="5640"/>
                  </a:cubicBezTo>
                  <a:lnTo>
                    <a:pt x="8296" y="6041"/>
                  </a:lnTo>
                  <a:cubicBezTo>
                    <a:pt x="8346" y="6141"/>
                    <a:pt x="8522" y="6266"/>
                    <a:pt x="8572" y="6316"/>
                  </a:cubicBezTo>
                  <a:cubicBezTo>
                    <a:pt x="8622" y="6367"/>
                    <a:pt x="8672" y="6492"/>
                    <a:pt x="8747" y="6542"/>
                  </a:cubicBezTo>
                  <a:cubicBezTo>
                    <a:pt x="8747" y="6642"/>
                    <a:pt x="8798" y="6768"/>
                    <a:pt x="8798" y="6818"/>
                  </a:cubicBezTo>
                  <a:cubicBezTo>
                    <a:pt x="8798" y="6943"/>
                    <a:pt x="8747" y="7093"/>
                    <a:pt x="8672" y="7219"/>
                  </a:cubicBezTo>
                  <a:cubicBezTo>
                    <a:pt x="8672" y="7394"/>
                    <a:pt x="8747" y="7670"/>
                    <a:pt x="8747" y="7770"/>
                  </a:cubicBezTo>
                  <a:cubicBezTo>
                    <a:pt x="8798" y="7895"/>
                    <a:pt x="8898" y="8071"/>
                    <a:pt x="8948" y="8171"/>
                  </a:cubicBezTo>
                  <a:cubicBezTo>
                    <a:pt x="9023" y="8296"/>
                    <a:pt x="9073" y="8522"/>
                    <a:pt x="9123" y="8622"/>
                  </a:cubicBezTo>
                  <a:cubicBezTo>
                    <a:pt x="9173" y="8672"/>
                    <a:pt x="9349" y="8848"/>
                    <a:pt x="9474" y="8848"/>
                  </a:cubicBezTo>
                  <a:cubicBezTo>
                    <a:pt x="9524" y="8898"/>
                    <a:pt x="9625" y="8848"/>
                    <a:pt x="9625" y="8798"/>
                  </a:cubicBezTo>
                  <a:cubicBezTo>
                    <a:pt x="9700" y="8748"/>
                    <a:pt x="9700" y="8572"/>
                    <a:pt x="9750" y="8522"/>
                  </a:cubicBezTo>
                  <a:cubicBezTo>
                    <a:pt x="9800" y="8522"/>
                    <a:pt x="9850" y="8447"/>
                    <a:pt x="9925" y="8447"/>
                  </a:cubicBezTo>
                  <a:cubicBezTo>
                    <a:pt x="10026" y="8447"/>
                    <a:pt x="10201" y="8522"/>
                    <a:pt x="10251" y="8572"/>
                  </a:cubicBezTo>
                  <a:cubicBezTo>
                    <a:pt x="10301" y="8622"/>
                    <a:pt x="10427" y="8672"/>
                    <a:pt x="10427" y="8748"/>
                  </a:cubicBezTo>
                  <a:cubicBezTo>
                    <a:pt x="10477" y="8798"/>
                    <a:pt x="10477" y="8973"/>
                    <a:pt x="10527" y="9073"/>
                  </a:cubicBezTo>
                  <a:cubicBezTo>
                    <a:pt x="10527" y="9123"/>
                    <a:pt x="10602" y="9349"/>
                    <a:pt x="10652" y="9424"/>
                  </a:cubicBezTo>
                  <a:cubicBezTo>
                    <a:pt x="10702" y="9474"/>
                    <a:pt x="10928" y="9524"/>
                    <a:pt x="10978" y="9524"/>
                  </a:cubicBezTo>
                  <a:cubicBezTo>
                    <a:pt x="11053" y="9474"/>
                    <a:pt x="11053" y="9424"/>
                    <a:pt x="11103" y="9349"/>
                  </a:cubicBezTo>
                  <a:cubicBezTo>
                    <a:pt x="11153" y="9299"/>
                    <a:pt x="11279" y="9123"/>
                    <a:pt x="11329" y="9123"/>
                  </a:cubicBezTo>
                  <a:cubicBezTo>
                    <a:pt x="11379" y="9123"/>
                    <a:pt x="11554" y="9123"/>
                    <a:pt x="11605" y="9199"/>
                  </a:cubicBezTo>
                  <a:cubicBezTo>
                    <a:pt x="11655" y="9249"/>
                    <a:pt x="11554" y="9424"/>
                    <a:pt x="11605" y="9474"/>
                  </a:cubicBezTo>
                  <a:cubicBezTo>
                    <a:pt x="11655" y="9575"/>
                    <a:pt x="11830" y="9650"/>
                    <a:pt x="11830" y="9750"/>
                  </a:cubicBezTo>
                  <a:cubicBezTo>
                    <a:pt x="11830" y="9800"/>
                    <a:pt x="11730" y="10026"/>
                    <a:pt x="11655" y="10101"/>
                  </a:cubicBezTo>
                  <a:cubicBezTo>
                    <a:pt x="11655" y="10151"/>
                    <a:pt x="11605" y="10201"/>
                    <a:pt x="11554" y="10201"/>
                  </a:cubicBezTo>
                  <a:lnTo>
                    <a:pt x="11554" y="10477"/>
                  </a:lnTo>
                  <a:cubicBezTo>
                    <a:pt x="11554" y="10552"/>
                    <a:pt x="11605" y="10702"/>
                    <a:pt x="11605" y="10778"/>
                  </a:cubicBezTo>
                  <a:cubicBezTo>
                    <a:pt x="11655" y="10828"/>
                    <a:pt x="11655" y="10878"/>
                    <a:pt x="11655" y="10953"/>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198" name="Google Shape;255;p16">
              <a:extLst>
                <a:ext uri="{FF2B5EF4-FFF2-40B4-BE49-F238E27FC236}">
                  <a16:creationId xmlns:a16="http://schemas.microsoft.com/office/drawing/2014/main" id="{167A1524-F835-3F66-A632-BF63808C564B}"/>
                </a:ext>
              </a:extLst>
            </p:cNvPr>
            <p:cNvSpPr/>
            <p:nvPr/>
          </p:nvSpPr>
          <p:spPr>
            <a:xfrm>
              <a:off x="2474903" y="2501242"/>
              <a:ext cx="637269" cy="549157"/>
            </a:xfrm>
            <a:custGeom>
              <a:avLst/>
              <a:gdLst/>
              <a:ahLst/>
              <a:cxnLst/>
              <a:rect l="l" t="t" r="r" b="b"/>
              <a:pathLst>
                <a:path w="22833" h="19676" extrusionOk="0">
                  <a:moveTo>
                    <a:pt x="1980" y="3835"/>
                  </a:moveTo>
                  <a:close/>
                  <a:moveTo>
                    <a:pt x="1980" y="3835"/>
                  </a:moveTo>
                  <a:cubicBezTo>
                    <a:pt x="1930" y="3835"/>
                    <a:pt x="2030" y="3610"/>
                    <a:pt x="2105" y="3485"/>
                  </a:cubicBezTo>
                  <a:cubicBezTo>
                    <a:pt x="2155" y="3434"/>
                    <a:pt x="2256" y="3384"/>
                    <a:pt x="2256" y="3334"/>
                  </a:cubicBezTo>
                  <a:cubicBezTo>
                    <a:pt x="2331" y="3209"/>
                    <a:pt x="2206" y="3033"/>
                    <a:pt x="2206" y="2933"/>
                  </a:cubicBezTo>
                  <a:cubicBezTo>
                    <a:pt x="2206" y="2883"/>
                    <a:pt x="2256" y="2708"/>
                    <a:pt x="2256" y="2658"/>
                  </a:cubicBezTo>
                  <a:cubicBezTo>
                    <a:pt x="2331" y="2582"/>
                    <a:pt x="2481" y="2532"/>
                    <a:pt x="2556" y="2482"/>
                  </a:cubicBezTo>
                  <a:cubicBezTo>
                    <a:pt x="2607" y="2432"/>
                    <a:pt x="2707" y="2257"/>
                    <a:pt x="2782" y="2206"/>
                  </a:cubicBezTo>
                  <a:cubicBezTo>
                    <a:pt x="2832" y="2131"/>
                    <a:pt x="2932" y="1981"/>
                    <a:pt x="2932" y="1906"/>
                  </a:cubicBezTo>
                  <a:cubicBezTo>
                    <a:pt x="2932" y="1805"/>
                    <a:pt x="2882" y="1580"/>
                    <a:pt x="2832" y="1455"/>
                  </a:cubicBezTo>
                  <a:cubicBezTo>
                    <a:pt x="2782" y="1404"/>
                    <a:pt x="2607" y="1304"/>
                    <a:pt x="2556" y="1179"/>
                  </a:cubicBezTo>
                  <a:cubicBezTo>
                    <a:pt x="2481" y="1079"/>
                    <a:pt x="2381" y="903"/>
                    <a:pt x="2381" y="778"/>
                  </a:cubicBezTo>
                  <a:cubicBezTo>
                    <a:pt x="2381" y="678"/>
                    <a:pt x="2481" y="502"/>
                    <a:pt x="2556" y="402"/>
                  </a:cubicBezTo>
                  <a:cubicBezTo>
                    <a:pt x="2607" y="327"/>
                    <a:pt x="2707" y="176"/>
                    <a:pt x="2832" y="176"/>
                  </a:cubicBezTo>
                  <a:cubicBezTo>
                    <a:pt x="2932" y="101"/>
                    <a:pt x="3233" y="101"/>
                    <a:pt x="3333" y="51"/>
                  </a:cubicBezTo>
                  <a:cubicBezTo>
                    <a:pt x="3333" y="1"/>
                    <a:pt x="3383" y="1"/>
                    <a:pt x="3459" y="1"/>
                  </a:cubicBezTo>
                  <a:cubicBezTo>
                    <a:pt x="3459" y="51"/>
                    <a:pt x="3509" y="176"/>
                    <a:pt x="3559" y="226"/>
                  </a:cubicBezTo>
                  <a:cubicBezTo>
                    <a:pt x="3559" y="277"/>
                    <a:pt x="3609" y="452"/>
                    <a:pt x="3609" y="502"/>
                  </a:cubicBezTo>
                  <a:cubicBezTo>
                    <a:pt x="3559" y="552"/>
                    <a:pt x="3509" y="678"/>
                    <a:pt x="3459" y="728"/>
                  </a:cubicBezTo>
                  <a:cubicBezTo>
                    <a:pt x="3459" y="778"/>
                    <a:pt x="3459" y="953"/>
                    <a:pt x="3509" y="1003"/>
                  </a:cubicBezTo>
                  <a:cubicBezTo>
                    <a:pt x="3559" y="1079"/>
                    <a:pt x="3734" y="1129"/>
                    <a:pt x="3835" y="1129"/>
                  </a:cubicBezTo>
                  <a:cubicBezTo>
                    <a:pt x="3835" y="1129"/>
                    <a:pt x="3960" y="1003"/>
                    <a:pt x="4010" y="1003"/>
                  </a:cubicBezTo>
                  <a:cubicBezTo>
                    <a:pt x="4060" y="1003"/>
                    <a:pt x="4135" y="1079"/>
                    <a:pt x="4185" y="1129"/>
                  </a:cubicBezTo>
                  <a:lnTo>
                    <a:pt x="4185" y="1354"/>
                  </a:lnTo>
                  <a:cubicBezTo>
                    <a:pt x="4185" y="1404"/>
                    <a:pt x="4135" y="1530"/>
                    <a:pt x="4135" y="1580"/>
                  </a:cubicBezTo>
                  <a:cubicBezTo>
                    <a:pt x="4060" y="1630"/>
                    <a:pt x="4010" y="1630"/>
                    <a:pt x="3960" y="1630"/>
                  </a:cubicBezTo>
                  <a:cubicBezTo>
                    <a:pt x="3960" y="1680"/>
                    <a:pt x="3910" y="1906"/>
                    <a:pt x="3960" y="1981"/>
                  </a:cubicBezTo>
                  <a:cubicBezTo>
                    <a:pt x="3960" y="2031"/>
                    <a:pt x="4185" y="2031"/>
                    <a:pt x="4236" y="2081"/>
                  </a:cubicBezTo>
                  <a:cubicBezTo>
                    <a:pt x="4286" y="2131"/>
                    <a:pt x="4361" y="2257"/>
                    <a:pt x="4411" y="2307"/>
                  </a:cubicBezTo>
                  <a:cubicBezTo>
                    <a:pt x="4461" y="2357"/>
                    <a:pt x="4637" y="2482"/>
                    <a:pt x="4687" y="2532"/>
                  </a:cubicBezTo>
                  <a:cubicBezTo>
                    <a:pt x="4737" y="2582"/>
                    <a:pt x="4812" y="2758"/>
                    <a:pt x="4812" y="2758"/>
                  </a:cubicBezTo>
                  <a:cubicBezTo>
                    <a:pt x="4912" y="2808"/>
                    <a:pt x="5088" y="2883"/>
                    <a:pt x="5138" y="2883"/>
                  </a:cubicBezTo>
                  <a:cubicBezTo>
                    <a:pt x="5188" y="2883"/>
                    <a:pt x="5313" y="2708"/>
                    <a:pt x="5363" y="2658"/>
                  </a:cubicBezTo>
                  <a:cubicBezTo>
                    <a:pt x="5414" y="2582"/>
                    <a:pt x="5589" y="2532"/>
                    <a:pt x="5639" y="2482"/>
                  </a:cubicBezTo>
                  <a:cubicBezTo>
                    <a:pt x="5714" y="2482"/>
                    <a:pt x="5865" y="2532"/>
                    <a:pt x="5990" y="2532"/>
                  </a:cubicBezTo>
                  <a:cubicBezTo>
                    <a:pt x="6090" y="2582"/>
                    <a:pt x="6266" y="2758"/>
                    <a:pt x="6391" y="2808"/>
                  </a:cubicBezTo>
                  <a:cubicBezTo>
                    <a:pt x="6441" y="2883"/>
                    <a:pt x="6541" y="2883"/>
                    <a:pt x="6541" y="2933"/>
                  </a:cubicBezTo>
                  <a:cubicBezTo>
                    <a:pt x="6617" y="2983"/>
                    <a:pt x="6717" y="3109"/>
                    <a:pt x="6717" y="3159"/>
                  </a:cubicBezTo>
                  <a:cubicBezTo>
                    <a:pt x="6717" y="3259"/>
                    <a:pt x="6667" y="3384"/>
                    <a:pt x="6717" y="3485"/>
                  </a:cubicBezTo>
                  <a:cubicBezTo>
                    <a:pt x="6717" y="3535"/>
                    <a:pt x="6767" y="3660"/>
                    <a:pt x="6842" y="3710"/>
                  </a:cubicBezTo>
                  <a:cubicBezTo>
                    <a:pt x="6842" y="3835"/>
                    <a:pt x="6942" y="3936"/>
                    <a:pt x="6993" y="3986"/>
                  </a:cubicBezTo>
                  <a:cubicBezTo>
                    <a:pt x="7068" y="4061"/>
                    <a:pt x="6993" y="4211"/>
                    <a:pt x="7068" y="4287"/>
                  </a:cubicBezTo>
                  <a:cubicBezTo>
                    <a:pt x="7118" y="4337"/>
                    <a:pt x="7293" y="4437"/>
                    <a:pt x="7343" y="4512"/>
                  </a:cubicBezTo>
                  <a:cubicBezTo>
                    <a:pt x="7444" y="4512"/>
                    <a:pt x="7619" y="4612"/>
                    <a:pt x="7669" y="4612"/>
                  </a:cubicBezTo>
                  <a:cubicBezTo>
                    <a:pt x="7795" y="4612"/>
                    <a:pt x="7970" y="4512"/>
                    <a:pt x="8020" y="4512"/>
                  </a:cubicBezTo>
                  <a:cubicBezTo>
                    <a:pt x="8120" y="4512"/>
                    <a:pt x="8296" y="4512"/>
                    <a:pt x="8346" y="4562"/>
                  </a:cubicBezTo>
                  <a:cubicBezTo>
                    <a:pt x="8421" y="4612"/>
                    <a:pt x="8421" y="4738"/>
                    <a:pt x="8471" y="4788"/>
                  </a:cubicBezTo>
                  <a:cubicBezTo>
                    <a:pt x="8471" y="4838"/>
                    <a:pt x="8471" y="5013"/>
                    <a:pt x="8421" y="5064"/>
                  </a:cubicBezTo>
                  <a:cubicBezTo>
                    <a:pt x="8421" y="5114"/>
                    <a:pt x="8296" y="5189"/>
                    <a:pt x="8296" y="5239"/>
                  </a:cubicBezTo>
                  <a:cubicBezTo>
                    <a:pt x="8296" y="5289"/>
                    <a:pt x="8296" y="5414"/>
                    <a:pt x="8346" y="5465"/>
                  </a:cubicBezTo>
                  <a:cubicBezTo>
                    <a:pt x="8346" y="5515"/>
                    <a:pt x="8521" y="5640"/>
                    <a:pt x="8571" y="5640"/>
                  </a:cubicBezTo>
                  <a:cubicBezTo>
                    <a:pt x="8647" y="5640"/>
                    <a:pt x="8697" y="5465"/>
                    <a:pt x="8747" y="5465"/>
                  </a:cubicBezTo>
                  <a:cubicBezTo>
                    <a:pt x="8797" y="5414"/>
                    <a:pt x="8972" y="5414"/>
                    <a:pt x="9023" y="5414"/>
                  </a:cubicBezTo>
                  <a:cubicBezTo>
                    <a:pt x="9098" y="5465"/>
                    <a:pt x="9148" y="5640"/>
                    <a:pt x="9098" y="5690"/>
                  </a:cubicBezTo>
                  <a:cubicBezTo>
                    <a:pt x="9098" y="5740"/>
                    <a:pt x="9023" y="5866"/>
                    <a:pt x="9023" y="5916"/>
                  </a:cubicBezTo>
                  <a:cubicBezTo>
                    <a:pt x="8972" y="5966"/>
                    <a:pt x="9023" y="6141"/>
                    <a:pt x="9098" y="6141"/>
                  </a:cubicBezTo>
                  <a:cubicBezTo>
                    <a:pt x="9148" y="6191"/>
                    <a:pt x="9323" y="6191"/>
                    <a:pt x="9373" y="6191"/>
                  </a:cubicBezTo>
                  <a:cubicBezTo>
                    <a:pt x="9424" y="6141"/>
                    <a:pt x="9474" y="6016"/>
                    <a:pt x="9549" y="5966"/>
                  </a:cubicBezTo>
                  <a:cubicBezTo>
                    <a:pt x="9649" y="5916"/>
                    <a:pt x="9875" y="5866"/>
                    <a:pt x="9925" y="5790"/>
                  </a:cubicBezTo>
                  <a:cubicBezTo>
                    <a:pt x="10000" y="5740"/>
                    <a:pt x="10100" y="5640"/>
                    <a:pt x="10100" y="5565"/>
                  </a:cubicBezTo>
                  <a:cubicBezTo>
                    <a:pt x="10100" y="5515"/>
                    <a:pt x="10050" y="5414"/>
                    <a:pt x="10050" y="5339"/>
                  </a:cubicBezTo>
                  <a:cubicBezTo>
                    <a:pt x="10050" y="5289"/>
                    <a:pt x="10100" y="5064"/>
                    <a:pt x="10150" y="5013"/>
                  </a:cubicBezTo>
                  <a:cubicBezTo>
                    <a:pt x="10150" y="4963"/>
                    <a:pt x="10326" y="4963"/>
                    <a:pt x="10376" y="4963"/>
                  </a:cubicBezTo>
                  <a:cubicBezTo>
                    <a:pt x="10451" y="4963"/>
                    <a:pt x="10551" y="5064"/>
                    <a:pt x="10602" y="5064"/>
                  </a:cubicBezTo>
                  <a:cubicBezTo>
                    <a:pt x="10677" y="5064"/>
                    <a:pt x="10827" y="5064"/>
                    <a:pt x="10902" y="5013"/>
                  </a:cubicBezTo>
                  <a:cubicBezTo>
                    <a:pt x="10952" y="4963"/>
                    <a:pt x="11003" y="4838"/>
                    <a:pt x="11003" y="4788"/>
                  </a:cubicBezTo>
                  <a:cubicBezTo>
                    <a:pt x="11003" y="4663"/>
                    <a:pt x="10952" y="4562"/>
                    <a:pt x="10902" y="4512"/>
                  </a:cubicBezTo>
                  <a:cubicBezTo>
                    <a:pt x="10902" y="4437"/>
                    <a:pt x="10827" y="4287"/>
                    <a:pt x="10827" y="4211"/>
                  </a:cubicBezTo>
                  <a:cubicBezTo>
                    <a:pt x="10827" y="4161"/>
                    <a:pt x="10902" y="4061"/>
                    <a:pt x="10952" y="4061"/>
                  </a:cubicBezTo>
                  <a:cubicBezTo>
                    <a:pt x="11003" y="3986"/>
                    <a:pt x="11178" y="3936"/>
                    <a:pt x="11228" y="3936"/>
                  </a:cubicBezTo>
                  <a:cubicBezTo>
                    <a:pt x="11278" y="3936"/>
                    <a:pt x="11454" y="4061"/>
                    <a:pt x="11504" y="4061"/>
                  </a:cubicBezTo>
                  <a:cubicBezTo>
                    <a:pt x="11579" y="3986"/>
                    <a:pt x="11729" y="3936"/>
                    <a:pt x="11805" y="3886"/>
                  </a:cubicBezTo>
                  <a:cubicBezTo>
                    <a:pt x="11855" y="3835"/>
                    <a:pt x="11855" y="3660"/>
                    <a:pt x="11905" y="3610"/>
                  </a:cubicBezTo>
                  <a:cubicBezTo>
                    <a:pt x="11955" y="3535"/>
                    <a:pt x="12181" y="3434"/>
                    <a:pt x="12256" y="3384"/>
                  </a:cubicBezTo>
                  <a:cubicBezTo>
                    <a:pt x="12356" y="3259"/>
                    <a:pt x="12356" y="3033"/>
                    <a:pt x="12406" y="2933"/>
                  </a:cubicBezTo>
                  <a:cubicBezTo>
                    <a:pt x="12406" y="2933"/>
                    <a:pt x="12531" y="2808"/>
                    <a:pt x="12582" y="2808"/>
                  </a:cubicBezTo>
                  <a:cubicBezTo>
                    <a:pt x="12632" y="2808"/>
                    <a:pt x="12757" y="2883"/>
                    <a:pt x="12807" y="2933"/>
                  </a:cubicBezTo>
                  <a:cubicBezTo>
                    <a:pt x="12857" y="2983"/>
                    <a:pt x="12907" y="3159"/>
                    <a:pt x="13033" y="3159"/>
                  </a:cubicBezTo>
                  <a:cubicBezTo>
                    <a:pt x="13083" y="3159"/>
                    <a:pt x="13208" y="3033"/>
                    <a:pt x="13258" y="2983"/>
                  </a:cubicBezTo>
                  <a:cubicBezTo>
                    <a:pt x="13258" y="2933"/>
                    <a:pt x="13308" y="2808"/>
                    <a:pt x="13308" y="2758"/>
                  </a:cubicBezTo>
                  <a:cubicBezTo>
                    <a:pt x="13384" y="2658"/>
                    <a:pt x="13484" y="2532"/>
                    <a:pt x="13534" y="2482"/>
                  </a:cubicBezTo>
                  <a:cubicBezTo>
                    <a:pt x="13659" y="2357"/>
                    <a:pt x="13935" y="2307"/>
                    <a:pt x="14110" y="2307"/>
                  </a:cubicBezTo>
                  <a:cubicBezTo>
                    <a:pt x="14211" y="2307"/>
                    <a:pt x="14436" y="2432"/>
                    <a:pt x="14561" y="2357"/>
                  </a:cubicBezTo>
                  <a:cubicBezTo>
                    <a:pt x="14612" y="2357"/>
                    <a:pt x="14662" y="2206"/>
                    <a:pt x="14737" y="2131"/>
                  </a:cubicBezTo>
                  <a:cubicBezTo>
                    <a:pt x="14737" y="2031"/>
                    <a:pt x="14787" y="1856"/>
                    <a:pt x="14837" y="1755"/>
                  </a:cubicBezTo>
                  <a:cubicBezTo>
                    <a:pt x="14837" y="1680"/>
                    <a:pt x="15013" y="1580"/>
                    <a:pt x="15013" y="1530"/>
                  </a:cubicBezTo>
                  <a:cubicBezTo>
                    <a:pt x="15013" y="1455"/>
                    <a:pt x="15063" y="1354"/>
                    <a:pt x="15063" y="1229"/>
                  </a:cubicBezTo>
                  <a:lnTo>
                    <a:pt x="15188" y="1229"/>
                  </a:lnTo>
                  <a:cubicBezTo>
                    <a:pt x="15288" y="1229"/>
                    <a:pt x="15389" y="1129"/>
                    <a:pt x="15514" y="1129"/>
                  </a:cubicBezTo>
                  <a:cubicBezTo>
                    <a:pt x="15564" y="1179"/>
                    <a:pt x="15614" y="1229"/>
                    <a:pt x="15689" y="1229"/>
                  </a:cubicBezTo>
                  <a:cubicBezTo>
                    <a:pt x="15739" y="1304"/>
                    <a:pt x="15915" y="1404"/>
                    <a:pt x="15965" y="1455"/>
                  </a:cubicBezTo>
                  <a:cubicBezTo>
                    <a:pt x="16015" y="1530"/>
                    <a:pt x="16015" y="1680"/>
                    <a:pt x="16090" y="1755"/>
                  </a:cubicBezTo>
                  <a:cubicBezTo>
                    <a:pt x="16140" y="1805"/>
                    <a:pt x="16316" y="1856"/>
                    <a:pt x="16366" y="1856"/>
                  </a:cubicBezTo>
                  <a:cubicBezTo>
                    <a:pt x="16416" y="1856"/>
                    <a:pt x="16466" y="1805"/>
                    <a:pt x="16541" y="1805"/>
                  </a:cubicBezTo>
                  <a:lnTo>
                    <a:pt x="16592" y="1805"/>
                  </a:lnTo>
                  <a:lnTo>
                    <a:pt x="16592" y="2031"/>
                  </a:lnTo>
                  <a:cubicBezTo>
                    <a:pt x="16592" y="2131"/>
                    <a:pt x="16692" y="2257"/>
                    <a:pt x="16767" y="2307"/>
                  </a:cubicBezTo>
                  <a:lnTo>
                    <a:pt x="16767" y="2582"/>
                  </a:lnTo>
                  <a:cubicBezTo>
                    <a:pt x="16692" y="2658"/>
                    <a:pt x="16592" y="2708"/>
                    <a:pt x="16592" y="2758"/>
                  </a:cubicBezTo>
                  <a:cubicBezTo>
                    <a:pt x="16541" y="2758"/>
                    <a:pt x="16541" y="2933"/>
                    <a:pt x="16466" y="2983"/>
                  </a:cubicBezTo>
                  <a:cubicBezTo>
                    <a:pt x="16416" y="3033"/>
                    <a:pt x="16191" y="3109"/>
                    <a:pt x="16015" y="3159"/>
                  </a:cubicBezTo>
                  <a:cubicBezTo>
                    <a:pt x="15965" y="3159"/>
                    <a:pt x="15840" y="3109"/>
                    <a:pt x="15790" y="3109"/>
                  </a:cubicBezTo>
                  <a:cubicBezTo>
                    <a:pt x="15614" y="3159"/>
                    <a:pt x="15389" y="3259"/>
                    <a:pt x="15238" y="3334"/>
                  </a:cubicBezTo>
                  <a:cubicBezTo>
                    <a:pt x="15113" y="3334"/>
                    <a:pt x="14837" y="3384"/>
                    <a:pt x="14787" y="3485"/>
                  </a:cubicBezTo>
                  <a:cubicBezTo>
                    <a:pt x="14737" y="3485"/>
                    <a:pt x="14662" y="3660"/>
                    <a:pt x="14662" y="3710"/>
                  </a:cubicBezTo>
                  <a:cubicBezTo>
                    <a:pt x="14737" y="3760"/>
                    <a:pt x="14787" y="3886"/>
                    <a:pt x="14837" y="3886"/>
                  </a:cubicBezTo>
                  <a:cubicBezTo>
                    <a:pt x="14887" y="3936"/>
                    <a:pt x="15063" y="3936"/>
                    <a:pt x="15113" y="3986"/>
                  </a:cubicBezTo>
                  <a:cubicBezTo>
                    <a:pt x="15188" y="3986"/>
                    <a:pt x="15338" y="4111"/>
                    <a:pt x="15338" y="4211"/>
                  </a:cubicBezTo>
                  <a:cubicBezTo>
                    <a:pt x="15288" y="4287"/>
                    <a:pt x="15188" y="4337"/>
                    <a:pt x="15113" y="4337"/>
                  </a:cubicBezTo>
                  <a:cubicBezTo>
                    <a:pt x="15063" y="4387"/>
                    <a:pt x="14837" y="4387"/>
                    <a:pt x="14787" y="4437"/>
                  </a:cubicBezTo>
                  <a:cubicBezTo>
                    <a:pt x="14662" y="4512"/>
                    <a:pt x="14561" y="4663"/>
                    <a:pt x="14561" y="4738"/>
                  </a:cubicBezTo>
                  <a:cubicBezTo>
                    <a:pt x="14561" y="4788"/>
                    <a:pt x="14561" y="4888"/>
                    <a:pt x="14612" y="4963"/>
                  </a:cubicBezTo>
                  <a:cubicBezTo>
                    <a:pt x="14662" y="5013"/>
                    <a:pt x="14787" y="4963"/>
                    <a:pt x="14837" y="4963"/>
                  </a:cubicBezTo>
                  <a:cubicBezTo>
                    <a:pt x="14887" y="5013"/>
                    <a:pt x="15013" y="5064"/>
                    <a:pt x="15063" y="5114"/>
                  </a:cubicBezTo>
                  <a:cubicBezTo>
                    <a:pt x="15113" y="5239"/>
                    <a:pt x="15113" y="5414"/>
                    <a:pt x="15113" y="5515"/>
                  </a:cubicBezTo>
                  <a:cubicBezTo>
                    <a:pt x="15113" y="5565"/>
                    <a:pt x="15063" y="5740"/>
                    <a:pt x="15063" y="5866"/>
                  </a:cubicBezTo>
                  <a:cubicBezTo>
                    <a:pt x="15063" y="5966"/>
                    <a:pt x="15113" y="6141"/>
                    <a:pt x="15188" y="6191"/>
                  </a:cubicBezTo>
                  <a:cubicBezTo>
                    <a:pt x="15238" y="6241"/>
                    <a:pt x="15338" y="6367"/>
                    <a:pt x="15389" y="6417"/>
                  </a:cubicBezTo>
                  <a:cubicBezTo>
                    <a:pt x="15514" y="6467"/>
                    <a:pt x="15790" y="6542"/>
                    <a:pt x="15915" y="6642"/>
                  </a:cubicBezTo>
                  <a:cubicBezTo>
                    <a:pt x="15965" y="6693"/>
                    <a:pt x="16015" y="6918"/>
                    <a:pt x="16015" y="7044"/>
                  </a:cubicBezTo>
                  <a:cubicBezTo>
                    <a:pt x="16090" y="7144"/>
                    <a:pt x="16015" y="7269"/>
                    <a:pt x="16015" y="7319"/>
                  </a:cubicBezTo>
                  <a:cubicBezTo>
                    <a:pt x="16090" y="7369"/>
                    <a:pt x="16191" y="7445"/>
                    <a:pt x="16241" y="7495"/>
                  </a:cubicBezTo>
                  <a:cubicBezTo>
                    <a:pt x="16316" y="7545"/>
                    <a:pt x="16416" y="7670"/>
                    <a:pt x="16466" y="7720"/>
                  </a:cubicBezTo>
                  <a:cubicBezTo>
                    <a:pt x="16541" y="7770"/>
                    <a:pt x="16592" y="7946"/>
                    <a:pt x="16592" y="8046"/>
                  </a:cubicBezTo>
                  <a:cubicBezTo>
                    <a:pt x="16592" y="8121"/>
                    <a:pt x="16541" y="8272"/>
                    <a:pt x="16466" y="8347"/>
                  </a:cubicBezTo>
                  <a:cubicBezTo>
                    <a:pt x="16416" y="8397"/>
                    <a:pt x="16316" y="8397"/>
                    <a:pt x="16241" y="8397"/>
                  </a:cubicBezTo>
                  <a:cubicBezTo>
                    <a:pt x="16140" y="8397"/>
                    <a:pt x="16015" y="8347"/>
                    <a:pt x="15965" y="8347"/>
                  </a:cubicBezTo>
                  <a:cubicBezTo>
                    <a:pt x="15915" y="8272"/>
                    <a:pt x="15840" y="8046"/>
                    <a:pt x="15790" y="8046"/>
                  </a:cubicBezTo>
                  <a:cubicBezTo>
                    <a:pt x="15739" y="7996"/>
                    <a:pt x="15564" y="7896"/>
                    <a:pt x="15514" y="7896"/>
                  </a:cubicBezTo>
                  <a:cubicBezTo>
                    <a:pt x="15464" y="7896"/>
                    <a:pt x="15338" y="7946"/>
                    <a:pt x="15288" y="7996"/>
                  </a:cubicBezTo>
                  <a:cubicBezTo>
                    <a:pt x="15188" y="8046"/>
                    <a:pt x="15063" y="8171"/>
                    <a:pt x="15013" y="8221"/>
                  </a:cubicBezTo>
                  <a:cubicBezTo>
                    <a:pt x="14962" y="8272"/>
                    <a:pt x="14887" y="8397"/>
                    <a:pt x="14837" y="8447"/>
                  </a:cubicBezTo>
                  <a:cubicBezTo>
                    <a:pt x="14737" y="8497"/>
                    <a:pt x="14511" y="8497"/>
                    <a:pt x="14386" y="8497"/>
                  </a:cubicBezTo>
                  <a:cubicBezTo>
                    <a:pt x="14336" y="8497"/>
                    <a:pt x="14110" y="8397"/>
                    <a:pt x="14060" y="8447"/>
                  </a:cubicBezTo>
                  <a:cubicBezTo>
                    <a:pt x="13935" y="8447"/>
                    <a:pt x="13835" y="8572"/>
                    <a:pt x="13835" y="8622"/>
                  </a:cubicBezTo>
                  <a:cubicBezTo>
                    <a:pt x="13759" y="8673"/>
                    <a:pt x="13759" y="8848"/>
                    <a:pt x="13835" y="8898"/>
                  </a:cubicBezTo>
                  <a:cubicBezTo>
                    <a:pt x="13835" y="8898"/>
                    <a:pt x="13935" y="8948"/>
                    <a:pt x="13985" y="8948"/>
                  </a:cubicBezTo>
                  <a:cubicBezTo>
                    <a:pt x="14060" y="9074"/>
                    <a:pt x="14110" y="9249"/>
                    <a:pt x="14110" y="9349"/>
                  </a:cubicBezTo>
                  <a:cubicBezTo>
                    <a:pt x="14160" y="9475"/>
                    <a:pt x="14110" y="9625"/>
                    <a:pt x="14160" y="9700"/>
                  </a:cubicBezTo>
                  <a:cubicBezTo>
                    <a:pt x="14160" y="9800"/>
                    <a:pt x="14286" y="10026"/>
                    <a:pt x="14336" y="10151"/>
                  </a:cubicBezTo>
                  <a:cubicBezTo>
                    <a:pt x="14436" y="10201"/>
                    <a:pt x="14612" y="10201"/>
                    <a:pt x="14737" y="10201"/>
                  </a:cubicBezTo>
                  <a:cubicBezTo>
                    <a:pt x="14787" y="10201"/>
                    <a:pt x="14962" y="10076"/>
                    <a:pt x="15013" y="10076"/>
                  </a:cubicBezTo>
                  <a:cubicBezTo>
                    <a:pt x="15063" y="10151"/>
                    <a:pt x="15238" y="10201"/>
                    <a:pt x="15338" y="10252"/>
                  </a:cubicBezTo>
                  <a:cubicBezTo>
                    <a:pt x="15389" y="10302"/>
                    <a:pt x="15389" y="10527"/>
                    <a:pt x="15464" y="10602"/>
                  </a:cubicBezTo>
                  <a:cubicBezTo>
                    <a:pt x="15514" y="10653"/>
                    <a:pt x="15689" y="10753"/>
                    <a:pt x="15739" y="10753"/>
                  </a:cubicBezTo>
                  <a:cubicBezTo>
                    <a:pt x="15840" y="10828"/>
                    <a:pt x="16090" y="10753"/>
                    <a:pt x="16191" y="10753"/>
                  </a:cubicBezTo>
                  <a:cubicBezTo>
                    <a:pt x="16241" y="10753"/>
                    <a:pt x="16416" y="10753"/>
                    <a:pt x="16541" y="10828"/>
                  </a:cubicBezTo>
                  <a:cubicBezTo>
                    <a:pt x="16642" y="10828"/>
                    <a:pt x="16817" y="11054"/>
                    <a:pt x="16867" y="11154"/>
                  </a:cubicBezTo>
                  <a:cubicBezTo>
                    <a:pt x="16917" y="11204"/>
                    <a:pt x="16993" y="11379"/>
                    <a:pt x="16993" y="11505"/>
                  </a:cubicBezTo>
                  <a:cubicBezTo>
                    <a:pt x="16993" y="11555"/>
                    <a:pt x="16817" y="11655"/>
                    <a:pt x="16767" y="11730"/>
                  </a:cubicBezTo>
                  <a:cubicBezTo>
                    <a:pt x="16767" y="11830"/>
                    <a:pt x="16867" y="11956"/>
                    <a:pt x="16917" y="12006"/>
                  </a:cubicBezTo>
                  <a:cubicBezTo>
                    <a:pt x="16993" y="12056"/>
                    <a:pt x="17093" y="12181"/>
                    <a:pt x="17218" y="12181"/>
                  </a:cubicBezTo>
                  <a:cubicBezTo>
                    <a:pt x="17268" y="12181"/>
                    <a:pt x="17494" y="12181"/>
                    <a:pt x="17544" y="12106"/>
                  </a:cubicBezTo>
                  <a:cubicBezTo>
                    <a:pt x="17644" y="12106"/>
                    <a:pt x="17770" y="11956"/>
                    <a:pt x="17820" y="11956"/>
                  </a:cubicBezTo>
                  <a:cubicBezTo>
                    <a:pt x="17945" y="11956"/>
                    <a:pt x="18095" y="12056"/>
                    <a:pt x="18171" y="12106"/>
                  </a:cubicBezTo>
                  <a:cubicBezTo>
                    <a:pt x="18221" y="12181"/>
                    <a:pt x="18396" y="12282"/>
                    <a:pt x="18446" y="12407"/>
                  </a:cubicBezTo>
                  <a:cubicBezTo>
                    <a:pt x="18496" y="12457"/>
                    <a:pt x="18496" y="12683"/>
                    <a:pt x="18546" y="12783"/>
                  </a:cubicBezTo>
                  <a:cubicBezTo>
                    <a:pt x="18622" y="12858"/>
                    <a:pt x="18722" y="13008"/>
                    <a:pt x="18847" y="13008"/>
                  </a:cubicBezTo>
                  <a:cubicBezTo>
                    <a:pt x="18897" y="13008"/>
                    <a:pt x="18947" y="12783"/>
                    <a:pt x="19023" y="12733"/>
                  </a:cubicBezTo>
                  <a:cubicBezTo>
                    <a:pt x="19023" y="12733"/>
                    <a:pt x="19123" y="12733"/>
                    <a:pt x="19173" y="12683"/>
                  </a:cubicBezTo>
                  <a:cubicBezTo>
                    <a:pt x="19248" y="12633"/>
                    <a:pt x="19173" y="12507"/>
                    <a:pt x="19173" y="12457"/>
                  </a:cubicBezTo>
                  <a:cubicBezTo>
                    <a:pt x="19248" y="12332"/>
                    <a:pt x="19348" y="12232"/>
                    <a:pt x="19474" y="12181"/>
                  </a:cubicBezTo>
                  <a:cubicBezTo>
                    <a:pt x="19574" y="12181"/>
                    <a:pt x="19749" y="12232"/>
                    <a:pt x="19800" y="12282"/>
                  </a:cubicBezTo>
                  <a:cubicBezTo>
                    <a:pt x="19900" y="12332"/>
                    <a:pt x="20075" y="12507"/>
                    <a:pt x="20201" y="12557"/>
                  </a:cubicBezTo>
                  <a:cubicBezTo>
                    <a:pt x="20251" y="12683"/>
                    <a:pt x="20301" y="13008"/>
                    <a:pt x="20426" y="13134"/>
                  </a:cubicBezTo>
                  <a:cubicBezTo>
                    <a:pt x="20526" y="13234"/>
                    <a:pt x="20702" y="13284"/>
                    <a:pt x="20802" y="13359"/>
                  </a:cubicBezTo>
                  <a:cubicBezTo>
                    <a:pt x="20927" y="13359"/>
                    <a:pt x="21153" y="13284"/>
                    <a:pt x="21253" y="13234"/>
                  </a:cubicBezTo>
                  <a:cubicBezTo>
                    <a:pt x="21328" y="13184"/>
                    <a:pt x="21379" y="13008"/>
                    <a:pt x="21429" y="12958"/>
                  </a:cubicBezTo>
                  <a:cubicBezTo>
                    <a:pt x="21479" y="12908"/>
                    <a:pt x="21554" y="12783"/>
                    <a:pt x="21654" y="12783"/>
                  </a:cubicBezTo>
                  <a:cubicBezTo>
                    <a:pt x="21654" y="12783"/>
                    <a:pt x="21780" y="12858"/>
                    <a:pt x="21830" y="12908"/>
                  </a:cubicBezTo>
                  <a:cubicBezTo>
                    <a:pt x="21955" y="12958"/>
                    <a:pt x="22005" y="13134"/>
                    <a:pt x="22055" y="13184"/>
                  </a:cubicBezTo>
                  <a:cubicBezTo>
                    <a:pt x="22105" y="13284"/>
                    <a:pt x="22156" y="13460"/>
                    <a:pt x="22231" y="13510"/>
                  </a:cubicBezTo>
                  <a:cubicBezTo>
                    <a:pt x="22331" y="13635"/>
                    <a:pt x="22607" y="13810"/>
                    <a:pt x="22682" y="13911"/>
                  </a:cubicBezTo>
                  <a:cubicBezTo>
                    <a:pt x="22782" y="14086"/>
                    <a:pt x="22832" y="14412"/>
                    <a:pt x="22832" y="14587"/>
                  </a:cubicBezTo>
                  <a:cubicBezTo>
                    <a:pt x="22832" y="14763"/>
                    <a:pt x="22782" y="15089"/>
                    <a:pt x="22732" y="15214"/>
                  </a:cubicBezTo>
                  <a:cubicBezTo>
                    <a:pt x="22682" y="15314"/>
                    <a:pt x="22506" y="15389"/>
                    <a:pt x="22456" y="15490"/>
                  </a:cubicBezTo>
                  <a:cubicBezTo>
                    <a:pt x="22381" y="15615"/>
                    <a:pt x="22281" y="15841"/>
                    <a:pt x="22281" y="15941"/>
                  </a:cubicBezTo>
                  <a:lnTo>
                    <a:pt x="22281" y="16292"/>
                  </a:lnTo>
                  <a:lnTo>
                    <a:pt x="22281" y="16342"/>
                  </a:lnTo>
                  <a:cubicBezTo>
                    <a:pt x="22231" y="16517"/>
                    <a:pt x="22055" y="16668"/>
                    <a:pt x="22005" y="16793"/>
                  </a:cubicBezTo>
                  <a:cubicBezTo>
                    <a:pt x="21955" y="16893"/>
                    <a:pt x="21830" y="17119"/>
                    <a:pt x="21780" y="17244"/>
                  </a:cubicBezTo>
                  <a:cubicBezTo>
                    <a:pt x="21780" y="17344"/>
                    <a:pt x="21729" y="17645"/>
                    <a:pt x="21729" y="17795"/>
                  </a:cubicBezTo>
                  <a:cubicBezTo>
                    <a:pt x="21654" y="17921"/>
                    <a:pt x="21729" y="18196"/>
                    <a:pt x="21654" y="18322"/>
                  </a:cubicBezTo>
                  <a:cubicBezTo>
                    <a:pt x="21654" y="18472"/>
                    <a:pt x="21479" y="18698"/>
                    <a:pt x="21379" y="18823"/>
                  </a:cubicBezTo>
                  <a:cubicBezTo>
                    <a:pt x="21328" y="18873"/>
                    <a:pt x="21153" y="18923"/>
                    <a:pt x="21028" y="18998"/>
                  </a:cubicBezTo>
                  <a:cubicBezTo>
                    <a:pt x="20978" y="19049"/>
                    <a:pt x="20752" y="19099"/>
                    <a:pt x="20702" y="19224"/>
                  </a:cubicBezTo>
                  <a:cubicBezTo>
                    <a:pt x="20652" y="19099"/>
                    <a:pt x="20526" y="19049"/>
                    <a:pt x="20426" y="18998"/>
                  </a:cubicBezTo>
                  <a:cubicBezTo>
                    <a:pt x="20426" y="18923"/>
                    <a:pt x="20301" y="18873"/>
                    <a:pt x="20251" y="18873"/>
                  </a:cubicBezTo>
                  <a:cubicBezTo>
                    <a:pt x="20125" y="18873"/>
                    <a:pt x="20025" y="18998"/>
                    <a:pt x="19900" y="18998"/>
                  </a:cubicBezTo>
                  <a:cubicBezTo>
                    <a:pt x="19850" y="18998"/>
                    <a:pt x="19800" y="18923"/>
                    <a:pt x="19749" y="18923"/>
                  </a:cubicBezTo>
                  <a:cubicBezTo>
                    <a:pt x="19699" y="18923"/>
                    <a:pt x="19574" y="18873"/>
                    <a:pt x="19474" y="18873"/>
                  </a:cubicBezTo>
                  <a:cubicBezTo>
                    <a:pt x="19399" y="18873"/>
                    <a:pt x="19348" y="18998"/>
                    <a:pt x="19298" y="18998"/>
                  </a:cubicBezTo>
                  <a:cubicBezTo>
                    <a:pt x="19248" y="19049"/>
                    <a:pt x="19073" y="19149"/>
                    <a:pt x="19073" y="19224"/>
                  </a:cubicBezTo>
                  <a:cubicBezTo>
                    <a:pt x="19123" y="19274"/>
                    <a:pt x="19298" y="19274"/>
                    <a:pt x="19298" y="19324"/>
                  </a:cubicBezTo>
                  <a:cubicBezTo>
                    <a:pt x="19298" y="19324"/>
                    <a:pt x="19248" y="19450"/>
                    <a:pt x="19248" y="19500"/>
                  </a:cubicBezTo>
                  <a:cubicBezTo>
                    <a:pt x="19173" y="19550"/>
                    <a:pt x="18947" y="19600"/>
                    <a:pt x="18897" y="19600"/>
                  </a:cubicBezTo>
                  <a:cubicBezTo>
                    <a:pt x="18847" y="19600"/>
                    <a:pt x="18722" y="19500"/>
                    <a:pt x="18672" y="19500"/>
                  </a:cubicBezTo>
                  <a:cubicBezTo>
                    <a:pt x="18622" y="19450"/>
                    <a:pt x="18546" y="19324"/>
                    <a:pt x="18496" y="19324"/>
                  </a:cubicBezTo>
                  <a:cubicBezTo>
                    <a:pt x="18446" y="19274"/>
                    <a:pt x="18271" y="19324"/>
                    <a:pt x="18221" y="19274"/>
                  </a:cubicBezTo>
                  <a:cubicBezTo>
                    <a:pt x="18171" y="19274"/>
                    <a:pt x="18095" y="19224"/>
                    <a:pt x="18045" y="19149"/>
                  </a:cubicBezTo>
                  <a:cubicBezTo>
                    <a:pt x="17995" y="19099"/>
                    <a:pt x="17820" y="18923"/>
                    <a:pt x="17719" y="18873"/>
                  </a:cubicBezTo>
                  <a:cubicBezTo>
                    <a:pt x="17594" y="18823"/>
                    <a:pt x="17318" y="18873"/>
                    <a:pt x="17218" y="18823"/>
                  </a:cubicBezTo>
                  <a:cubicBezTo>
                    <a:pt x="17093" y="18773"/>
                    <a:pt x="16917" y="18698"/>
                    <a:pt x="16817" y="18648"/>
                  </a:cubicBezTo>
                  <a:lnTo>
                    <a:pt x="16316" y="18648"/>
                  </a:lnTo>
                  <a:cubicBezTo>
                    <a:pt x="16140" y="18648"/>
                    <a:pt x="15790" y="18698"/>
                    <a:pt x="15614" y="18773"/>
                  </a:cubicBezTo>
                  <a:cubicBezTo>
                    <a:pt x="15464" y="18823"/>
                    <a:pt x="15188" y="18998"/>
                    <a:pt x="15063" y="19099"/>
                  </a:cubicBezTo>
                  <a:cubicBezTo>
                    <a:pt x="15013" y="19099"/>
                    <a:pt x="14837" y="19149"/>
                    <a:pt x="14837" y="19224"/>
                  </a:cubicBezTo>
                  <a:cubicBezTo>
                    <a:pt x="14787" y="19274"/>
                    <a:pt x="14837" y="19324"/>
                    <a:pt x="14837" y="19374"/>
                  </a:cubicBezTo>
                  <a:cubicBezTo>
                    <a:pt x="14787" y="19450"/>
                    <a:pt x="14737" y="19600"/>
                    <a:pt x="14662" y="19600"/>
                  </a:cubicBezTo>
                  <a:cubicBezTo>
                    <a:pt x="14612" y="19675"/>
                    <a:pt x="14436" y="19600"/>
                    <a:pt x="14386" y="19550"/>
                  </a:cubicBezTo>
                  <a:cubicBezTo>
                    <a:pt x="14286" y="19550"/>
                    <a:pt x="14110" y="19450"/>
                    <a:pt x="14060" y="19374"/>
                  </a:cubicBezTo>
                  <a:cubicBezTo>
                    <a:pt x="13985" y="19274"/>
                    <a:pt x="13985" y="19099"/>
                    <a:pt x="13935" y="19049"/>
                  </a:cubicBezTo>
                  <a:cubicBezTo>
                    <a:pt x="13885" y="18923"/>
                    <a:pt x="13835" y="18648"/>
                    <a:pt x="13759" y="18547"/>
                  </a:cubicBezTo>
                  <a:cubicBezTo>
                    <a:pt x="13659" y="18422"/>
                    <a:pt x="13384" y="18196"/>
                    <a:pt x="13208" y="18096"/>
                  </a:cubicBezTo>
                  <a:cubicBezTo>
                    <a:pt x="13083" y="17971"/>
                    <a:pt x="12807" y="17745"/>
                    <a:pt x="12632" y="17695"/>
                  </a:cubicBezTo>
                  <a:cubicBezTo>
                    <a:pt x="12531" y="17645"/>
                    <a:pt x="12256" y="17570"/>
                    <a:pt x="12130" y="17520"/>
                  </a:cubicBezTo>
                  <a:cubicBezTo>
                    <a:pt x="12030" y="17470"/>
                    <a:pt x="11805" y="17420"/>
                    <a:pt x="11729" y="17420"/>
                  </a:cubicBezTo>
                  <a:cubicBezTo>
                    <a:pt x="11629" y="17420"/>
                    <a:pt x="11504" y="17470"/>
                    <a:pt x="11454" y="17470"/>
                  </a:cubicBezTo>
                  <a:cubicBezTo>
                    <a:pt x="11404" y="17470"/>
                    <a:pt x="11353" y="17420"/>
                    <a:pt x="11278" y="17420"/>
                  </a:cubicBezTo>
                  <a:cubicBezTo>
                    <a:pt x="11228" y="17294"/>
                    <a:pt x="11178" y="17119"/>
                    <a:pt x="11053" y="17069"/>
                  </a:cubicBezTo>
                  <a:cubicBezTo>
                    <a:pt x="10952" y="17018"/>
                    <a:pt x="10727" y="16968"/>
                    <a:pt x="10602" y="17018"/>
                  </a:cubicBezTo>
                  <a:cubicBezTo>
                    <a:pt x="10551" y="17018"/>
                    <a:pt x="10376" y="17069"/>
                    <a:pt x="10326" y="17069"/>
                  </a:cubicBezTo>
                  <a:lnTo>
                    <a:pt x="10100" y="17069"/>
                  </a:lnTo>
                  <a:cubicBezTo>
                    <a:pt x="10000" y="17018"/>
                    <a:pt x="9825" y="16668"/>
                    <a:pt x="9774" y="16567"/>
                  </a:cubicBezTo>
                  <a:cubicBezTo>
                    <a:pt x="9649" y="16342"/>
                    <a:pt x="9373" y="15841"/>
                    <a:pt x="9198" y="15615"/>
                  </a:cubicBezTo>
                  <a:cubicBezTo>
                    <a:pt x="9098" y="15389"/>
                    <a:pt x="8747" y="14988"/>
                    <a:pt x="8571" y="14813"/>
                  </a:cubicBezTo>
                  <a:cubicBezTo>
                    <a:pt x="8421" y="14638"/>
                    <a:pt x="8070" y="14312"/>
                    <a:pt x="7845" y="14136"/>
                  </a:cubicBezTo>
                  <a:cubicBezTo>
                    <a:pt x="7744" y="14036"/>
                    <a:pt x="7444" y="13735"/>
                    <a:pt x="7218" y="13635"/>
                  </a:cubicBezTo>
                  <a:cubicBezTo>
                    <a:pt x="7118" y="13585"/>
                    <a:pt x="6717" y="13510"/>
                    <a:pt x="6541" y="13409"/>
                  </a:cubicBezTo>
                  <a:cubicBezTo>
                    <a:pt x="6441" y="13409"/>
                    <a:pt x="6266" y="13359"/>
                    <a:pt x="6216" y="13234"/>
                  </a:cubicBezTo>
                  <a:cubicBezTo>
                    <a:pt x="6165" y="13184"/>
                    <a:pt x="6216" y="13059"/>
                    <a:pt x="6216" y="13008"/>
                  </a:cubicBezTo>
                  <a:cubicBezTo>
                    <a:pt x="6216" y="12908"/>
                    <a:pt x="6090" y="12783"/>
                    <a:pt x="6090" y="12683"/>
                  </a:cubicBezTo>
                  <a:cubicBezTo>
                    <a:pt x="6040" y="12557"/>
                    <a:pt x="6090" y="12332"/>
                    <a:pt x="6090" y="12232"/>
                  </a:cubicBezTo>
                  <a:cubicBezTo>
                    <a:pt x="6040" y="12056"/>
                    <a:pt x="5865" y="11780"/>
                    <a:pt x="5815" y="11605"/>
                  </a:cubicBezTo>
                  <a:cubicBezTo>
                    <a:pt x="5764" y="11505"/>
                    <a:pt x="5639" y="11154"/>
                    <a:pt x="5489" y="11054"/>
                  </a:cubicBezTo>
                  <a:cubicBezTo>
                    <a:pt x="5363" y="10878"/>
                    <a:pt x="4962" y="10753"/>
                    <a:pt x="4812" y="10653"/>
                  </a:cubicBezTo>
                  <a:cubicBezTo>
                    <a:pt x="4637" y="10527"/>
                    <a:pt x="4411" y="10201"/>
                    <a:pt x="4236" y="10026"/>
                  </a:cubicBezTo>
                  <a:cubicBezTo>
                    <a:pt x="4135" y="9976"/>
                    <a:pt x="3835" y="9750"/>
                    <a:pt x="3734" y="9625"/>
                  </a:cubicBezTo>
                  <a:cubicBezTo>
                    <a:pt x="3609" y="9625"/>
                    <a:pt x="3459" y="9525"/>
                    <a:pt x="3383" y="9525"/>
                  </a:cubicBezTo>
                  <a:cubicBezTo>
                    <a:pt x="3283" y="9525"/>
                    <a:pt x="3058" y="9625"/>
                    <a:pt x="2932" y="9625"/>
                  </a:cubicBezTo>
                  <a:lnTo>
                    <a:pt x="2707" y="9625"/>
                  </a:lnTo>
                  <a:cubicBezTo>
                    <a:pt x="2657" y="9575"/>
                    <a:pt x="2607" y="9399"/>
                    <a:pt x="2556" y="9349"/>
                  </a:cubicBezTo>
                  <a:cubicBezTo>
                    <a:pt x="2481" y="9249"/>
                    <a:pt x="2431" y="9074"/>
                    <a:pt x="2381" y="8948"/>
                  </a:cubicBezTo>
                  <a:cubicBezTo>
                    <a:pt x="2256" y="8848"/>
                    <a:pt x="2105" y="8622"/>
                    <a:pt x="1980" y="8497"/>
                  </a:cubicBezTo>
                  <a:cubicBezTo>
                    <a:pt x="1930" y="8397"/>
                    <a:pt x="1805" y="8221"/>
                    <a:pt x="1805" y="8121"/>
                  </a:cubicBezTo>
                  <a:cubicBezTo>
                    <a:pt x="1754" y="8121"/>
                    <a:pt x="1805" y="7996"/>
                    <a:pt x="1805" y="7946"/>
                  </a:cubicBezTo>
                  <a:cubicBezTo>
                    <a:pt x="1754" y="7896"/>
                    <a:pt x="1579" y="7820"/>
                    <a:pt x="1579" y="7770"/>
                  </a:cubicBezTo>
                  <a:cubicBezTo>
                    <a:pt x="1529" y="7720"/>
                    <a:pt x="1579" y="7595"/>
                    <a:pt x="1529" y="7545"/>
                  </a:cubicBezTo>
                  <a:cubicBezTo>
                    <a:pt x="1529" y="7445"/>
                    <a:pt x="1353" y="7269"/>
                    <a:pt x="1303" y="7144"/>
                  </a:cubicBezTo>
                  <a:cubicBezTo>
                    <a:pt x="1303" y="7044"/>
                    <a:pt x="1253" y="6868"/>
                    <a:pt x="1203" y="6768"/>
                  </a:cubicBezTo>
                  <a:cubicBezTo>
                    <a:pt x="1128" y="6642"/>
                    <a:pt x="977" y="6467"/>
                    <a:pt x="852" y="6367"/>
                  </a:cubicBezTo>
                  <a:cubicBezTo>
                    <a:pt x="677" y="6241"/>
                    <a:pt x="301" y="5966"/>
                    <a:pt x="125" y="5866"/>
                  </a:cubicBezTo>
                  <a:cubicBezTo>
                    <a:pt x="125" y="5866"/>
                    <a:pt x="75" y="5866"/>
                    <a:pt x="0" y="5790"/>
                  </a:cubicBezTo>
                  <a:cubicBezTo>
                    <a:pt x="125" y="5740"/>
                    <a:pt x="175" y="5640"/>
                    <a:pt x="226" y="5565"/>
                  </a:cubicBezTo>
                  <a:cubicBezTo>
                    <a:pt x="301" y="5515"/>
                    <a:pt x="526" y="5515"/>
                    <a:pt x="627" y="5465"/>
                  </a:cubicBezTo>
                  <a:cubicBezTo>
                    <a:pt x="752" y="5465"/>
                    <a:pt x="902" y="5465"/>
                    <a:pt x="977" y="5414"/>
                  </a:cubicBezTo>
                  <a:cubicBezTo>
                    <a:pt x="1078" y="5339"/>
                    <a:pt x="1253" y="5289"/>
                    <a:pt x="1303" y="5189"/>
                  </a:cubicBezTo>
                  <a:cubicBezTo>
                    <a:pt x="1353" y="5114"/>
                    <a:pt x="1479" y="4963"/>
                    <a:pt x="1429" y="4838"/>
                  </a:cubicBezTo>
                  <a:cubicBezTo>
                    <a:pt x="1429" y="4738"/>
                    <a:pt x="1253" y="4612"/>
                    <a:pt x="1203" y="4562"/>
                  </a:cubicBezTo>
                  <a:cubicBezTo>
                    <a:pt x="1078" y="4512"/>
                    <a:pt x="902" y="4612"/>
                    <a:pt x="802" y="4562"/>
                  </a:cubicBezTo>
                  <a:cubicBezTo>
                    <a:pt x="752" y="4512"/>
                    <a:pt x="677" y="4337"/>
                    <a:pt x="677" y="4287"/>
                  </a:cubicBezTo>
                  <a:cubicBezTo>
                    <a:pt x="677" y="4161"/>
                    <a:pt x="852" y="4061"/>
                    <a:pt x="977" y="3986"/>
                  </a:cubicBezTo>
                  <a:cubicBezTo>
                    <a:pt x="1028" y="3986"/>
                    <a:pt x="1253" y="3986"/>
                    <a:pt x="1353" y="3936"/>
                  </a:cubicBezTo>
                  <a:cubicBezTo>
                    <a:pt x="1529" y="3936"/>
                    <a:pt x="1930" y="3835"/>
                    <a:pt x="1980" y="3835"/>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199" name="Google Shape;256;p16">
              <a:extLst>
                <a:ext uri="{FF2B5EF4-FFF2-40B4-BE49-F238E27FC236}">
                  <a16:creationId xmlns:a16="http://schemas.microsoft.com/office/drawing/2014/main" id="{50C8E136-969B-2408-8A78-38B8665A02FE}"/>
                </a:ext>
              </a:extLst>
            </p:cNvPr>
            <p:cNvSpPr/>
            <p:nvPr/>
          </p:nvSpPr>
          <p:spPr>
            <a:xfrm>
              <a:off x="2474903" y="2501242"/>
              <a:ext cx="637269" cy="549157"/>
            </a:xfrm>
            <a:custGeom>
              <a:avLst/>
              <a:gdLst/>
              <a:ahLst/>
              <a:cxnLst/>
              <a:rect l="l" t="t" r="r" b="b"/>
              <a:pathLst>
                <a:path w="22833" h="19676" fill="none" extrusionOk="0">
                  <a:moveTo>
                    <a:pt x="1980" y="3835"/>
                  </a:moveTo>
                  <a:close/>
                  <a:moveTo>
                    <a:pt x="1980" y="3835"/>
                  </a:moveTo>
                  <a:cubicBezTo>
                    <a:pt x="1930" y="3835"/>
                    <a:pt x="2030" y="3610"/>
                    <a:pt x="2105" y="3485"/>
                  </a:cubicBezTo>
                  <a:cubicBezTo>
                    <a:pt x="2155" y="3434"/>
                    <a:pt x="2256" y="3384"/>
                    <a:pt x="2256" y="3334"/>
                  </a:cubicBezTo>
                  <a:cubicBezTo>
                    <a:pt x="2331" y="3209"/>
                    <a:pt x="2206" y="3033"/>
                    <a:pt x="2206" y="2933"/>
                  </a:cubicBezTo>
                  <a:cubicBezTo>
                    <a:pt x="2206" y="2883"/>
                    <a:pt x="2256" y="2708"/>
                    <a:pt x="2256" y="2658"/>
                  </a:cubicBezTo>
                  <a:cubicBezTo>
                    <a:pt x="2331" y="2582"/>
                    <a:pt x="2481" y="2532"/>
                    <a:pt x="2556" y="2482"/>
                  </a:cubicBezTo>
                  <a:cubicBezTo>
                    <a:pt x="2607" y="2432"/>
                    <a:pt x="2707" y="2257"/>
                    <a:pt x="2782" y="2206"/>
                  </a:cubicBezTo>
                  <a:cubicBezTo>
                    <a:pt x="2832" y="2131"/>
                    <a:pt x="2932" y="1981"/>
                    <a:pt x="2932" y="1906"/>
                  </a:cubicBezTo>
                  <a:cubicBezTo>
                    <a:pt x="2932" y="1805"/>
                    <a:pt x="2882" y="1580"/>
                    <a:pt x="2832" y="1455"/>
                  </a:cubicBezTo>
                  <a:cubicBezTo>
                    <a:pt x="2782" y="1404"/>
                    <a:pt x="2607" y="1304"/>
                    <a:pt x="2556" y="1179"/>
                  </a:cubicBezTo>
                  <a:cubicBezTo>
                    <a:pt x="2481" y="1079"/>
                    <a:pt x="2381" y="903"/>
                    <a:pt x="2381" y="778"/>
                  </a:cubicBezTo>
                  <a:cubicBezTo>
                    <a:pt x="2381" y="678"/>
                    <a:pt x="2481" y="502"/>
                    <a:pt x="2556" y="402"/>
                  </a:cubicBezTo>
                  <a:cubicBezTo>
                    <a:pt x="2607" y="327"/>
                    <a:pt x="2707" y="176"/>
                    <a:pt x="2832" y="176"/>
                  </a:cubicBezTo>
                  <a:cubicBezTo>
                    <a:pt x="2932" y="101"/>
                    <a:pt x="3233" y="101"/>
                    <a:pt x="3333" y="51"/>
                  </a:cubicBezTo>
                  <a:cubicBezTo>
                    <a:pt x="3333" y="1"/>
                    <a:pt x="3383" y="1"/>
                    <a:pt x="3459" y="1"/>
                  </a:cubicBezTo>
                  <a:cubicBezTo>
                    <a:pt x="3459" y="51"/>
                    <a:pt x="3509" y="176"/>
                    <a:pt x="3559" y="226"/>
                  </a:cubicBezTo>
                  <a:cubicBezTo>
                    <a:pt x="3559" y="277"/>
                    <a:pt x="3609" y="452"/>
                    <a:pt x="3609" y="502"/>
                  </a:cubicBezTo>
                  <a:cubicBezTo>
                    <a:pt x="3559" y="552"/>
                    <a:pt x="3509" y="678"/>
                    <a:pt x="3459" y="728"/>
                  </a:cubicBezTo>
                  <a:cubicBezTo>
                    <a:pt x="3459" y="778"/>
                    <a:pt x="3459" y="953"/>
                    <a:pt x="3509" y="1003"/>
                  </a:cubicBezTo>
                  <a:cubicBezTo>
                    <a:pt x="3559" y="1079"/>
                    <a:pt x="3734" y="1129"/>
                    <a:pt x="3835" y="1129"/>
                  </a:cubicBezTo>
                  <a:cubicBezTo>
                    <a:pt x="3835" y="1129"/>
                    <a:pt x="3960" y="1003"/>
                    <a:pt x="4010" y="1003"/>
                  </a:cubicBezTo>
                  <a:cubicBezTo>
                    <a:pt x="4060" y="1003"/>
                    <a:pt x="4135" y="1079"/>
                    <a:pt x="4185" y="1129"/>
                  </a:cubicBezTo>
                  <a:lnTo>
                    <a:pt x="4185" y="1354"/>
                  </a:lnTo>
                  <a:cubicBezTo>
                    <a:pt x="4185" y="1404"/>
                    <a:pt x="4135" y="1530"/>
                    <a:pt x="4135" y="1580"/>
                  </a:cubicBezTo>
                  <a:cubicBezTo>
                    <a:pt x="4060" y="1630"/>
                    <a:pt x="4010" y="1630"/>
                    <a:pt x="3960" y="1630"/>
                  </a:cubicBezTo>
                  <a:cubicBezTo>
                    <a:pt x="3960" y="1680"/>
                    <a:pt x="3910" y="1906"/>
                    <a:pt x="3960" y="1981"/>
                  </a:cubicBezTo>
                  <a:cubicBezTo>
                    <a:pt x="3960" y="2031"/>
                    <a:pt x="4185" y="2031"/>
                    <a:pt x="4236" y="2081"/>
                  </a:cubicBezTo>
                  <a:cubicBezTo>
                    <a:pt x="4286" y="2131"/>
                    <a:pt x="4361" y="2257"/>
                    <a:pt x="4411" y="2307"/>
                  </a:cubicBezTo>
                  <a:cubicBezTo>
                    <a:pt x="4461" y="2357"/>
                    <a:pt x="4637" y="2482"/>
                    <a:pt x="4687" y="2532"/>
                  </a:cubicBezTo>
                  <a:cubicBezTo>
                    <a:pt x="4737" y="2582"/>
                    <a:pt x="4812" y="2758"/>
                    <a:pt x="4812" y="2758"/>
                  </a:cubicBezTo>
                  <a:cubicBezTo>
                    <a:pt x="4912" y="2808"/>
                    <a:pt x="5088" y="2883"/>
                    <a:pt x="5138" y="2883"/>
                  </a:cubicBezTo>
                  <a:cubicBezTo>
                    <a:pt x="5188" y="2883"/>
                    <a:pt x="5313" y="2708"/>
                    <a:pt x="5363" y="2658"/>
                  </a:cubicBezTo>
                  <a:cubicBezTo>
                    <a:pt x="5414" y="2582"/>
                    <a:pt x="5589" y="2532"/>
                    <a:pt x="5639" y="2482"/>
                  </a:cubicBezTo>
                  <a:cubicBezTo>
                    <a:pt x="5714" y="2482"/>
                    <a:pt x="5865" y="2532"/>
                    <a:pt x="5990" y="2532"/>
                  </a:cubicBezTo>
                  <a:cubicBezTo>
                    <a:pt x="6090" y="2582"/>
                    <a:pt x="6266" y="2758"/>
                    <a:pt x="6391" y="2808"/>
                  </a:cubicBezTo>
                  <a:cubicBezTo>
                    <a:pt x="6441" y="2883"/>
                    <a:pt x="6541" y="2883"/>
                    <a:pt x="6541" y="2933"/>
                  </a:cubicBezTo>
                  <a:cubicBezTo>
                    <a:pt x="6617" y="2983"/>
                    <a:pt x="6717" y="3109"/>
                    <a:pt x="6717" y="3159"/>
                  </a:cubicBezTo>
                  <a:cubicBezTo>
                    <a:pt x="6717" y="3259"/>
                    <a:pt x="6667" y="3384"/>
                    <a:pt x="6717" y="3485"/>
                  </a:cubicBezTo>
                  <a:cubicBezTo>
                    <a:pt x="6717" y="3535"/>
                    <a:pt x="6767" y="3660"/>
                    <a:pt x="6842" y="3710"/>
                  </a:cubicBezTo>
                  <a:cubicBezTo>
                    <a:pt x="6842" y="3835"/>
                    <a:pt x="6942" y="3936"/>
                    <a:pt x="6993" y="3986"/>
                  </a:cubicBezTo>
                  <a:cubicBezTo>
                    <a:pt x="7068" y="4061"/>
                    <a:pt x="6993" y="4211"/>
                    <a:pt x="7068" y="4287"/>
                  </a:cubicBezTo>
                  <a:cubicBezTo>
                    <a:pt x="7118" y="4337"/>
                    <a:pt x="7293" y="4437"/>
                    <a:pt x="7343" y="4512"/>
                  </a:cubicBezTo>
                  <a:cubicBezTo>
                    <a:pt x="7444" y="4512"/>
                    <a:pt x="7619" y="4612"/>
                    <a:pt x="7669" y="4612"/>
                  </a:cubicBezTo>
                  <a:cubicBezTo>
                    <a:pt x="7795" y="4612"/>
                    <a:pt x="7970" y="4512"/>
                    <a:pt x="8020" y="4512"/>
                  </a:cubicBezTo>
                  <a:cubicBezTo>
                    <a:pt x="8120" y="4512"/>
                    <a:pt x="8296" y="4512"/>
                    <a:pt x="8346" y="4562"/>
                  </a:cubicBezTo>
                  <a:cubicBezTo>
                    <a:pt x="8421" y="4612"/>
                    <a:pt x="8421" y="4738"/>
                    <a:pt x="8471" y="4788"/>
                  </a:cubicBezTo>
                  <a:cubicBezTo>
                    <a:pt x="8471" y="4838"/>
                    <a:pt x="8471" y="5013"/>
                    <a:pt x="8421" y="5064"/>
                  </a:cubicBezTo>
                  <a:cubicBezTo>
                    <a:pt x="8421" y="5114"/>
                    <a:pt x="8296" y="5189"/>
                    <a:pt x="8296" y="5239"/>
                  </a:cubicBezTo>
                  <a:cubicBezTo>
                    <a:pt x="8296" y="5289"/>
                    <a:pt x="8296" y="5414"/>
                    <a:pt x="8346" y="5465"/>
                  </a:cubicBezTo>
                  <a:cubicBezTo>
                    <a:pt x="8346" y="5515"/>
                    <a:pt x="8521" y="5640"/>
                    <a:pt x="8571" y="5640"/>
                  </a:cubicBezTo>
                  <a:cubicBezTo>
                    <a:pt x="8647" y="5640"/>
                    <a:pt x="8697" y="5465"/>
                    <a:pt x="8747" y="5465"/>
                  </a:cubicBezTo>
                  <a:cubicBezTo>
                    <a:pt x="8797" y="5414"/>
                    <a:pt x="8972" y="5414"/>
                    <a:pt x="9023" y="5414"/>
                  </a:cubicBezTo>
                  <a:cubicBezTo>
                    <a:pt x="9098" y="5465"/>
                    <a:pt x="9148" y="5640"/>
                    <a:pt x="9098" y="5690"/>
                  </a:cubicBezTo>
                  <a:cubicBezTo>
                    <a:pt x="9098" y="5740"/>
                    <a:pt x="9023" y="5866"/>
                    <a:pt x="9023" y="5916"/>
                  </a:cubicBezTo>
                  <a:cubicBezTo>
                    <a:pt x="8972" y="5966"/>
                    <a:pt x="9023" y="6141"/>
                    <a:pt x="9098" y="6141"/>
                  </a:cubicBezTo>
                  <a:cubicBezTo>
                    <a:pt x="9148" y="6191"/>
                    <a:pt x="9323" y="6191"/>
                    <a:pt x="9373" y="6191"/>
                  </a:cubicBezTo>
                  <a:cubicBezTo>
                    <a:pt x="9424" y="6141"/>
                    <a:pt x="9474" y="6016"/>
                    <a:pt x="9549" y="5966"/>
                  </a:cubicBezTo>
                  <a:cubicBezTo>
                    <a:pt x="9649" y="5916"/>
                    <a:pt x="9875" y="5866"/>
                    <a:pt x="9925" y="5790"/>
                  </a:cubicBezTo>
                  <a:cubicBezTo>
                    <a:pt x="10000" y="5740"/>
                    <a:pt x="10100" y="5640"/>
                    <a:pt x="10100" y="5565"/>
                  </a:cubicBezTo>
                  <a:cubicBezTo>
                    <a:pt x="10100" y="5515"/>
                    <a:pt x="10050" y="5414"/>
                    <a:pt x="10050" y="5339"/>
                  </a:cubicBezTo>
                  <a:cubicBezTo>
                    <a:pt x="10050" y="5289"/>
                    <a:pt x="10100" y="5064"/>
                    <a:pt x="10150" y="5013"/>
                  </a:cubicBezTo>
                  <a:cubicBezTo>
                    <a:pt x="10150" y="4963"/>
                    <a:pt x="10326" y="4963"/>
                    <a:pt x="10376" y="4963"/>
                  </a:cubicBezTo>
                  <a:cubicBezTo>
                    <a:pt x="10451" y="4963"/>
                    <a:pt x="10551" y="5064"/>
                    <a:pt x="10602" y="5064"/>
                  </a:cubicBezTo>
                  <a:cubicBezTo>
                    <a:pt x="10677" y="5064"/>
                    <a:pt x="10827" y="5064"/>
                    <a:pt x="10902" y="5013"/>
                  </a:cubicBezTo>
                  <a:cubicBezTo>
                    <a:pt x="10952" y="4963"/>
                    <a:pt x="11003" y="4838"/>
                    <a:pt x="11003" y="4788"/>
                  </a:cubicBezTo>
                  <a:cubicBezTo>
                    <a:pt x="11003" y="4663"/>
                    <a:pt x="10952" y="4562"/>
                    <a:pt x="10902" y="4512"/>
                  </a:cubicBezTo>
                  <a:cubicBezTo>
                    <a:pt x="10902" y="4437"/>
                    <a:pt x="10827" y="4287"/>
                    <a:pt x="10827" y="4211"/>
                  </a:cubicBezTo>
                  <a:cubicBezTo>
                    <a:pt x="10827" y="4161"/>
                    <a:pt x="10902" y="4061"/>
                    <a:pt x="10952" y="4061"/>
                  </a:cubicBezTo>
                  <a:cubicBezTo>
                    <a:pt x="11003" y="3986"/>
                    <a:pt x="11178" y="3936"/>
                    <a:pt x="11228" y="3936"/>
                  </a:cubicBezTo>
                  <a:cubicBezTo>
                    <a:pt x="11278" y="3936"/>
                    <a:pt x="11454" y="4061"/>
                    <a:pt x="11504" y="4061"/>
                  </a:cubicBezTo>
                  <a:cubicBezTo>
                    <a:pt x="11579" y="3986"/>
                    <a:pt x="11729" y="3936"/>
                    <a:pt x="11805" y="3886"/>
                  </a:cubicBezTo>
                  <a:cubicBezTo>
                    <a:pt x="11855" y="3835"/>
                    <a:pt x="11855" y="3660"/>
                    <a:pt x="11905" y="3610"/>
                  </a:cubicBezTo>
                  <a:cubicBezTo>
                    <a:pt x="11955" y="3535"/>
                    <a:pt x="12181" y="3434"/>
                    <a:pt x="12256" y="3384"/>
                  </a:cubicBezTo>
                  <a:cubicBezTo>
                    <a:pt x="12356" y="3259"/>
                    <a:pt x="12356" y="3033"/>
                    <a:pt x="12406" y="2933"/>
                  </a:cubicBezTo>
                  <a:cubicBezTo>
                    <a:pt x="12406" y="2933"/>
                    <a:pt x="12531" y="2808"/>
                    <a:pt x="12582" y="2808"/>
                  </a:cubicBezTo>
                  <a:cubicBezTo>
                    <a:pt x="12632" y="2808"/>
                    <a:pt x="12757" y="2883"/>
                    <a:pt x="12807" y="2933"/>
                  </a:cubicBezTo>
                  <a:cubicBezTo>
                    <a:pt x="12857" y="2983"/>
                    <a:pt x="12907" y="3159"/>
                    <a:pt x="13033" y="3159"/>
                  </a:cubicBezTo>
                  <a:cubicBezTo>
                    <a:pt x="13083" y="3159"/>
                    <a:pt x="13208" y="3033"/>
                    <a:pt x="13258" y="2983"/>
                  </a:cubicBezTo>
                  <a:cubicBezTo>
                    <a:pt x="13258" y="2933"/>
                    <a:pt x="13308" y="2808"/>
                    <a:pt x="13308" y="2758"/>
                  </a:cubicBezTo>
                  <a:cubicBezTo>
                    <a:pt x="13384" y="2658"/>
                    <a:pt x="13484" y="2532"/>
                    <a:pt x="13534" y="2482"/>
                  </a:cubicBezTo>
                  <a:cubicBezTo>
                    <a:pt x="13659" y="2357"/>
                    <a:pt x="13935" y="2307"/>
                    <a:pt x="14110" y="2307"/>
                  </a:cubicBezTo>
                  <a:cubicBezTo>
                    <a:pt x="14211" y="2307"/>
                    <a:pt x="14436" y="2432"/>
                    <a:pt x="14561" y="2357"/>
                  </a:cubicBezTo>
                  <a:cubicBezTo>
                    <a:pt x="14612" y="2357"/>
                    <a:pt x="14662" y="2206"/>
                    <a:pt x="14737" y="2131"/>
                  </a:cubicBezTo>
                  <a:cubicBezTo>
                    <a:pt x="14737" y="2031"/>
                    <a:pt x="14787" y="1856"/>
                    <a:pt x="14837" y="1755"/>
                  </a:cubicBezTo>
                  <a:cubicBezTo>
                    <a:pt x="14837" y="1680"/>
                    <a:pt x="15013" y="1580"/>
                    <a:pt x="15013" y="1530"/>
                  </a:cubicBezTo>
                  <a:cubicBezTo>
                    <a:pt x="15013" y="1455"/>
                    <a:pt x="15063" y="1354"/>
                    <a:pt x="15063" y="1229"/>
                  </a:cubicBezTo>
                  <a:lnTo>
                    <a:pt x="15188" y="1229"/>
                  </a:lnTo>
                  <a:cubicBezTo>
                    <a:pt x="15288" y="1229"/>
                    <a:pt x="15389" y="1129"/>
                    <a:pt x="15514" y="1129"/>
                  </a:cubicBezTo>
                  <a:cubicBezTo>
                    <a:pt x="15564" y="1179"/>
                    <a:pt x="15614" y="1229"/>
                    <a:pt x="15689" y="1229"/>
                  </a:cubicBezTo>
                  <a:cubicBezTo>
                    <a:pt x="15739" y="1304"/>
                    <a:pt x="15915" y="1404"/>
                    <a:pt x="15965" y="1455"/>
                  </a:cubicBezTo>
                  <a:cubicBezTo>
                    <a:pt x="16015" y="1530"/>
                    <a:pt x="16015" y="1680"/>
                    <a:pt x="16090" y="1755"/>
                  </a:cubicBezTo>
                  <a:cubicBezTo>
                    <a:pt x="16140" y="1805"/>
                    <a:pt x="16316" y="1856"/>
                    <a:pt x="16366" y="1856"/>
                  </a:cubicBezTo>
                  <a:cubicBezTo>
                    <a:pt x="16416" y="1856"/>
                    <a:pt x="16466" y="1805"/>
                    <a:pt x="16541" y="1805"/>
                  </a:cubicBezTo>
                  <a:lnTo>
                    <a:pt x="16592" y="1805"/>
                  </a:lnTo>
                  <a:lnTo>
                    <a:pt x="16592" y="2031"/>
                  </a:lnTo>
                  <a:cubicBezTo>
                    <a:pt x="16592" y="2131"/>
                    <a:pt x="16692" y="2257"/>
                    <a:pt x="16767" y="2307"/>
                  </a:cubicBezTo>
                  <a:lnTo>
                    <a:pt x="16767" y="2582"/>
                  </a:lnTo>
                  <a:cubicBezTo>
                    <a:pt x="16692" y="2658"/>
                    <a:pt x="16592" y="2708"/>
                    <a:pt x="16592" y="2758"/>
                  </a:cubicBezTo>
                  <a:cubicBezTo>
                    <a:pt x="16541" y="2758"/>
                    <a:pt x="16541" y="2933"/>
                    <a:pt x="16466" y="2983"/>
                  </a:cubicBezTo>
                  <a:cubicBezTo>
                    <a:pt x="16416" y="3033"/>
                    <a:pt x="16191" y="3109"/>
                    <a:pt x="16015" y="3159"/>
                  </a:cubicBezTo>
                  <a:cubicBezTo>
                    <a:pt x="15965" y="3159"/>
                    <a:pt x="15840" y="3109"/>
                    <a:pt x="15790" y="3109"/>
                  </a:cubicBezTo>
                  <a:cubicBezTo>
                    <a:pt x="15614" y="3159"/>
                    <a:pt x="15389" y="3259"/>
                    <a:pt x="15238" y="3334"/>
                  </a:cubicBezTo>
                  <a:cubicBezTo>
                    <a:pt x="15113" y="3334"/>
                    <a:pt x="14837" y="3384"/>
                    <a:pt x="14787" y="3485"/>
                  </a:cubicBezTo>
                  <a:cubicBezTo>
                    <a:pt x="14737" y="3485"/>
                    <a:pt x="14662" y="3660"/>
                    <a:pt x="14662" y="3710"/>
                  </a:cubicBezTo>
                  <a:cubicBezTo>
                    <a:pt x="14737" y="3760"/>
                    <a:pt x="14787" y="3886"/>
                    <a:pt x="14837" y="3886"/>
                  </a:cubicBezTo>
                  <a:cubicBezTo>
                    <a:pt x="14887" y="3936"/>
                    <a:pt x="15063" y="3936"/>
                    <a:pt x="15113" y="3986"/>
                  </a:cubicBezTo>
                  <a:cubicBezTo>
                    <a:pt x="15188" y="3986"/>
                    <a:pt x="15338" y="4111"/>
                    <a:pt x="15338" y="4211"/>
                  </a:cubicBezTo>
                  <a:cubicBezTo>
                    <a:pt x="15288" y="4287"/>
                    <a:pt x="15188" y="4337"/>
                    <a:pt x="15113" y="4337"/>
                  </a:cubicBezTo>
                  <a:cubicBezTo>
                    <a:pt x="15063" y="4387"/>
                    <a:pt x="14837" y="4387"/>
                    <a:pt x="14787" y="4437"/>
                  </a:cubicBezTo>
                  <a:cubicBezTo>
                    <a:pt x="14662" y="4512"/>
                    <a:pt x="14561" y="4663"/>
                    <a:pt x="14561" y="4738"/>
                  </a:cubicBezTo>
                  <a:cubicBezTo>
                    <a:pt x="14561" y="4788"/>
                    <a:pt x="14561" y="4888"/>
                    <a:pt x="14612" y="4963"/>
                  </a:cubicBezTo>
                  <a:cubicBezTo>
                    <a:pt x="14662" y="5013"/>
                    <a:pt x="14787" y="4963"/>
                    <a:pt x="14837" y="4963"/>
                  </a:cubicBezTo>
                  <a:cubicBezTo>
                    <a:pt x="14887" y="5013"/>
                    <a:pt x="15013" y="5064"/>
                    <a:pt x="15063" y="5114"/>
                  </a:cubicBezTo>
                  <a:cubicBezTo>
                    <a:pt x="15113" y="5239"/>
                    <a:pt x="15113" y="5414"/>
                    <a:pt x="15113" y="5515"/>
                  </a:cubicBezTo>
                  <a:cubicBezTo>
                    <a:pt x="15113" y="5565"/>
                    <a:pt x="15063" y="5740"/>
                    <a:pt x="15063" y="5866"/>
                  </a:cubicBezTo>
                  <a:cubicBezTo>
                    <a:pt x="15063" y="5966"/>
                    <a:pt x="15113" y="6141"/>
                    <a:pt x="15188" y="6191"/>
                  </a:cubicBezTo>
                  <a:cubicBezTo>
                    <a:pt x="15238" y="6241"/>
                    <a:pt x="15338" y="6367"/>
                    <a:pt x="15389" y="6417"/>
                  </a:cubicBezTo>
                  <a:cubicBezTo>
                    <a:pt x="15514" y="6467"/>
                    <a:pt x="15790" y="6542"/>
                    <a:pt x="15915" y="6642"/>
                  </a:cubicBezTo>
                  <a:cubicBezTo>
                    <a:pt x="15965" y="6693"/>
                    <a:pt x="16015" y="6918"/>
                    <a:pt x="16015" y="7044"/>
                  </a:cubicBezTo>
                  <a:cubicBezTo>
                    <a:pt x="16090" y="7144"/>
                    <a:pt x="16015" y="7269"/>
                    <a:pt x="16015" y="7319"/>
                  </a:cubicBezTo>
                  <a:cubicBezTo>
                    <a:pt x="16090" y="7369"/>
                    <a:pt x="16191" y="7445"/>
                    <a:pt x="16241" y="7495"/>
                  </a:cubicBezTo>
                  <a:cubicBezTo>
                    <a:pt x="16316" y="7545"/>
                    <a:pt x="16416" y="7670"/>
                    <a:pt x="16466" y="7720"/>
                  </a:cubicBezTo>
                  <a:cubicBezTo>
                    <a:pt x="16541" y="7770"/>
                    <a:pt x="16592" y="7946"/>
                    <a:pt x="16592" y="8046"/>
                  </a:cubicBezTo>
                  <a:cubicBezTo>
                    <a:pt x="16592" y="8121"/>
                    <a:pt x="16541" y="8272"/>
                    <a:pt x="16466" y="8347"/>
                  </a:cubicBezTo>
                  <a:cubicBezTo>
                    <a:pt x="16416" y="8397"/>
                    <a:pt x="16316" y="8397"/>
                    <a:pt x="16241" y="8397"/>
                  </a:cubicBezTo>
                  <a:cubicBezTo>
                    <a:pt x="16140" y="8397"/>
                    <a:pt x="16015" y="8347"/>
                    <a:pt x="15965" y="8347"/>
                  </a:cubicBezTo>
                  <a:cubicBezTo>
                    <a:pt x="15915" y="8272"/>
                    <a:pt x="15840" y="8046"/>
                    <a:pt x="15790" y="8046"/>
                  </a:cubicBezTo>
                  <a:cubicBezTo>
                    <a:pt x="15739" y="7996"/>
                    <a:pt x="15564" y="7896"/>
                    <a:pt x="15514" y="7896"/>
                  </a:cubicBezTo>
                  <a:cubicBezTo>
                    <a:pt x="15464" y="7896"/>
                    <a:pt x="15338" y="7946"/>
                    <a:pt x="15288" y="7996"/>
                  </a:cubicBezTo>
                  <a:cubicBezTo>
                    <a:pt x="15188" y="8046"/>
                    <a:pt x="15063" y="8171"/>
                    <a:pt x="15013" y="8221"/>
                  </a:cubicBezTo>
                  <a:cubicBezTo>
                    <a:pt x="14962" y="8272"/>
                    <a:pt x="14887" y="8397"/>
                    <a:pt x="14837" y="8447"/>
                  </a:cubicBezTo>
                  <a:cubicBezTo>
                    <a:pt x="14737" y="8497"/>
                    <a:pt x="14511" y="8497"/>
                    <a:pt x="14386" y="8497"/>
                  </a:cubicBezTo>
                  <a:cubicBezTo>
                    <a:pt x="14336" y="8497"/>
                    <a:pt x="14110" y="8397"/>
                    <a:pt x="14060" y="8447"/>
                  </a:cubicBezTo>
                  <a:cubicBezTo>
                    <a:pt x="13935" y="8447"/>
                    <a:pt x="13835" y="8572"/>
                    <a:pt x="13835" y="8622"/>
                  </a:cubicBezTo>
                  <a:cubicBezTo>
                    <a:pt x="13759" y="8673"/>
                    <a:pt x="13759" y="8848"/>
                    <a:pt x="13835" y="8898"/>
                  </a:cubicBezTo>
                  <a:cubicBezTo>
                    <a:pt x="13835" y="8898"/>
                    <a:pt x="13935" y="8948"/>
                    <a:pt x="13985" y="8948"/>
                  </a:cubicBezTo>
                  <a:cubicBezTo>
                    <a:pt x="14060" y="9074"/>
                    <a:pt x="14110" y="9249"/>
                    <a:pt x="14110" y="9349"/>
                  </a:cubicBezTo>
                  <a:cubicBezTo>
                    <a:pt x="14160" y="9475"/>
                    <a:pt x="14110" y="9625"/>
                    <a:pt x="14160" y="9700"/>
                  </a:cubicBezTo>
                  <a:cubicBezTo>
                    <a:pt x="14160" y="9800"/>
                    <a:pt x="14286" y="10026"/>
                    <a:pt x="14336" y="10151"/>
                  </a:cubicBezTo>
                  <a:cubicBezTo>
                    <a:pt x="14436" y="10201"/>
                    <a:pt x="14612" y="10201"/>
                    <a:pt x="14737" y="10201"/>
                  </a:cubicBezTo>
                  <a:cubicBezTo>
                    <a:pt x="14787" y="10201"/>
                    <a:pt x="14962" y="10076"/>
                    <a:pt x="15013" y="10076"/>
                  </a:cubicBezTo>
                  <a:cubicBezTo>
                    <a:pt x="15063" y="10151"/>
                    <a:pt x="15238" y="10201"/>
                    <a:pt x="15338" y="10252"/>
                  </a:cubicBezTo>
                  <a:cubicBezTo>
                    <a:pt x="15389" y="10302"/>
                    <a:pt x="15389" y="10527"/>
                    <a:pt x="15464" y="10602"/>
                  </a:cubicBezTo>
                  <a:cubicBezTo>
                    <a:pt x="15514" y="10653"/>
                    <a:pt x="15689" y="10753"/>
                    <a:pt x="15739" y="10753"/>
                  </a:cubicBezTo>
                  <a:cubicBezTo>
                    <a:pt x="15840" y="10828"/>
                    <a:pt x="16090" y="10753"/>
                    <a:pt x="16191" y="10753"/>
                  </a:cubicBezTo>
                  <a:cubicBezTo>
                    <a:pt x="16241" y="10753"/>
                    <a:pt x="16416" y="10753"/>
                    <a:pt x="16541" y="10828"/>
                  </a:cubicBezTo>
                  <a:cubicBezTo>
                    <a:pt x="16642" y="10828"/>
                    <a:pt x="16817" y="11054"/>
                    <a:pt x="16867" y="11154"/>
                  </a:cubicBezTo>
                  <a:cubicBezTo>
                    <a:pt x="16917" y="11204"/>
                    <a:pt x="16993" y="11379"/>
                    <a:pt x="16993" y="11505"/>
                  </a:cubicBezTo>
                  <a:cubicBezTo>
                    <a:pt x="16993" y="11555"/>
                    <a:pt x="16817" y="11655"/>
                    <a:pt x="16767" y="11730"/>
                  </a:cubicBezTo>
                  <a:cubicBezTo>
                    <a:pt x="16767" y="11830"/>
                    <a:pt x="16867" y="11956"/>
                    <a:pt x="16917" y="12006"/>
                  </a:cubicBezTo>
                  <a:cubicBezTo>
                    <a:pt x="16993" y="12056"/>
                    <a:pt x="17093" y="12181"/>
                    <a:pt x="17218" y="12181"/>
                  </a:cubicBezTo>
                  <a:cubicBezTo>
                    <a:pt x="17268" y="12181"/>
                    <a:pt x="17494" y="12181"/>
                    <a:pt x="17544" y="12106"/>
                  </a:cubicBezTo>
                  <a:cubicBezTo>
                    <a:pt x="17644" y="12106"/>
                    <a:pt x="17770" y="11956"/>
                    <a:pt x="17820" y="11956"/>
                  </a:cubicBezTo>
                  <a:cubicBezTo>
                    <a:pt x="17945" y="11956"/>
                    <a:pt x="18095" y="12056"/>
                    <a:pt x="18171" y="12106"/>
                  </a:cubicBezTo>
                  <a:cubicBezTo>
                    <a:pt x="18221" y="12181"/>
                    <a:pt x="18396" y="12282"/>
                    <a:pt x="18446" y="12407"/>
                  </a:cubicBezTo>
                  <a:cubicBezTo>
                    <a:pt x="18496" y="12457"/>
                    <a:pt x="18496" y="12683"/>
                    <a:pt x="18546" y="12783"/>
                  </a:cubicBezTo>
                  <a:cubicBezTo>
                    <a:pt x="18622" y="12858"/>
                    <a:pt x="18722" y="13008"/>
                    <a:pt x="18847" y="13008"/>
                  </a:cubicBezTo>
                  <a:cubicBezTo>
                    <a:pt x="18897" y="13008"/>
                    <a:pt x="18947" y="12783"/>
                    <a:pt x="19023" y="12733"/>
                  </a:cubicBezTo>
                  <a:cubicBezTo>
                    <a:pt x="19023" y="12733"/>
                    <a:pt x="19123" y="12733"/>
                    <a:pt x="19173" y="12683"/>
                  </a:cubicBezTo>
                  <a:cubicBezTo>
                    <a:pt x="19248" y="12633"/>
                    <a:pt x="19173" y="12507"/>
                    <a:pt x="19173" y="12457"/>
                  </a:cubicBezTo>
                  <a:cubicBezTo>
                    <a:pt x="19248" y="12332"/>
                    <a:pt x="19348" y="12232"/>
                    <a:pt x="19474" y="12181"/>
                  </a:cubicBezTo>
                  <a:cubicBezTo>
                    <a:pt x="19574" y="12181"/>
                    <a:pt x="19749" y="12232"/>
                    <a:pt x="19800" y="12282"/>
                  </a:cubicBezTo>
                  <a:cubicBezTo>
                    <a:pt x="19900" y="12332"/>
                    <a:pt x="20075" y="12507"/>
                    <a:pt x="20201" y="12557"/>
                  </a:cubicBezTo>
                  <a:cubicBezTo>
                    <a:pt x="20251" y="12683"/>
                    <a:pt x="20301" y="13008"/>
                    <a:pt x="20426" y="13134"/>
                  </a:cubicBezTo>
                  <a:cubicBezTo>
                    <a:pt x="20526" y="13234"/>
                    <a:pt x="20702" y="13284"/>
                    <a:pt x="20802" y="13359"/>
                  </a:cubicBezTo>
                  <a:cubicBezTo>
                    <a:pt x="20927" y="13359"/>
                    <a:pt x="21153" y="13284"/>
                    <a:pt x="21253" y="13234"/>
                  </a:cubicBezTo>
                  <a:cubicBezTo>
                    <a:pt x="21328" y="13184"/>
                    <a:pt x="21379" y="13008"/>
                    <a:pt x="21429" y="12958"/>
                  </a:cubicBezTo>
                  <a:cubicBezTo>
                    <a:pt x="21479" y="12908"/>
                    <a:pt x="21554" y="12783"/>
                    <a:pt x="21654" y="12783"/>
                  </a:cubicBezTo>
                  <a:cubicBezTo>
                    <a:pt x="21654" y="12783"/>
                    <a:pt x="21780" y="12858"/>
                    <a:pt x="21830" y="12908"/>
                  </a:cubicBezTo>
                  <a:cubicBezTo>
                    <a:pt x="21955" y="12958"/>
                    <a:pt x="22005" y="13134"/>
                    <a:pt x="22055" y="13184"/>
                  </a:cubicBezTo>
                  <a:cubicBezTo>
                    <a:pt x="22105" y="13284"/>
                    <a:pt x="22156" y="13460"/>
                    <a:pt x="22231" y="13510"/>
                  </a:cubicBezTo>
                  <a:cubicBezTo>
                    <a:pt x="22331" y="13635"/>
                    <a:pt x="22607" y="13810"/>
                    <a:pt x="22682" y="13911"/>
                  </a:cubicBezTo>
                  <a:cubicBezTo>
                    <a:pt x="22782" y="14086"/>
                    <a:pt x="22832" y="14412"/>
                    <a:pt x="22832" y="14587"/>
                  </a:cubicBezTo>
                  <a:cubicBezTo>
                    <a:pt x="22832" y="14763"/>
                    <a:pt x="22782" y="15089"/>
                    <a:pt x="22732" y="15214"/>
                  </a:cubicBezTo>
                  <a:cubicBezTo>
                    <a:pt x="22682" y="15314"/>
                    <a:pt x="22506" y="15389"/>
                    <a:pt x="22456" y="15490"/>
                  </a:cubicBezTo>
                  <a:cubicBezTo>
                    <a:pt x="22381" y="15615"/>
                    <a:pt x="22281" y="15841"/>
                    <a:pt x="22281" y="15941"/>
                  </a:cubicBezTo>
                  <a:lnTo>
                    <a:pt x="22281" y="16292"/>
                  </a:lnTo>
                  <a:lnTo>
                    <a:pt x="22281" y="16342"/>
                  </a:lnTo>
                  <a:cubicBezTo>
                    <a:pt x="22231" y="16517"/>
                    <a:pt x="22055" y="16668"/>
                    <a:pt x="22005" y="16793"/>
                  </a:cubicBezTo>
                  <a:cubicBezTo>
                    <a:pt x="21955" y="16893"/>
                    <a:pt x="21830" y="17119"/>
                    <a:pt x="21780" y="17244"/>
                  </a:cubicBezTo>
                  <a:cubicBezTo>
                    <a:pt x="21780" y="17344"/>
                    <a:pt x="21729" y="17645"/>
                    <a:pt x="21729" y="17795"/>
                  </a:cubicBezTo>
                  <a:cubicBezTo>
                    <a:pt x="21654" y="17921"/>
                    <a:pt x="21729" y="18196"/>
                    <a:pt x="21654" y="18322"/>
                  </a:cubicBezTo>
                  <a:cubicBezTo>
                    <a:pt x="21654" y="18472"/>
                    <a:pt x="21479" y="18698"/>
                    <a:pt x="21379" y="18823"/>
                  </a:cubicBezTo>
                  <a:cubicBezTo>
                    <a:pt x="21328" y="18873"/>
                    <a:pt x="21153" y="18923"/>
                    <a:pt x="21028" y="18998"/>
                  </a:cubicBezTo>
                  <a:cubicBezTo>
                    <a:pt x="20978" y="19049"/>
                    <a:pt x="20752" y="19099"/>
                    <a:pt x="20702" y="19224"/>
                  </a:cubicBezTo>
                  <a:cubicBezTo>
                    <a:pt x="20652" y="19099"/>
                    <a:pt x="20526" y="19049"/>
                    <a:pt x="20426" y="18998"/>
                  </a:cubicBezTo>
                  <a:cubicBezTo>
                    <a:pt x="20426" y="18923"/>
                    <a:pt x="20301" y="18873"/>
                    <a:pt x="20251" y="18873"/>
                  </a:cubicBezTo>
                  <a:cubicBezTo>
                    <a:pt x="20125" y="18873"/>
                    <a:pt x="20025" y="18998"/>
                    <a:pt x="19900" y="18998"/>
                  </a:cubicBezTo>
                  <a:cubicBezTo>
                    <a:pt x="19850" y="18998"/>
                    <a:pt x="19800" y="18923"/>
                    <a:pt x="19749" y="18923"/>
                  </a:cubicBezTo>
                  <a:cubicBezTo>
                    <a:pt x="19699" y="18923"/>
                    <a:pt x="19574" y="18873"/>
                    <a:pt x="19474" y="18873"/>
                  </a:cubicBezTo>
                  <a:cubicBezTo>
                    <a:pt x="19399" y="18873"/>
                    <a:pt x="19348" y="18998"/>
                    <a:pt x="19298" y="18998"/>
                  </a:cubicBezTo>
                  <a:cubicBezTo>
                    <a:pt x="19248" y="19049"/>
                    <a:pt x="19073" y="19149"/>
                    <a:pt x="19073" y="19224"/>
                  </a:cubicBezTo>
                  <a:cubicBezTo>
                    <a:pt x="19123" y="19274"/>
                    <a:pt x="19298" y="19274"/>
                    <a:pt x="19298" y="19324"/>
                  </a:cubicBezTo>
                  <a:cubicBezTo>
                    <a:pt x="19298" y="19324"/>
                    <a:pt x="19248" y="19450"/>
                    <a:pt x="19248" y="19500"/>
                  </a:cubicBezTo>
                  <a:cubicBezTo>
                    <a:pt x="19173" y="19550"/>
                    <a:pt x="18947" y="19600"/>
                    <a:pt x="18897" y="19600"/>
                  </a:cubicBezTo>
                  <a:cubicBezTo>
                    <a:pt x="18847" y="19600"/>
                    <a:pt x="18722" y="19500"/>
                    <a:pt x="18672" y="19500"/>
                  </a:cubicBezTo>
                  <a:cubicBezTo>
                    <a:pt x="18622" y="19450"/>
                    <a:pt x="18546" y="19324"/>
                    <a:pt x="18496" y="19324"/>
                  </a:cubicBezTo>
                  <a:cubicBezTo>
                    <a:pt x="18446" y="19274"/>
                    <a:pt x="18271" y="19324"/>
                    <a:pt x="18221" y="19274"/>
                  </a:cubicBezTo>
                  <a:cubicBezTo>
                    <a:pt x="18171" y="19274"/>
                    <a:pt x="18095" y="19224"/>
                    <a:pt x="18045" y="19149"/>
                  </a:cubicBezTo>
                  <a:cubicBezTo>
                    <a:pt x="17995" y="19099"/>
                    <a:pt x="17820" y="18923"/>
                    <a:pt x="17719" y="18873"/>
                  </a:cubicBezTo>
                  <a:cubicBezTo>
                    <a:pt x="17594" y="18823"/>
                    <a:pt x="17318" y="18873"/>
                    <a:pt x="17218" y="18823"/>
                  </a:cubicBezTo>
                  <a:cubicBezTo>
                    <a:pt x="17093" y="18773"/>
                    <a:pt x="16917" y="18698"/>
                    <a:pt x="16817" y="18648"/>
                  </a:cubicBezTo>
                  <a:lnTo>
                    <a:pt x="16316" y="18648"/>
                  </a:lnTo>
                  <a:cubicBezTo>
                    <a:pt x="16140" y="18648"/>
                    <a:pt x="15790" y="18698"/>
                    <a:pt x="15614" y="18773"/>
                  </a:cubicBezTo>
                  <a:cubicBezTo>
                    <a:pt x="15464" y="18823"/>
                    <a:pt x="15188" y="18998"/>
                    <a:pt x="15063" y="19099"/>
                  </a:cubicBezTo>
                  <a:cubicBezTo>
                    <a:pt x="15013" y="19099"/>
                    <a:pt x="14837" y="19149"/>
                    <a:pt x="14837" y="19224"/>
                  </a:cubicBezTo>
                  <a:cubicBezTo>
                    <a:pt x="14787" y="19274"/>
                    <a:pt x="14837" y="19324"/>
                    <a:pt x="14837" y="19374"/>
                  </a:cubicBezTo>
                  <a:cubicBezTo>
                    <a:pt x="14787" y="19450"/>
                    <a:pt x="14737" y="19600"/>
                    <a:pt x="14662" y="19600"/>
                  </a:cubicBezTo>
                  <a:cubicBezTo>
                    <a:pt x="14612" y="19675"/>
                    <a:pt x="14436" y="19600"/>
                    <a:pt x="14386" y="19550"/>
                  </a:cubicBezTo>
                  <a:cubicBezTo>
                    <a:pt x="14286" y="19550"/>
                    <a:pt x="14110" y="19450"/>
                    <a:pt x="14060" y="19374"/>
                  </a:cubicBezTo>
                  <a:cubicBezTo>
                    <a:pt x="13985" y="19274"/>
                    <a:pt x="13985" y="19099"/>
                    <a:pt x="13935" y="19049"/>
                  </a:cubicBezTo>
                  <a:cubicBezTo>
                    <a:pt x="13885" y="18923"/>
                    <a:pt x="13835" y="18648"/>
                    <a:pt x="13759" y="18547"/>
                  </a:cubicBezTo>
                  <a:cubicBezTo>
                    <a:pt x="13659" y="18422"/>
                    <a:pt x="13384" y="18196"/>
                    <a:pt x="13208" y="18096"/>
                  </a:cubicBezTo>
                  <a:cubicBezTo>
                    <a:pt x="13083" y="17971"/>
                    <a:pt x="12807" y="17745"/>
                    <a:pt x="12632" y="17695"/>
                  </a:cubicBezTo>
                  <a:cubicBezTo>
                    <a:pt x="12531" y="17645"/>
                    <a:pt x="12256" y="17570"/>
                    <a:pt x="12130" y="17520"/>
                  </a:cubicBezTo>
                  <a:cubicBezTo>
                    <a:pt x="12030" y="17470"/>
                    <a:pt x="11805" y="17420"/>
                    <a:pt x="11729" y="17420"/>
                  </a:cubicBezTo>
                  <a:cubicBezTo>
                    <a:pt x="11629" y="17420"/>
                    <a:pt x="11504" y="17470"/>
                    <a:pt x="11454" y="17470"/>
                  </a:cubicBezTo>
                  <a:cubicBezTo>
                    <a:pt x="11404" y="17470"/>
                    <a:pt x="11353" y="17420"/>
                    <a:pt x="11278" y="17420"/>
                  </a:cubicBezTo>
                  <a:cubicBezTo>
                    <a:pt x="11228" y="17294"/>
                    <a:pt x="11178" y="17119"/>
                    <a:pt x="11053" y="17069"/>
                  </a:cubicBezTo>
                  <a:cubicBezTo>
                    <a:pt x="10952" y="17018"/>
                    <a:pt x="10727" y="16968"/>
                    <a:pt x="10602" y="17018"/>
                  </a:cubicBezTo>
                  <a:cubicBezTo>
                    <a:pt x="10551" y="17018"/>
                    <a:pt x="10376" y="17069"/>
                    <a:pt x="10326" y="17069"/>
                  </a:cubicBezTo>
                  <a:lnTo>
                    <a:pt x="10100" y="17069"/>
                  </a:lnTo>
                  <a:cubicBezTo>
                    <a:pt x="10000" y="17018"/>
                    <a:pt x="9825" y="16668"/>
                    <a:pt x="9774" y="16567"/>
                  </a:cubicBezTo>
                  <a:cubicBezTo>
                    <a:pt x="9649" y="16342"/>
                    <a:pt x="9373" y="15841"/>
                    <a:pt x="9198" y="15615"/>
                  </a:cubicBezTo>
                  <a:cubicBezTo>
                    <a:pt x="9098" y="15389"/>
                    <a:pt x="8747" y="14988"/>
                    <a:pt x="8571" y="14813"/>
                  </a:cubicBezTo>
                  <a:cubicBezTo>
                    <a:pt x="8421" y="14638"/>
                    <a:pt x="8070" y="14312"/>
                    <a:pt x="7845" y="14136"/>
                  </a:cubicBezTo>
                  <a:cubicBezTo>
                    <a:pt x="7744" y="14036"/>
                    <a:pt x="7444" y="13735"/>
                    <a:pt x="7218" y="13635"/>
                  </a:cubicBezTo>
                  <a:cubicBezTo>
                    <a:pt x="7118" y="13585"/>
                    <a:pt x="6717" y="13510"/>
                    <a:pt x="6541" y="13409"/>
                  </a:cubicBezTo>
                  <a:cubicBezTo>
                    <a:pt x="6441" y="13409"/>
                    <a:pt x="6266" y="13359"/>
                    <a:pt x="6216" y="13234"/>
                  </a:cubicBezTo>
                  <a:cubicBezTo>
                    <a:pt x="6165" y="13184"/>
                    <a:pt x="6216" y="13059"/>
                    <a:pt x="6216" y="13008"/>
                  </a:cubicBezTo>
                  <a:cubicBezTo>
                    <a:pt x="6216" y="12908"/>
                    <a:pt x="6090" y="12783"/>
                    <a:pt x="6090" y="12683"/>
                  </a:cubicBezTo>
                  <a:cubicBezTo>
                    <a:pt x="6040" y="12557"/>
                    <a:pt x="6090" y="12332"/>
                    <a:pt x="6090" y="12232"/>
                  </a:cubicBezTo>
                  <a:cubicBezTo>
                    <a:pt x="6040" y="12056"/>
                    <a:pt x="5865" y="11780"/>
                    <a:pt x="5815" y="11605"/>
                  </a:cubicBezTo>
                  <a:cubicBezTo>
                    <a:pt x="5764" y="11505"/>
                    <a:pt x="5639" y="11154"/>
                    <a:pt x="5489" y="11054"/>
                  </a:cubicBezTo>
                  <a:cubicBezTo>
                    <a:pt x="5363" y="10878"/>
                    <a:pt x="4962" y="10753"/>
                    <a:pt x="4812" y="10653"/>
                  </a:cubicBezTo>
                  <a:cubicBezTo>
                    <a:pt x="4637" y="10527"/>
                    <a:pt x="4411" y="10201"/>
                    <a:pt x="4236" y="10026"/>
                  </a:cubicBezTo>
                  <a:cubicBezTo>
                    <a:pt x="4135" y="9976"/>
                    <a:pt x="3835" y="9750"/>
                    <a:pt x="3734" y="9625"/>
                  </a:cubicBezTo>
                  <a:cubicBezTo>
                    <a:pt x="3609" y="9625"/>
                    <a:pt x="3459" y="9525"/>
                    <a:pt x="3383" y="9525"/>
                  </a:cubicBezTo>
                  <a:cubicBezTo>
                    <a:pt x="3283" y="9525"/>
                    <a:pt x="3058" y="9625"/>
                    <a:pt x="2932" y="9625"/>
                  </a:cubicBezTo>
                  <a:lnTo>
                    <a:pt x="2707" y="9625"/>
                  </a:lnTo>
                  <a:cubicBezTo>
                    <a:pt x="2657" y="9575"/>
                    <a:pt x="2607" y="9399"/>
                    <a:pt x="2556" y="9349"/>
                  </a:cubicBezTo>
                  <a:cubicBezTo>
                    <a:pt x="2481" y="9249"/>
                    <a:pt x="2431" y="9074"/>
                    <a:pt x="2381" y="8948"/>
                  </a:cubicBezTo>
                  <a:cubicBezTo>
                    <a:pt x="2256" y="8848"/>
                    <a:pt x="2105" y="8622"/>
                    <a:pt x="1980" y="8497"/>
                  </a:cubicBezTo>
                  <a:cubicBezTo>
                    <a:pt x="1930" y="8397"/>
                    <a:pt x="1805" y="8221"/>
                    <a:pt x="1805" y="8121"/>
                  </a:cubicBezTo>
                  <a:cubicBezTo>
                    <a:pt x="1754" y="8121"/>
                    <a:pt x="1805" y="7996"/>
                    <a:pt x="1805" y="7946"/>
                  </a:cubicBezTo>
                  <a:cubicBezTo>
                    <a:pt x="1754" y="7896"/>
                    <a:pt x="1579" y="7820"/>
                    <a:pt x="1579" y="7770"/>
                  </a:cubicBezTo>
                  <a:cubicBezTo>
                    <a:pt x="1529" y="7720"/>
                    <a:pt x="1579" y="7595"/>
                    <a:pt x="1529" y="7545"/>
                  </a:cubicBezTo>
                  <a:cubicBezTo>
                    <a:pt x="1529" y="7445"/>
                    <a:pt x="1353" y="7269"/>
                    <a:pt x="1303" y="7144"/>
                  </a:cubicBezTo>
                  <a:cubicBezTo>
                    <a:pt x="1303" y="7044"/>
                    <a:pt x="1253" y="6868"/>
                    <a:pt x="1203" y="6768"/>
                  </a:cubicBezTo>
                  <a:cubicBezTo>
                    <a:pt x="1128" y="6642"/>
                    <a:pt x="977" y="6467"/>
                    <a:pt x="852" y="6367"/>
                  </a:cubicBezTo>
                  <a:cubicBezTo>
                    <a:pt x="677" y="6241"/>
                    <a:pt x="301" y="5966"/>
                    <a:pt x="125" y="5866"/>
                  </a:cubicBezTo>
                  <a:cubicBezTo>
                    <a:pt x="125" y="5866"/>
                    <a:pt x="75" y="5866"/>
                    <a:pt x="0" y="5790"/>
                  </a:cubicBezTo>
                  <a:cubicBezTo>
                    <a:pt x="125" y="5740"/>
                    <a:pt x="175" y="5640"/>
                    <a:pt x="226" y="5565"/>
                  </a:cubicBezTo>
                  <a:cubicBezTo>
                    <a:pt x="301" y="5515"/>
                    <a:pt x="526" y="5515"/>
                    <a:pt x="627" y="5465"/>
                  </a:cubicBezTo>
                  <a:cubicBezTo>
                    <a:pt x="752" y="5465"/>
                    <a:pt x="902" y="5465"/>
                    <a:pt x="977" y="5414"/>
                  </a:cubicBezTo>
                  <a:cubicBezTo>
                    <a:pt x="1078" y="5339"/>
                    <a:pt x="1253" y="5289"/>
                    <a:pt x="1303" y="5189"/>
                  </a:cubicBezTo>
                  <a:cubicBezTo>
                    <a:pt x="1353" y="5114"/>
                    <a:pt x="1479" y="4963"/>
                    <a:pt x="1429" y="4838"/>
                  </a:cubicBezTo>
                  <a:cubicBezTo>
                    <a:pt x="1429" y="4738"/>
                    <a:pt x="1253" y="4612"/>
                    <a:pt x="1203" y="4562"/>
                  </a:cubicBezTo>
                  <a:cubicBezTo>
                    <a:pt x="1078" y="4512"/>
                    <a:pt x="902" y="4612"/>
                    <a:pt x="802" y="4562"/>
                  </a:cubicBezTo>
                  <a:cubicBezTo>
                    <a:pt x="752" y="4512"/>
                    <a:pt x="677" y="4337"/>
                    <a:pt x="677" y="4287"/>
                  </a:cubicBezTo>
                  <a:cubicBezTo>
                    <a:pt x="677" y="4161"/>
                    <a:pt x="852" y="4061"/>
                    <a:pt x="977" y="3986"/>
                  </a:cubicBezTo>
                  <a:cubicBezTo>
                    <a:pt x="1028" y="3986"/>
                    <a:pt x="1253" y="3986"/>
                    <a:pt x="1353" y="3936"/>
                  </a:cubicBezTo>
                  <a:cubicBezTo>
                    <a:pt x="1529" y="3936"/>
                    <a:pt x="1930" y="3835"/>
                    <a:pt x="1980" y="3835"/>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00" name="Google Shape;257;p16">
              <a:extLst>
                <a:ext uri="{FF2B5EF4-FFF2-40B4-BE49-F238E27FC236}">
                  <a16:creationId xmlns:a16="http://schemas.microsoft.com/office/drawing/2014/main" id="{3FE71F96-4E48-F229-2F47-411601C4C021}"/>
                </a:ext>
              </a:extLst>
            </p:cNvPr>
            <p:cNvSpPr/>
            <p:nvPr/>
          </p:nvSpPr>
          <p:spPr>
            <a:xfrm>
              <a:off x="2474903" y="2501242"/>
              <a:ext cx="637269" cy="547929"/>
            </a:xfrm>
            <a:custGeom>
              <a:avLst/>
              <a:gdLst/>
              <a:ahLst/>
              <a:cxnLst/>
              <a:rect l="l" t="t" r="r" b="b"/>
              <a:pathLst>
                <a:path w="22833" h="19632" extrusionOk="0">
                  <a:moveTo>
                    <a:pt x="3459" y="1"/>
                  </a:moveTo>
                  <a:cubicBezTo>
                    <a:pt x="3383" y="1"/>
                    <a:pt x="3333" y="1"/>
                    <a:pt x="3333" y="51"/>
                  </a:cubicBezTo>
                  <a:cubicBezTo>
                    <a:pt x="3233" y="101"/>
                    <a:pt x="2932" y="101"/>
                    <a:pt x="2832" y="176"/>
                  </a:cubicBezTo>
                  <a:cubicBezTo>
                    <a:pt x="2707" y="176"/>
                    <a:pt x="2607" y="327"/>
                    <a:pt x="2556" y="402"/>
                  </a:cubicBezTo>
                  <a:cubicBezTo>
                    <a:pt x="2481" y="502"/>
                    <a:pt x="2381" y="678"/>
                    <a:pt x="2381" y="778"/>
                  </a:cubicBezTo>
                  <a:cubicBezTo>
                    <a:pt x="2381" y="903"/>
                    <a:pt x="2481" y="1079"/>
                    <a:pt x="2556" y="1179"/>
                  </a:cubicBezTo>
                  <a:cubicBezTo>
                    <a:pt x="2607" y="1304"/>
                    <a:pt x="2782" y="1404"/>
                    <a:pt x="2832" y="1455"/>
                  </a:cubicBezTo>
                  <a:cubicBezTo>
                    <a:pt x="2882" y="1580"/>
                    <a:pt x="2932" y="1805"/>
                    <a:pt x="2932" y="1906"/>
                  </a:cubicBezTo>
                  <a:cubicBezTo>
                    <a:pt x="2932" y="1981"/>
                    <a:pt x="2832" y="2131"/>
                    <a:pt x="2782" y="2206"/>
                  </a:cubicBezTo>
                  <a:cubicBezTo>
                    <a:pt x="2707" y="2257"/>
                    <a:pt x="2607" y="2432"/>
                    <a:pt x="2556" y="2482"/>
                  </a:cubicBezTo>
                  <a:cubicBezTo>
                    <a:pt x="2481" y="2532"/>
                    <a:pt x="2331" y="2582"/>
                    <a:pt x="2256" y="2658"/>
                  </a:cubicBezTo>
                  <a:cubicBezTo>
                    <a:pt x="2256" y="2708"/>
                    <a:pt x="2206" y="2883"/>
                    <a:pt x="2206" y="2933"/>
                  </a:cubicBezTo>
                  <a:cubicBezTo>
                    <a:pt x="2206" y="3033"/>
                    <a:pt x="2331" y="3209"/>
                    <a:pt x="2256" y="3334"/>
                  </a:cubicBezTo>
                  <a:cubicBezTo>
                    <a:pt x="2256" y="3384"/>
                    <a:pt x="2155" y="3434"/>
                    <a:pt x="2105" y="3485"/>
                  </a:cubicBezTo>
                  <a:cubicBezTo>
                    <a:pt x="2030" y="3610"/>
                    <a:pt x="1930" y="3835"/>
                    <a:pt x="1980" y="3835"/>
                  </a:cubicBezTo>
                  <a:cubicBezTo>
                    <a:pt x="1930" y="3835"/>
                    <a:pt x="1529" y="3936"/>
                    <a:pt x="1353" y="3936"/>
                  </a:cubicBezTo>
                  <a:cubicBezTo>
                    <a:pt x="1253" y="3986"/>
                    <a:pt x="1028" y="3986"/>
                    <a:pt x="977" y="3986"/>
                  </a:cubicBezTo>
                  <a:cubicBezTo>
                    <a:pt x="852" y="4061"/>
                    <a:pt x="677" y="4161"/>
                    <a:pt x="677" y="4287"/>
                  </a:cubicBezTo>
                  <a:cubicBezTo>
                    <a:pt x="677" y="4337"/>
                    <a:pt x="752" y="4512"/>
                    <a:pt x="802" y="4562"/>
                  </a:cubicBezTo>
                  <a:cubicBezTo>
                    <a:pt x="823" y="4573"/>
                    <a:pt x="848" y="4577"/>
                    <a:pt x="874" y="4577"/>
                  </a:cubicBezTo>
                  <a:cubicBezTo>
                    <a:pt x="947" y="4577"/>
                    <a:pt x="1037" y="4548"/>
                    <a:pt x="1118" y="4548"/>
                  </a:cubicBezTo>
                  <a:cubicBezTo>
                    <a:pt x="1148" y="4548"/>
                    <a:pt x="1177" y="4552"/>
                    <a:pt x="1203" y="4562"/>
                  </a:cubicBezTo>
                  <a:cubicBezTo>
                    <a:pt x="1253" y="4612"/>
                    <a:pt x="1429" y="4738"/>
                    <a:pt x="1429" y="4838"/>
                  </a:cubicBezTo>
                  <a:cubicBezTo>
                    <a:pt x="1479" y="4963"/>
                    <a:pt x="1353" y="5114"/>
                    <a:pt x="1303" y="5189"/>
                  </a:cubicBezTo>
                  <a:cubicBezTo>
                    <a:pt x="1253" y="5289"/>
                    <a:pt x="1078" y="5339"/>
                    <a:pt x="977" y="5414"/>
                  </a:cubicBezTo>
                  <a:cubicBezTo>
                    <a:pt x="902" y="5465"/>
                    <a:pt x="752" y="5465"/>
                    <a:pt x="627" y="5465"/>
                  </a:cubicBezTo>
                  <a:cubicBezTo>
                    <a:pt x="526" y="5515"/>
                    <a:pt x="301" y="5515"/>
                    <a:pt x="226" y="5565"/>
                  </a:cubicBezTo>
                  <a:cubicBezTo>
                    <a:pt x="175" y="5640"/>
                    <a:pt x="125" y="5740"/>
                    <a:pt x="0" y="5790"/>
                  </a:cubicBezTo>
                  <a:cubicBezTo>
                    <a:pt x="75" y="5866"/>
                    <a:pt x="125" y="5866"/>
                    <a:pt x="125" y="5866"/>
                  </a:cubicBezTo>
                  <a:cubicBezTo>
                    <a:pt x="301" y="5966"/>
                    <a:pt x="677" y="6241"/>
                    <a:pt x="852" y="6367"/>
                  </a:cubicBezTo>
                  <a:cubicBezTo>
                    <a:pt x="977" y="6467"/>
                    <a:pt x="1128" y="6642"/>
                    <a:pt x="1203" y="6768"/>
                  </a:cubicBezTo>
                  <a:cubicBezTo>
                    <a:pt x="1253" y="6868"/>
                    <a:pt x="1303" y="7044"/>
                    <a:pt x="1303" y="7144"/>
                  </a:cubicBezTo>
                  <a:cubicBezTo>
                    <a:pt x="1353" y="7269"/>
                    <a:pt x="1529" y="7445"/>
                    <a:pt x="1529" y="7545"/>
                  </a:cubicBezTo>
                  <a:cubicBezTo>
                    <a:pt x="1579" y="7595"/>
                    <a:pt x="1529" y="7720"/>
                    <a:pt x="1579" y="7770"/>
                  </a:cubicBezTo>
                  <a:cubicBezTo>
                    <a:pt x="1579" y="7820"/>
                    <a:pt x="1754" y="7896"/>
                    <a:pt x="1805" y="7946"/>
                  </a:cubicBezTo>
                  <a:cubicBezTo>
                    <a:pt x="1805" y="7996"/>
                    <a:pt x="1754" y="8121"/>
                    <a:pt x="1805" y="8121"/>
                  </a:cubicBezTo>
                  <a:cubicBezTo>
                    <a:pt x="1805" y="8221"/>
                    <a:pt x="1930" y="8397"/>
                    <a:pt x="1980" y="8497"/>
                  </a:cubicBezTo>
                  <a:cubicBezTo>
                    <a:pt x="2105" y="8622"/>
                    <a:pt x="2256" y="8848"/>
                    <a:pt x="2381" y="8948"/>
                  </a:cubicBezTo>
                  <a:cubicBezTo>
                    <a:pt x="2431" y="9074"/>
                    <a:pt x="2481" y="9249"/>
                    <a:pt x="2556" y="9349"/>
                  </a:cubicBezTo>
                  <a:cubicBezTo>
                    <a:pt x="2607" y="9399"/>
                    <a:pt x="2657" y="9575"/>
                    <a:pt x="2707" y="9625"/>
                  </a:cubicBezTo>
                  <a:lnTo>
                    <a:pt x="2932" y="9625"/>
                  </a:lnTo>
                  <a:cubicBezTo>
                    <a:pt x="3058" y="9625"/>
                    <a:pt x="3283" y="9525"/>
                    <a:pt x="3383" y="9525"/>
                  </a:cubicBezTo>
                  <a:cubicBezTo>
                    <a:pt x="3459" y="9525"/>
                    <a:pt x="3609" y="9625"/>
                    <a:pt x="3734" y="9625"/>
                  </a:cubicBezTo>
                  <a:cubicBezTo>
                    <a:pt x="3835" y="9750"/>
                    <a:pt x="4135" y="9976"/>
                    <a:pt x="4236" y="10026"/>
                  </a:cubicBezTo>
                  <a:cubicBezTo>
                    <a:pt x="4411" y="10201"/>
                    <a:pt x="4637" y="10527"/>
                    <a:pt x="4812" y="10653"/>
                  </a:cubicBezTo>
                  <a:cubicBezTo>
                    <a:pt x="4962" y="10753"/>
                    <a:pt x="5363" y="10878"/>
                    <a:pt x="5489" y="11054"/>
                  </a:cubicBezTo>
                  <a:cubicBezTo>
                    <a:pt x="5639" y="11154"/>
                    <a:pt x="5764" y="11505"/>
                    <a:pt x="5815" y="11605"/>
                  </a:cubicBezTo>
                  <a:cubicBezTo>
                    <a:pt x="5865" y="11780"/>
                    <a:pt x="6040" y="12056"/>
                    <a:pt x="6090" y="12232"/>
                  </a:cubicBezTo>
                  <a:cubicBezTo>
                    <a:pt x="6090" y="12332"/>
                    <a:pt x="6040" y="12557"/>
                    <a:pt x="6090" y="12683"/>
                  </a:cubicBezTo>
                  <a:cubicBezTo>
                    <a:pt x="6090" y="12783"/>
                    <a:pt x="6216" y="12908"/>
                    <a:pt x="6216" y="13008"/>
                  </a:cubicBezTo>
                  <a:cubicBezTo>
                    <a:pt x="6216" y="13059"/>
                    <a:pt x="6165" y="13184"/>
                    <a:pt x="6216" y="13234"/>
                  </a:cubicBezTo>
                  <a:cubicBezTo>
                    <a:pt x="6266" y="13359"/>
                    <a:pt x="6441" y="13409"/>
                    <a:pt x="6541" y="13409"/>
                  </a:cubicBezTo>
                  <a:cubicBezTo>
                    <a:pt x="6717" y="13510"/>
                    <a:pt x="7118" y="13585"/>
                    <a:pt x="7218" y="13635"/>
                  </a:cubicBezTo>
                  <a:cubicBezTo>
                    <a:pt x="7444" y="13735"/>
                    <a:pt x="7744" y="14036"/>
                    <a:pt x="7845" y="14136"/>
                  </a:cubicBezTo>
                  <a:cubicBezTo>
                    <a:pt x="8070" y="14312"/>
                    <a:pt x="8421" y="14638"/>
                    <a:pt x="8571" y="14813"/>
                  </a:cubicBezTo>
                  <a:cubicBezTo>
                    <a:pt x="8747" y="14988"/>
                    <a:pt x="9098" y="15389"/>
                    <a:pt x="9198" y="15615"/>
                  </a:cubicBezTo>
                  <a:cubicBezTo>
                    <a:pt x="9373" y="15841"/>
                    <a:pt x="9649" y="16342"/>
                    <a:pt x="9774" y="16567"/>
                  </a:cubicBezTo>
                  <a:cubicBezTo>
                    <a:pt x="9825" y="16668"/>
                    <a:pt x="10000" y="17018"/>
                    <a:pt x="10100" y="17069"/>
                  </a:cubicBezTo>
                  <a:lnTo>
                    <a:pt x="10326" y="17069"/>
                  </a:lnTo>
                  <a:cubicBezTo>
                    <a:pt x="10376" y="17069"/>
                    <a:pt x="10551" y="17018"/>
                    <a:pt x="10602" y="17018"/>
                  </a:cubicBezTo>
                  <a:cubicBezTo>
                    <a:pt x="10638" y="17004"/>
                    <a:pt x="10684" y="16998"/>
                    <a:pt x="10732" y="16998"/>
                  </a:cubicBezTo>
                  <a:cubicBezTo>
                    <a:pt x="10848" y="16998"/>
                    <a:pt x="10982" y="17033"/>
                    <a:pt x="11053" y="17069"/>
                  </a:cubicBezTo>
                  <a:cubicBezTo>
                    <a:pt x="11178" y="17119"/>
                    <a:pt x="11228" y="17294"/>
                    <a:pt x="11278" y="17420"/>
                  </a:cubicBezTo>
                  <a:cubicBezTo>
                    <a:pt x="11353" y="17420"/>
                    <a:pt x="11404" y="17470"/>
                    <a:pt x="11454" y="17470"/>
                  </a:cubicBezTo>
                  <a:cubicBezTo>
                    <a:pt x="11504" y="17470"/>
                    <a:pt x="11629" y="17420"/>
                    <a:pt x="11729" y="17420"/>
                  </a:cubicBezTo>
                  <a:cubicBezTo>
                    <a:pt x="11805" y="17420"/>
                    <a:pt x="12030" y="17470"/>
                    <a:pt x="12130" y="17520"/>
                  </a:cubicBezTo>
                  <a:cubicBezTo>
                    <a:pt x="12256" y="17570"/>
                    <a:pt x="12531" y="17645"/>
                    <a:pt x="12632" y="17695"/>
                  </a:cubicBezTo>
                  <a:cubicBezTo>
                    <a:pt x="12807" y="17745"/>
                    <a:pt x="13083" y="17971"/>
                    <a:pt x="13208" y="18096"/>
                  </a:cubicBezTo>
                  <a:cubicBezTo>
                    <a:pt x="13384" y="18196"/>
                    <a:pt x="13659" y="18422"/>
                    <a:pt x="13759" y="18547"/>
                  </a:cubicBezTo>
                  <a:cubicBezTo>
                    <a:pt x="13835" y="18648"/>
                    <a:pt x="13885" y="18923"/>
                    <a:pt x="13935" y="19049"/>
                  </a:cubicBezTo>
                  <a:cubicBezTo>
                    <a:pt x="13985" y="19099"/>
                    <a:pt x="13985" y="19274"/>
                    <a:pt x="14060" y="19374"/>
                  </a:cubicBezTo>
                  <a:cubicBezTo>
                    <a:pt x="14110" y="19450"/>
                    <a:pt x="14286" y="19550"/>
                    <a:pt x="14386" y="19550"/>
                  </a:cubicBezTo>
                  <a:cubicBezTo>
                    <a:pt x="14421" y="19585"/>
                    <a:pt x="14517" y="19632"/>
                    <a:pt x="14588" y="19632"/>
                  </a:cubicBezTo>
                  <a:cubicBezTo>
                    <a:pt x="14620" y="19632"/>
                    <a:pt x="14647" y="19623"/>
                    <a:pt x="14662" y="19600"/>
                  </a:cubicBezTo>
                  <a:cubicBezTo>
                    <a:pt x="14737" y="19600"/>
                    <a:pt x="14787" y="19450"/>
                    <a:pt x="14837" y="19374"/>
                  </a:cubicBezTo>
                  <a:cubicBezTo>
                    <a:pt x="14837" y="19324"/>
                    <a:pt x="14787" y="19274"/>
                    <a:pt x="14837" y="19224"/>
                  </a:cubicBezTo>
                  <a:cubicBezTo>
                    <a:pt x="14837" y="19149"/>
                    <a:pt x="15013" y="19099"/>
                    <a:pt x="15063" y="19099"/>
                  </a:cubicBezTo>
                  <a:cubicBezTo>
                    <a:pt x="15188" y="18998"/>
                    <a:pt x="15464" y="18823"/>
                    <a:pt x="15614" y="18773"/>
                  </a:cubicBezTo>
                  <a:cubicBezTo>
                    <a:pt x="15790" y="18698"/>
                    <a:pt x="16140" y="18648"/>
                    <a:pt x="16316" y="18648"/>
                  </a:cubicBezTo>
                  <a:lnTo>
                    <a:pt x="16817" y="18648"/>
                  </a:lnTo>
                  <a:cubicBezTo>
                    <a:pt x="16917" y="18698"/>
                    <a:pt x="17093" y="18773"/>
                    <a:pt x="17218" y="18823"/>
                  </a:cubicBezTo>
                  <a:cubicBezTo>
                    <a:pt x="17268" y="18848"/>
                    <a:pt x="17362" y="18848"/>
                    <a:pt x="17459" y="18848"/>
                  </a:cubicBezTo>
                  <a:cubicBezTo>
                    <a:pt x="17556" y="18848"/>
                    <a:pt x="17657" y="18848"/>
                    <a:pt x="17719" y="18873"/>
                  </a:cubicBezTo>
                  <a:cubicBezTo>
                    <a:pt x="17820" y="18923"/>
                    <a:pt x="17995" y="19099"/>
                    <a:pt x="18045" y="19149"/>
                  </a:cubicBezTo>
                  <a:cubicBezTo>
                    <a:pt x="18095" y="19224"/>
                    <a:pt x="18171" y="19274"/>
                    <a:pt x="18221" y="19274"/>
                  </a:cubicBezTo>
                  <a:cubicBezTo>
                    <a:pt x="18246" y="19299"/>
                    <a:pt x="18302" y="19299"/>
                    <a:pt x="18359" y="19299"/>
                  </a:cubicBezTo>
                  <a:cubicBezTo>
                    <a:pt x="18415" y="19299"/>
                    <a:pt x="18471" y="19299"/>
                    <a:pt x="18496" y="19324"/>
                  </a:cubicBezTo>
                  <a:cubicBezTo>
                    <a:pt x="18546" y="19324"/>
                    <a:pt x="18622" y="19450"/>
                    <a:pt x="18672" y="19500"/>
                  </a:cubicBezTo>
                  <a:cubicBezTo>
                    <a:pt x="18722" y="19500"/>
                    <a:pt x="18847" y="19600"/>
                    <a:pt x="18897" y="19600"/>
                  </a:cubicBezTo>
                  <a:cubicBezTo>
                    <a:pt x="18947" y="19600"/>
                    <a:pt x="19173" y="19550"/>
                    <a:pt x="19248" y="19500"/>
                  </a:cubicBezTo>
                  <a:cubicBezTo>
                    <a:pt x="19248" y="19450"/>
                    <a:pt x="19298" y="19324"/>
                    <a:pt x="19298" y="19324"/>
                  </a:cubicBezTo>
                  <a:cubicBezTo>
                    <a:pt x="19298" y="19274"/>
                    <a:pt x="19123" y="19274"/>
                    <a:pt x="19073" y="19224"/>
                  </a:cubicBezTo>
                  <a:cubicBezTo>
                    <a:pt x="19073" y="19149"/>
                    <a:pt x="19248" y="19049"/>
                    <a:pt x="19298" y="18998"/>
                  </a:cubicBezTo>
                  <a:cubicBezTo>
                    <a:pt x="19348" y="18998"/>
                    <a:pt x="19399" y="18873"/>
                    <a:pt x="19474" y="18873"/>
                  </a:cubicBezTo>
                  <a:cubicBezTo>
                    <a:pt x="19574" y="18873"/>
                    <a:pt x="19699" y="18923"/>
                    <a:pt x="19749" y="18923"/>
                  </a:cubicBezTo>
                  <a:cubicBezTo>
                    <a:pt x="19800" y="18923"/>
                    <a:pt x="19850" y="18998"/>
                    <a:pt x="19900" y="18998"/>
                  </a:cubicBezTo>
                  <a:cubicBezTo>
                    <a:pt x="20025" y="18998"/>
                    <a:pt x="20125" y="18873"/>
                    <a:pt x="20251" y="18873"/>
                  </a:cubicBezTo>
                  <a:cubicBezTo>
                    <a:pt x="20301" y="18873"/>
                    <a:pt x="20426" y="18923"/>
                    <a:pt x="20426" y="18998"/>
                  </a:cubicBezTo>
                  <a:cubicBezTo>
                    <a:pt x="20526" y="19049"/>
                    <a:pt x="20652" y="19099"/>
                    <a:pt x="20702" y="19224"/>
                  </a:cubicBezTo>
                  <a:cubicBezTo>
                    <a:pt x="20752" y="19099"/>
                    <a:pt x="20978" y="19049"/>
                    <a:pt x="21028" y="18998"/>
                  </a:cubicBezTo>
                  <a:cubicBezTo>
                    <a:pt x="21153" y="18923"/>
                    <a:pt x="21328" y="18873"/>
                    <a:pt x="21379" y="18823"/>
                  </a:cubicBezTo>
                  <a:cubicBezTo>
                    <a:pt x="21479" y="18698"/>
                    <a:pt x="21654" y="18472"/>
                    <a:pt x="21654" y="18322"/>
                  </a:cubicBezTo>
                  <a:cubicBezTo>
                    <a:pt x="21729" y="18196"/>
                    <a:pt x="21654" y="17921"/>
                    <a:pt x="21729" y="17795"/>
                  </a:cubicBezTo>
                  <a:cubicBezTo>
                    <a:pt x="21729" y="17645"/>
                    <a:pt x="21780" y="17344"/>
                    <a:pt x="21780" y="17244"/>
                  </a:cubicBezTo>
                  <a:cubicBezTo>
                    <a:pt x="21830" y="17119"/>
                    <a:pt x="21955" y="16893"/>
                    <a:pt x="22005" y="16793"/>
                  </a:cubicBezTo>
                  <a:cubicBezTo>
                    <a:pt x="22055" y="16668"/>
                    <a:pt x="22231" y="16517"/>
                    <a:pt x="22281" y="16342"/>
                  </a:cubicBezTo>
                  <a:lnTo>
                    <a:pt x="22281" y="16292"/>
                  </a:lnTo>
                  <a:lnTo>
                    <a:pt x="22281" y="15941"/>
                  </a:lnTo>
                  <a:cubicBezTo>
                    <a:pt x="22281" y="15841"/>
                    <a:pt x="22381" y="15615"/>
                    <a:pt x="22456" y="15490"/>
                  </a:cubicBezTo>
                  <a:cubicBezTo>
                    <a:pt x="22506" y="15389"/>
                    <a:pt x="22682" y="15314"/>
                    <a:pt x="22732" y="15214"/>
                  </a:cubicBezTo>
                  <a:cubicBezTo>
                    <a:pt x="22782" y="15089"/>
                    <a:pt x="22832" y="14763"/>
                    <a:pt x="22832" y="14587"/>
                  </a:cubicBezTo>
                  <a:cubicBezTo>
                    <a:pt x="22832" y="14412"/>
                    <a:pt x="22782" y="14086"/>
                    <a:pt x="22682" y="13911"/>
                  </a:cubicBezTo>
                  <a:cubicBezTo>
                    <a:pt x="22607" y="13810"/>
                    <a:pt x="22331" y="13635"/>
                    <a:pt x="22231" y="13510"/>
                  </a:cubicBezTo>
                  <a:cubicBezTo>
                    <a:pt x="22156" y="13460"/>
                    <a:pt x="22105" y="13284"/>
                    <a:pt x="22055" y="13184"/>
                  </a:cubicBezTo>
                  <a:cubicBezTo>
                    <a:pt x="22005" y="13134"/>
                    <a:pt x="21955" y="12958"/>
                    <a:pt x="21830" y="12908"/>
                  </a:cubicBezTo>
                  <a:cubicBezTo>
                    <a:pt x="21780" y="12858"/>
                    <a:pt x="21654" y="12783"/>
                    <a:pt x="21654" y="12783"/>
                  </a:cubicBezTo>
                  <a:cubicBezTo>
                    <a:pt x="21554" y="12783"/>
                    <a:pt x="21479" y="12908"/>
                    <a:pt x="21429" y="12958"/>
                  </a:cubicBezTo>
                  <a:cubicBezTo>
                    <a:pt x="21379" y="13008"/>
                    <a:pt x="21328" y="13184"/>
                    <a:pt x="21253" y="13234"/>
                  </a:cubicBezTo>
                  <a:cubicBezTo>
                    <a:pt x="21153" y="13284"/>
                    <a:pt x="20927" y="13359"/>
                    <a:pt x="20802" y="13359"/>
                  </a:cubicBezTo>
                  <a:cubicBezTo>
                    <a:pt x="20702" y="13284"/>
                    <a:pt x="20526" y="13234"/>
                    <a:pt x="20426" y="13134"/>
                  </a:cubicBezTo>
                  <a:cubicBezTo>
                    <a:pt x="20301" y="13008"/>
                    <a:pt x="20251" y="12683"/>
                    <a:pt x="20201" y="12557"/>
                  </a:cubicBezTo>
                  <a:cubicBezTo>
                    <a:pt x="20075" y="12507"/>
                    <a:pt x="19900" y="12332"/>
                    <a:pt x="19800" y="12282"/>
                  </a:cubicBezTo>
                  <a:cubicBezTo>
                    <a:pt x="19749" y="12232"/>
                    <a:pt x="19574" y="12181"/>
                    <a:pt x="19474" y="12181"/>
                  </a:cubicBezTo>
                  <a:cubicBezTo>
                    <a:pt x="19348" y="12232"/>
                    <a:pt x="19248" y="12332"/>
                    <a:pt x="19173" y="12457"/>
                  </a:cubicBezTo>
                  <a:cubicBezTo>
                    <a:pt x="19173" y="12507"/>
                    <a:pt x="19248" y="12633"/>
                    <a:pt x="19173" y="12683"/>
                  </a:cubicBezTo>
                  <a:cubicBezTo>
                    <a:pt x="19123" y="12733"/>
                    <a:pt x="19023" y="12733"/>
                    <a:pt x="19023" y="12733"/>
                  </a:cubicBezTo>
                  <a:cubicBezTo>
                    <a:pt x="18947" y="12783"/>
                    <a:pt x="18897" y="13008"/>
                    <a:pt x="18847" y="13008"/>
                  </a:cubicBezTo>
                  <a:cubicBezTo>
                    <a:pt x="18722" y="13008"/>
                    <a:pt x="18622" y="12858"/>
                    <a:pt x="18546" y="12783"/>
                  </a:cubicBezTo>
                  <a:cubicBezTo>
                    <a:pt x="18496" y="12683"/>
                    <a:pt x="18496" y="12457"/>
                    <a:pt x="18446" y="12407"/>
                  </a:cubicBezTo>
                  <a:cubicBezTo>
                    <a:pt x="18396" y="12282"/>
                    <a:pt x="18221" y="12181"/>
                    <a:pt x="18171" y="12106"/>
                  </a:cubicBezTo>
                  <a:cubicBezTo>
                    <a:pt x="18095" y="12056"/>
                    <a:pt x="17945" y="11956"/>
                    <a:pt x="17820" y="11956"/>
                  </a:cubicBezTo>
                  <a:cubicBezTo>
                    <a:pt x="17770" y="11956"/>
                    <a:pt x="17644" y="12106"/>
                    <a:pt x="17544" y="12106"/>
                  </a:cubicBezTo>
                  <a:cubicBezTo>
                    <a:pt x="17494" y="12181"/>
                    <a:pt x="17268" y="12181"/>
                    <a:pt x="17218" y="12181"/>
                  </a:cubicBezTo>
                  <a:cubicBezTo>
                    <a:pt x="17093" y="12181"/>
                    <a:pt x="16993" y="12056"/>
                    <a:pt x="16917" y="12006"/>
                  </a:cubicBezTo>
                  <a:cubicBezTo>
                    <a:pt x="16867" y="11956"/>
                    <a:pt x="16767" y="11830"/>
                    <a:pt x="16767" y="11730"/>
                  </a:cubicBezTo>
                  <a:cubicBezTo>
                    <a:pt x="16817" y="11655"/>
                    <a:pt x="16993" y="11555"/>
                    <a:pt x="16993" y="11505"/>
                  </a:cubicBezTo>
                  <a:cubicBezTo>
                    <a:pt x="16993" y="11379"/>
                    <a:pt x="16917" y="11204"/>
                    <a:pt x="16867" y="11154"/>
                  </a:cubicBezTo>
                  <a:cubicBezTo>
                    <a:pt x="16817" y="11054"/>
                    <a:pt x="16642" y="10828"/>
                    <a:pt x="16541" y="10828"/>
                  </a:cubicBezTo>
                  <a:cubicBezTo>
                    <a:pt x="16416" y="10753"/>
                    <a:pt x="16241" y="10753"/>
                    <a:pt x="16191" y="10753"/>
                  </a:cubicBezTo>
                  <a:cubicBezTo>
                    <a:pt x="16124" y="10753"/>
                    <a:pt x="15990" y="10786"/>
                    <a:pt x="15879" y="10786"/>
                  </a:cubicBezTo>
                  <a:cubicBezTo>
                    <a:pt x="15823" y="10786"/>
                    <a:pt x="15773" y="10778"/>
                    <a:pt x="15739" y="10753"/>
                  </a:cubicBezTo>
                  <a:cubicBezTo>
                    <a:pt x="15689" y="10753"/>
                    <a:pt x="15514" y="10653"/>
                    <a:pt x="15464" y="10602"/>
                  </a:cubicBezTo>
                  <a:cubicBezTo>
                    <a:pt x="15389" y="10527"/>
                    <a:pt x="15389" y="10302"/>
                    <a:pt x="15338" y="10252"/>
                  </a:cubicBezTo>
                  <a:cubicBezTo>
                    <a:pt x="15238" y="10201"/>
                    <a:pt x="15063" y="10151"/>
                    <a:pt x="15013" y="10076"/>
                  </a:cubicBezTo>
                  <a:cubicBezTo>
                    <a:pt x="14962" y="10076"/>
                    <a:pt x="14787" y="10201"/>
                    <a:pt x="14737" y="10201"/>
                  </a:cubicBezTo>
                  <a:cubicBezTo>
                    <a:pt x="14612" y="10201"/>
                    <a:pt x="14436" y="10201"/>
                    <a:pt x="14336" y="10151"/>
                  </a:cubicBezTo>
                  <a:cubicBezTo>
                    <a:pt x="14286" y="10026"/>
                    <a:pt x="14160" y="9800"/>
                    <a:pt x="14160" y="9700"/>
                  </a:cubicBezTo>
                  <a:cubicBezTo>
                    <a:pt x="14110" y="9625"/>
                    <a:pt x="14160" y="9475"/>
                    <a:pt x="14110" y="9349"/>
                  </a:cubicBezTo>
                  <a:cubicBezTo>
                    <a:pt x="14110" y="9249"/>
                    <a:pt x="14060" y="9074"/>
                    <a:pt x="13985" y="8948"/>
                  </a:cubicBezTo>
                  <a:cubicBezTo>
                    <a:pt x="13935" y="8948"/>
                    <a:pt x="13835" y="8898"/>
                    <a:pt x="13835" y="8898"/>
                  </a:cubicBezTo>
                  <a:cubicBezTo>
                    <a:pt x="13759" y="8848"/>
                    <a:pt x="13759" y="8673"/>
                    <a:pt x="13835" y="8622"/>
                  </a:cubicBezTo>
                  <a:cubicBezTo>
                    <a:pt x="13835" y="8572"/>
                    <a:pt x="13935" y="8447"/>
                    <a:pt x="14060" y="8447"/>
                  </a:cubicBezTo>
                  <a:cubicBezTo>
                    <a:pt x="14070" y="8437"/>
                    <a:pt x="14087" y="8433"/>
                    <a:pt x="14109" y="8433"/>
                  </a:cubicBezTo>
                  <a:cubicBezTo>
                    <a:pt x="14194" y="8433"/>
                    <a:pt x="14346" y="8497"/>
                    <a:pt x="14386" y="8497"/>
                  </a:cubicBezTo>
                  <a:cubicBezTo>
                    <a:pt x="14511" y="8497"/>
                    <a:pt x="14737" y="8497"/>
                    <a:pt x="14837" y="8447"/>
                  </a:cubicBezTo>
                  <a:cubicBezTo>
                    <a:pt x="14887" y="8397"/>
                    <a:pt x="14962" y="8272"/>
                    <a:pt x="15013" y="8221"/>
                  </a:cubicBezTo>
                  <a:cubicBezTo>
                    <a:pt x="15063" y="8171"/>
                    <a:pt x="15188" y="8046"/>
                    <a:pt x="15288" y="7996"/>
                  </a:cubicBezTo>
                  <a:cubicBezTo>
                    <a:pt x="15338" y="7946"/>
                    <a:pt x="15464" y="7896"/>
                    <a:pt x="15514" y="7896"/>
                  </a:cubicBezTo>
                  <a:cubicBezTo>
                    <a:pt x="15564" y="7896"/>
                    <a:pt x="15739" y="7996"/>
                    <a:pt x="15790" y="8046"/>
                  </a:cubicBezTo>
                  <a:cubicBezTo>
                    <a:pt x="15840" y="8046"/>
                    <a:pt x="15915" y="8272"/>
                    <a:pt x="15965" y="8347"/>
                  </a:cubicBezTo>
                  <a:cubicBezTo>
                    <a:pt x="16015" y="8347"/>
                    <a:pt x="16140" y="8397"/>
                    <a:pt x="16241" y="8397"/>
                  </a:cubicBezTo>
                  <a:cubicBezTo>
                    <a:pt x="16316" y="8397"/>
                    <a:pt x="16416" y="8397"/>
                    <a:pt x="16466" y="8347"/>
                  </a:cubicBezTo>
                  <a:cubicBezTo>
                    <a:pt x="16541" y="8272"/>
                    <a:pt x="16592" y="8121"/>
                    <a:pt x="16592" y="8046"/>
                  </a:cubicBezTo>
                  <a:cubicBezTo>
                    <a:pt x="16592" y="7946"/>
                    <a:pt x="16541" y="7770"/>
                    <a:pt x="16466" y="7720"/>
                  </a:cubicBezTo>
                  <a:cubicBezTo>
                    <a:pt x="16416" y="7670"/>
                    <a:pt x="16316" y="7545"/>
                    <a:pt x="16241" y="7495"/>
                  </a:cubicBezTo>
                  <a:cubicBezTo>
                    <a:pt x="16191" y="7445"/>
                    <a:pt x="16090" y="7369"/>
                    <a:pt x="16015" y="7319"/>
                  </a:cubicBezTo>
                  <a:cubicBezTo>
                    <a:pt x="16015" y="7269"/>
                    <a:pt x="16090" y="7144"/>
                    <a:pt x="16015" y="7044"/>
                  </a:cubicBezTo>
                  <a:cubicBezTo>
                    <a:pt x="16015" y="6918"/>
                    <a:pt x="15965" y="6693"/>
                    <a:pt x="15915" y="6642"/>
                  </a:cubicBezTo>
                  <a:cubicBezTo>
                    <a:pt x="15790" y="6542"/>
                    <a:pt x="15514" y="6467"/>
                    <a:pt x="15389" y="6417"/>
                  </a:cubicBezTo>
                  <a:cubicBezTo>
                    <a:pt x="15338" y="6367"/>
                    <a:pt x="15238" y="6241"/>
                    <a:pt x="15188" y="6191"/>
                  </a:cubicBezTo>
                  <a:cubicBezTo>
                    <a:pt x="15113" y="6141"/>
                    <a:pt x="15063" y="5966"/>
                    <a:pt x="15063" y="5866"/>
                  </a:cubicBezTo>
                  <a:cubicBezTo>
                    <a:pt x="15063" y="5740"/>
                    <a:pt x="15113" y="5565"/>
                    <a:pt x="15113" y="5515"/>
                  </a:cubicBezTo>
                  <a:cubicBezTo>
                    <a:pt x="15113" y="5414"/>
                    <a:pt x="15113" y="5239"/>
                    <a:pt x="15063" y="5114"/>
                  </a:cubicBezTo>
                  <a:cubicBezTo>
                    <a:pt x="15013" y="5064"/>
                    <a:pt x="14887" y="5013"/>
                    <a:pt x="14837" y="4963"/>
                  </a:cubicBezTo>
                  <a:cubicBezTo>
                    <a:pt x="14804" y="4963"/>
                    <a:pt x="14737" y="4986"/>
                    <a:pt x="14681" y="4986"/>
                  </a:cubicBezTo>
                  <a:cubicBezTo>
                    <a:pt x="14653" y="4986"/>
                    <a:pt x="14628" y="4980"/>
                    <a:pt x="14612" y="4963"/>
                  </a:cubicBezTo>
                  <a:cubicBezTo>
                    <a:pt x="14561" y="4888"/>
                    <a:pt x="14561" y="4788"/>
                    <a:pt x="14561" y="4738"/>
                  </a:cubicBezTo>
                  <a:cubicBezTo>
                    <a:pt x="14561" y="4663"/>
                    <a:pt x="14662" y="4512"/>
                    <a:pt x="14787" y="4437"/>
                  </a:cubicBezTo>
                  <a:cubicBezTo>
                    <a:pt x="14837" y="4387"/>
                    <a:pt x="15063" y="4387"/>
                    <a:pt x="15113" y="4337"/>
                  </a:cubicBezTo>
                  <a:cubicBezTo>
                    <a:pt x="15188" y="4337"/>
                    <a:pt x="15288" y="4287"/>
                    <a:pt x="15338" y="4211"/>
                  </a:cubicBezTo>
                  <a:cubicBezTo>
                    <a:pt x="15338" y="4111"/>
                    <a:pt x="15188" y="3986"/>
                    <a:pt x="15113" y="3986"/>
                  </a:cubicBezTo>
                  <a:cubicBezTo>
                    <a:pt x="15063" y="3936"/>
                    <a:pt x="14887" y="3936"/>
                    <a:pt x="14837" y="3886"/>
                  </a:cubicBezTo>
                  <a:cubicBezTo>
                    <a:pt x="14787" y="3886"/>
                    <a:pt x="14737" y="3760"/>
                    <a:pt x="14662" y="3710"/>
                  </a:cubicBezTo>
                  <a:cubicBezTo>
                    <a:pt x="14662" y="3660"/>
                    <a:pt x="14737" y="3485"/>
                    <a:pt x="14787" y="3485"/>
                  </a:cubicBezTo>
                  <a:cubicBezTo>
                    <a:pt x="14837" y="3384"/>
                    <a:pt x="15113" y="3334"/>
                    <a:pt x="15238" y="3334"/>
                  </a:cubicBezTo>
                  <a:cubicBezTo>
                    <a:pt x="15389" y="3259"/>
                    <a:pt x="15614" y="3159"/>
                    <a:pt x="15790" y="3109"/>
                  </a:cubicBezTo>
                  <a:cubicBezTo>
                    <a:pt x="15840" y="3109"/>
                    <a:pt x="15965" y="3159"/>
                    <a:pt x="16015" y="3159"/>
                  </a:cubicBezTo>
                  <a:cubicBezTo>
                    <a:pt x="16191" y="3109"/>
                    <a:pt x="16416" y="3033"/>
                    <a:pt x="16466" y="2983"/>
                  </a:cubicBezTo>
                  <a:cubicBezTo>
                    <a:pt x="16541" y="2933"/>
                    <a:pt x="16541" y="2758"/>
                    <a:pt x="16592" y="2758"/>
                  </a:cubicBezTo>
                  <a:cubicBezTo>
                    <a:pt x="16592" y="2708"/>
                    <a:pt x="16692" y="2658"/>
                    <a:pt x="16767" y="2582"/>
                  </a:cubicBezTo>
                  <a:lnTo>
                    <a:pt x="16767" y="2307"/>
                  </a:lnTo>
                  <a:cubicBezTo>
                    <a:pt x="16692" y="2257"/>
                    <a:pt x="16592" y="2131"/>
                    <a:pt x="16592" y="2031"/>
                  </a:cubicBezTo>
                  <a:lnTo>
                    <a:pt x="16592" y="1805"/>
                  </a:lnTo>
                  <a:lnTo>
                    <a:pt x="16541" y="1805"/>
                  </a:lnTo>
                  <a:cubicBezTo>
                    <a:pt x="16466" y="1805"/>
                    <a:pt x="16416" y="1856"/>
                    <a:pt x="16366" y="1856"/>
                  </a:cubicBezTo>
                  <a:cubicBezTo>
                    <a:pt x="16316" y="1856"/>
                    <a:pt x="16140" y="1805"/>
                    <a:pt x="16090" y="1755"/>
                  </a:cubicBezTo>
                  <a:cubicBezTo>
                    <a:pt x="16015" y="1680"/>
                    <a:pt x="16015" y="1530"/>
                    <a:pt x="15965" y="1455"/>
                  </a:cubicBezTo>
                  <a:cubicBezTo>
                    <a:pt x="15915" y="1404"/>
                    <a:pt x="15739" y="1304"/>
                    <a:pt x="15689" y="1229"/>
                  </a:cubicBezTo>
                  <a:cubicBezTo>
                    <a:pt x="15614" y="1229"/>
                    <a:pt x="15564" y="1179"/>
                    <a:pt x="15514" y="1129"/>
                  </a:cubicBezTo>
                  <a:cubicBezTo>
                    <a:pt x="15389" y="1129"/>
                    <a:pt x="15288" y="1229"/>
                    <a:pt x="15188" y="1229"/>
                  </a:cubicBezTo>
                  <a:lnTo>
                    <a:pt x="15063" y="1229"/>
                  </a:lnTo>
                  <a:cubicBezTo>
                    <a:pt x="15063" y="1354"/>
                    <a:pt x="15013" y="1455"/>
                    <a:pt x="15013" y="1530"/>
                  </a:cubicBezTo>
                  <a:cubicBezTo>
                    <a:pt x="15013" y="1580"/>
                    <a:pt x="14837" y="1680"/>
                    <a:pt x="14837" y="1755"/>
                  </a:cubicBezTo>
                  <a:cubicBezTo>
                    <a:pt x="14787" y="1856"/>
                    <a:pt x="14737" y="2031"/>
                    <a:pt x="14737" y="2131"/>
                  </a:cubicBezTo>
                  <a:cubicBezTo>
                    <a:pt x="14662" y="2206"/>
                    <a:pt x="14612" y="2357"/>
                    <a:pt x="14561" y="2357"/>
                  </a:cubicBezTo>
                  <a:cubicBezTo>
                    <a:pt x="14533" y="2374"/>
                    <a:pt x="14498" y="2381"/>
                    <a:pt x="14461" y="2381"/>
                  </a:cubicBezTo>
                  <a:cubicBezTo>
                    <a:pt x="14339" y="2381"/>
                    <a:pt x="14187" y="2307"/>
                    <a:pt x="14110" y="2307"/>
                  </a:cubicBezTo>
                  <a:cubicBezTo>
                    <a:pt x="13935" y="2307"/>
                    <a:pt x="13659" y="2357"/>
                    <a:pt x="13534" y="2482"/>
                  </a:cubicBezTo>
                  <a:cubicBezTo>
                    <a:pt x="13484" y="2532"/>
                    <a:pt x="13384" y="2658"/>
                    <a:pt x="13308" y="2758"/>
                  </a:cubicBezTo>
                  <a:cubicBezTo>
                    <a:pt x="13308" y="2808"/>
                    <a:pt x="13258" y="2933"/>
                    <a:pt x="13258" y="2983"/>
                  </a:cubicBezTo>
                  <a:cubicBezTo>
                    <a:pt x="13208" y="3033"/>
                    <a:pt x="13083" y="3159"/>
                    <a:pt x="13033" y="3159"/>
                  </a:cubicBezTo>
                  <a:cubicBezTo>
                    <a:pt x="12907" y="3159"/>
                    <a:pt x="12857" y="2983"/>
                    <a:pt x="12807" y="2933"/>
                  </a:cubicBezTo>
                  <a:cubicBezTo>
                    <a:pt x="12757" y="2883"/>
                    <a:pt x="12632" y="2808"/>
                    <a:pt x="12582" y="2808"/>
                  </a:cubicBezTo>
                  <a:cubicBezTo>
                    <a:pt x="12531" y="2808"/>
                    <a:pt x="12406" y="2933"/>
                    <a:pt x="12406" y="2933"/>
                  </a:cubicBezTo>
                  <a:cubicBezTo>
                    <a:pt x="12356" y="3033"/>
                    <a:pt x="12356" y="3259"/>
                    <a:pt x="12256" y="3384"/>
                  </a:cubicBezTo>
                  <a:cubicBezTo>
                    <a:pt x="12181" y="3434"/>
                    <a:pt x="11955" y="3535"/>
                    <a:pt x="11905" y="3610"/>
                  </a:cubicBezTo>
                  <a:cubicBezTo>
                    <a:pt x="11855" y="3660"/>
                    <a:pt x="11855" y="3835"/>
                    <a:pt x="11805" y="3886"/>
                  </a:cubicBezTo>
                  <a:cubicBezTo>
                    <a:pt x="11729" y="3936"/>
                    <a:pt x="11579" y="3986"/>
                    <a:pt x="11504" y="4061"/>
                  </a:cubicBezTo>
                  <a:cubicBezTo>
                    <a:pt x="11454" y="4061"/>
                    <a:pt x="11278" y="3936"/>
                    <a:pt x="11228" y="3936"/>
                  </a:cubicBezTo>
                  <a:cubicBezTo>
                    <a:pt x="11178" y="3936"/>
                    <a:pt x="11003" y="3986"/>
                    <a:pt x="10952" y="4061"/>
                  </a:cubicBezTo>
                  <a:cubicBezTo>
                    <a:pt x="10902" y="4061"/>
                    <a:pt x="10827" y="4161"/>
                    <a:pt x="10827" y="4211"/>
                  </a:cubicBezTo>
                  <a:cubicBezTo>
                    <a:pt x="10827" y="4287"/>
                    <a:pt x="10902" y="4437"/>
                    <a:pt x="10902" y="4512"/>
                  </a:cubicBezTo>
                  <a:cubicBezTo>
                    <a:pt x="10952" y="4562"/>
                    <a:pt x="11003" y="4663"/>
                    <a:pt x="11003" y="4788"/>
                  </a:cubicBezTo>
                  <a:cubicBezTo>
                    <a:pt x="11003" y="4838"/>
                    <a:pt x="10952" y="4963"/>
                    <a:pt x="10902" y="5013"/>
                  </a:cubicBezTo>
                  <a:cubicBezTo>
                    <a:pt x="10827" y="5064"/>
                    <a:pt x="10677" y="5064"/>
                    <a:pt x="10602" y="5064"/>
                  </a:cubicBezTo>
                  <a:cubicBezTo>
                    <a:pt x="10551" y="5064"/>
                    <a:pt x="10451" y="4963"/>
                    <a:pt x="10376" y="4963"/>
                  </a:cubicBezTo>
                  <a:cubicBezTo>
                    <a:pt x="10326" y="4963"/>
                    <a:pt x="10150" y="4963"/>
                    <a:pt x="10150" y="5013"/>
                  </a:cubicBezTo>
                  <a:cubicBezTo>
                    <a:pt x="10100" y="5064"/>
                    <a:pt x="10050" y="5289"/>
                    <a:pt x="10050" y="5339"/>
                  </a:cubicBezTo>
                  <a:cubicBezTo>
                    <a:pt x="10050" y="5414"/>
                    <a:pt x="10100" y="5515"/>
                    <a:pt x="10100" y="5565"/>
                  </a:cubicBezTo>
                  <a:cubicBezTo>
                    <a:pt x="10100" y="5640"/>
                    <a:pt x="10000" y="5740"/>
                    <a:pt x="9925" y="5790"/>
                  </a:cubicBezTo>
                  <a:cubicBezTo>
                    <a:pt x="9875" y="5866"/>
                    <a:pt x="9649" y="5916"/>
                    <a:pt x="9549" y="5966"/>
                  </a:cubicBezTo>
                  <a:cubicBezTo>
                    <a:pt x="9474" y="6016"/>
                    <a:pt x="9424" y="6141"/>
                    <a:pt x="9373" y="6191"/>
                  </a:cubicBezTo>
                  <a:cubicBezTo>
                    <a:pt x="9323" y="6191"/>
                    <a:pt x="9148" y="6191"/>
                    <a:pt x="9098" y="6141"/>
                  </a:cubicBezTo>
                  <a:cubicBezTo>
                    <a:pt x="9023" y="6141"/>
                    <a:pt x="8972" y="5966"/>
                    <a:pt x="9023" y="5916"/>
                  </a:cubicBezTo>
                  <a:cubicBezTo>
                    <a:pt x="9023" y="5866"/>
                    <a:pt x="9098" y="5740"/>
                    <a:pt x="9098" y="5690"/>
                  </a:cubicBezTo>
                  <a:cubicBezTo>
                    <a:pt x="9148" y="5640"/>
                    <a:pt x="9098" y="5465"/>
                    <a:pt x="9023" y="5414"/>
                  </a:cubicBezTo>
                  <a:cubicBezTo>
                    <a:pt x="8972" y="5414"/>
                    <a:pt x="8797" y="5414"/>
                    <a:pt x="8747" y="5465"/>
                  </a:cubicBezTo>
                  <a:cubicBezTo>
                    <a:pt x="8697" y="5465"/>
                    <a:pt x="8647" y="5640"/>
                    <a:pt x="8571" y="5640"/>
                  </a:cubicBezTo>
                  <a:cubicBezTo>
                    <a:pt x="8521" y="5640"/>
                    <a:pt x="8346" y="5515"/>
                    <a:pt x="8346" y="5465"/>
                  </a:cubicBezTo>
                  <a:cubicBezTo>
                    <a:pt x="8296" y="5414"/>
                    <a:pt x="8296" y="5289"/>
                    <a:pt x="8296" y="5239"/>
                  </a:cubicBezTo>
                  <a:cubicBezTo>
                    <a:pt x="8296" y="5189"/>
                    <a:pt x="8421" y="5114"/>
                    <a:pt x="8421" y="5064"/>
                  </a:cubicBezTo>
                  <a:cubicBezTo>
                    <a:pt x="8471" y="5013"/>
                    <a:pt x="8471" y="4838"/>
                    <a:pt x="8471" y="4788"/>
                  </a:cubicBezTo>
                  <a:cubicBezTo>
                    <a:pt x="8421" y="4738"/>
                    <a:pt x="8421" y="4612"/>
                    <a:pt x="8346" y="4562"/>
                  </a:cubicBezTo>
                  <a:cubicBezTo>
                    <a:pt x="8296" y="4512"/>
                    <a:pt x="8120" y="4512"/>
                    <a:pt x="8020" y="4512"/>
                  </a:cubicBezTo>
                  <a:cubicBezTo>
                    <a:pt x="7970" y="4512"/>
                    <a:pt x="7795" y="4612"/>
                    <a:pt x="7669" y="4612"/>
                  </a:cubicBezTo>
                  <a:cubicBezTo>
                    <a:pt x="7619" y="4612"/>
                    <a:pt x="7444" y="4512"/>
                    <a:pt x="7343" y="4512"/>
                  </a:cubicBezTo>
                  <a:cubicBezTo>
                    <a:pt x="7293" y="4437"/>
                    <a:pt x="7118" y="4337"/>
                    <a:pt x="7068" y="4287"/>
                  </a:cubicBezTo>
                  <a:cubicBezTo>
                    <a:pt x="6993" y="4211"/>
                    <a:pt x="7068" y="4061"/>
                    <a:pt x="6993" y="3986"/>
                  </a:cubicBezTo>
                  <a:cubicBezTo>
                    <a:pt x="6942" y="3936"/>
                    <a:pt x="6842" y="3835"/>
                    <a:pt x="6842" y="3710"/>
                  </a:cubicBezTo>
                  <a:cubicBezTo>
                    <a:pt x="6767" y="3660"/>
                    <a:pt x="6717" y="3535"/>
                    <a:pt x="6717" y="3485"/>
                  </a:cubicBezTo>
                  <a:cubicBezTo>
                    <a:pt x="6667" y="3384"/>
                    <a:pt x="6717" y="3259"/>
                    <a:pt x="6717" y="3159"/>
                  </a:cubicBezTo>
                  <a:cubicBezTo>
                    <a:pt x="6717" y="3109"/>
                    <a:pt x="6617" y="2983"/>
                    <a:pt x="6541" y="2933"/>
                  </a:cubicBezTo>
                  <a:cubicBezTo>
                    <a:pt x="6541" y="2883"/>
                    <a:pt x="6441" y="2883"/>
                    <a:pt x="6391" y="2808"/>
                  </a:cubicBezTo>
                  <a:cubicBezTo>
                    <a:pt x="6266" y="2758"/>
                    <a:pt x="6090" y="2582"/>
                    <a:pt x="5990" y="2532"/>
                  </a:cubicBezTo>
                  <a:cubicBezTo>
                    <a:pt x="5865" y="2532"/>
                    <a:pt x="5714" y="2482"/>
                    <a:pt x="5639" y="2482"/>
                  </a:cubicBezTo>
                  <a:cubicBezTo>
                    <a:pt x="5589" y="2532"/>
                    <a:pt x="5414" y="2582"/>
                    <a:pt x="5363" y="2658"/>
                  </a:cubicBezTo>
                  <a:cubicBezTo>
                    <a:pt x="5313" y="2708"/>
                    <a:pt x="5188" y="2883"/>
                    <a:pt x="5138" y="2883"/>
                  </a:cubicBezTo>
                  <a:cubicBezTo>
                    <a:pt x="5088" y="2883"/>
                    <a:pt x="4912" y="2808"/>
                    <a:pt x="4812" y="2758"/>
                  </a:cubicBezTo>
                  <a:cubicBezTo>
                    <a:pt x="4812" y="2758"/>
                    <a:pt x="4737" y="2582"/>
                    <a:pt x="4687" y="2532"/>
                  </a:cubicBezTo>
                  <a:cubicBezTo>
                    <a:pt x="4637" y="2482"/>
                    <a:pt x="4461" y="2357"/>
                    <a:pt x="4411" y="2307"/>
                  </a:cubicBezTo>
                  <a:cubicBezTo>
                    <a:pt x="4361" y="2257"/>
                    <a:pt x="4286" y="2131"/>
                    <a:pt x="4236" y="2081"/>
                  </a:cubicBezTo>
                  <a:cubicBezTo>
                    <a:pt x="4185" y="2031"/>
                    <a:pt x="3960" y="2031"/>
                    <a:pt x="3960" y="1981"/>
                  </a:cubicBezTo>
                  <a:cubicBezTo>
                    <a:pt x="3910" y="1906"/>
                    <a:pt x="3960" y="1680"/>
                    <a:pt x="3960" y="1630"/>
                  </a:cubicBezTo>
                  <a:cubicBezTo>
                    <a:pt x="4010" y="1630"/>
                    <a:pt x="4060" y="1630"/>
                    <a:pt x="4135" y="1580"/>
                  </a:cubicBezTo>
                  <a:cubicBezTo>
                    <a:pt x="4135" y="1530"/>
                    <a:pt x="4185" y="1404"/>
                    <a:pt x="4185" y="1354"/>
                  </a:cubicBezTo>
                  <a:lnTo>
                    <a:pt x="4185" y="1129"/>
                  </a:lnTo>
                  <a:cubicBezTo>
                    <a:pt x="4135" y="1079"/>
                    <a:pt x="4060" y="1003"/>
                    <a:pt x="4010" y="1003"/>
                  </a:cubicBezTo>
                  <a:cubicBezTo>
                    <a:pt x="3960" y="1003"/>
                    <a:pt x="3835" y="1129"/>
                    <a:pt x="3835" y="1129"/>
                  </a:cubicBezTo>
                  <a:cubicBezTo>
                    <a:pt x="3734" y="1129"/>
                    <a:pt x="3559" y="1079"/>
                    <a:pt x="3509" y="1003"/>
                  </a:cubicBezTo>
                  <a:cubicBezTo>
                    <a:pt x="3459" y="953"/>
                    <a:pt x="3459" y="778"/>
                    <a:pt x="3459" y="728"/>
                  </a:cubicBezTo>
                  <a:cubicBezTo>
                    <a:pt x="3509" y="678"/>
                    <a:pt x="3559" y="552"/>
                    <a:pt x="3609" y="502"/>
                  </a:cubicBezTo>
                  <a:cubicBezTo>
                    <a:pt x="3609" y="452"/>
                    <a:pt x="3559" y="277"/>
                    <a:pt x="3559" y="226"/>
                  </a:cubicBezTo>
                  <a:cubicBezTo>
                    <a:pt x="3509" y="176"/>
                    <a:pt x="3459" y="51"/>
                    <a:pt x="3459" y="1"/>
                  </a:cubicBezTo>
                  <a:close/>
                </a:path>
              </a:pathLst>
            </a:custGeom>
            <a:solidFill>
              <a:srgbClr val="00B050"/>
            </a:solidFill>
            <a:ln>
              <a:noFill/>
            </a:ln>
          </p:spPr>
          <p:txBody>
            <a:bodyPr spcFirstLastPara="1" wrap="square" lIns="121900" tIns="121900" rIns="121900" bIns="121900" anchor="ctr" anchorCtr="0">
              <a:noAutofit/>
            </a:bodyPr>
            <a:lstStyle/>
            <a:p>
              <a:endParaRPr sz="2400"/>
            </a:p>
          </p:txBody>
        </p:sp>
        <p:sp>
          <p:nvSpPr>
            <p:cNvPr id="201" name="Google Shape;258;p16">
              <a:extLst>
                <a:ext uri="{FF2B5EF4-FFF2-40B4-BE49-F238E27FC236}">
                  <a16:creationId xmlns:a16="http://schemas.microsoft.com/office/drawing/2014/main" id="{B6A3DD70-4C87-5323-5FA3-EBA5EBD08153}"/>
                </a:ext>
              </a:extLst>
            </p:cNvPr>
            <p:cNvSpPr/>
            <p:nvPr/>
          </p:nvSpPr>
          <p:spPr>
            <a:xfrm>
              <a:off x="2474903" y="2501242"/>
              <a:ext cx="637269" cy="549157"/>
            </a:xfrm>
            <a:custGeom>
              <a:avLst/>
              <a:gdLst/>
              <a:ahLst/>
              <a:cxnLst/>
              <a:rect l="l" t="t" r="r" b="b"/>
              <a:pathLst>
                <a:path w="22833" h="19676" fill="none" extrusionOk="0">
                  <a:moveTo>
                    <a:pt x="1980" y="3835"/>
                  </a:moveTo>
                  <a:close/>
                  <a:moveTo>
                    <a:pt x="1980" y="3835"/>
                  </a:moveTo>
                  <a:cubicBezTo>
                    <a:pt x="1930" y="3835"/>
                    <a:pt x="2030" y="3610"/>
                    <a:pt x="2105" y="3485"/>
                  </a:cubicBezTo>
                  <a:cubicBezTo>
                    <a:pt x="2155" y="3434"/>
                    <a:pt x="2256" y="3384"/>
                    <a:pt x="2256" y="3334"/>
                  </a:cubicBezTo>
                  <a:cubicBezTo>
                    <a:pt x="2331" y="3209"/>
                    <a:pt x="2206" y="3033"/>
                    <a:pt x="2206" y="2933"/>
                  </a:cubicBezTo>
                  <a:cubicBezTo>
                    <a:pt x="2206" y="2883"/>
                    <a:pt x="2256" y="2708"/>
                    <a:pt x="2256" y="2658"/>
                  </a:cubicBezTo>
                  <a:cubicBezTo>
                    <a:pt x="2331" y="2582"/>
                    <a:pt x="2481" y="2532"/>
                    <a:pt x="2556" y="2482"/>
                  </a:cubicBezTo>
                  <a:cubicBezTo>
                    <a:pt x="2607" y="2432"/>
                    <a:pt x="2707" y="2257"/>
                    <a:pt x="2782" y="2206"/>
                  </a:cubicBezTo>
                  <a:cubicBezTo>
                    <a:pt x="2832" y="2131"/>
                    <a:pt x="2932" y="1981"/>
                    <a:pt x="2932" y="1906"/>
                  </a:cubicBezTo>
                  <a:cubicBezTo>
                    <a:pt x="2932" y="1805"/>
                    <a:pt x="2882" y="1580"/>
                    <a:pt x="2832" y="1455"/>
                  </a:cubicBezTo>
                  <a:cubicBezTo>
                    <a:pt x="2782" y="1404"/>
                    <a:pt x="2607" y="1304"/>
                    <a:pt x="2556" y="1179"/>
                  </a:cubicBezTo>
                  <a:cubicBezTo>
                    <a:pt x="2481" y="1079"/>
                    <a:pt x="2381" y="903"/>
                    <a:pt x="2381" y="778"/>
                  </a:cubicBezTo>
                  <a:cubicBezTo>
                    <a:pt x="2381" y="678"/>
                    <a:pt x="2481" y="502"/>
                    <a:pt x="2556" y="402"/>
                  </a:cubicBezTo>
                  <a:cubicBezTo>
                    <a:pt x="2607" y="327"/>
                    <a:pt x="2707" y="176"/>
                    <a:pt x="2832" y="176"/>
                  </a:cubicBezTo>
                  <a:cubicBezTo>
                    <a:pt x="2932" y="101"/>
                    <a:pt x="3233" y="101"/>
                    <a:pt x="3333" y="51"/>
                  </a:cubicBezTo>
                  <a:cubicBezTo>
                    <a:pt x="3333" y="1"/>
                    <a:pt x="3383" y="1"/>
                    <a:pt x="3459" y="1"/>
                  </a:cubicBezTo>
                  <a:cubicBezTo>
                    <a:pt x="3459" y="51"/>
                    <a:pt x="3509" y="176"/>
                    <a:pt x="3559" y="226"/>
                  </a:cubicBezTo>
                  <a:cubicBezTo>
                    <a:pt x="3559" y="277"/>
                    <a:pt x="3609" y="452"/>
                    <a:pt x="3609" y="502"/>
                  </a:cubicBezTo>
                  <a:cubicBezTo>
                    <a:pt x="3559" y="552"/>
                    <a:pt x="3509" y="678"/>
                    <a:pt x="3459" y="728"/>
                  </a:cubicBezTo>
                  <a:cubicBezTo>
                    <a:pt x="3459" y="778"/>
                    <a:pt x="3459" y="953"/>
                    <a:pt x="3509" y="1003"/>
                  </a:cubicBezTo>
                  <a:cubicBezTo>
                    <a:pt x="3559" y="1079"/>
                    <a:pt x="3734" y="1129"/>
                    <a:pt x="3835" y="1129"/>
                  </a:cubicBezTo>
                  <a:cubicBezTo>
                    <a:pt x="3835" y="1129"/>
                    <a:pt x="3960" y="1003"/>
                    <a:pt x="4010" y="1003"/>
                  </a:cubicBezTo>
                  <a:cubicBezTo>
                    <a:pt x="4060" y="1003"/>
                    <a:pt x="4135" y="1079"/>
                    <a:pt x="4185" y="1129"/>
                  </a:cubicBezTo>
                  <a:lnTo>
                    <a:pt x="4185" y="1354"/>
                  </a:lnTo>
                  <a:cubicBezTo>
                    <a:pt x="4185" y="1404"/>
                    <a:pt x="4135" y="1530"/>
                    <a:pt x="4135" y="1580"/>
                  </a:cubicBezTo>
                  <a:cubicBezTo>
                    <a:pt x="4060" y="1630"/>
                    <a:pt x="4010" y="1630"/>
                    <a:pt x="3960" y="1630"/>
                  </a:cubicBezTo>
                  <a:cubicBezTo>
                    <a:pt x="3960" y="1680"/>
                    <a:pt x="3910" y="1906"/>
                    <a:pt x="3960" y="1981"/>
                  </a:cubicBezTo>
                  <a:cubicBezTo>
                    <a:pt x="3960" y="2031"/>
                    <a:pt x="4185" y="2031"/>
                    <a:pt x="4236" y="2081"/>
                  </a:cubicBezTo>
                  <a:cubicBezTo>
                    <a:pt x="4286" y="2131"/>
                    <a:pt x="4361" y="2257"/>
                    <a:pt x="4411" y="2307"/>
                  </a:cubicBezTo>
                  <a:cubicBezTo>
                    <a:pt x="4461" y="2357"/>
                    <a:pt x="4637" y="2482"/>
                    <a:pt x="4687" y="2532"/>
                  </a:cubicBezTo>
                  <a:cubicBezTo>
                    <a:pt x="4737" y="2582"/>
                    <a:pt x="4812" y="2758"/>
                    <a:pt x="4812" y="2758"/>
                  </a:cubicBezTo>
                  <a:cubicBezTo>
                    <a:pt x="4912" y="2808"/>
                    <a:pt x="5088" y="2883"/>
                    <a:pt x="5138" y="2883"/>
                  </a:cubicBezTo>
                  <a:cubicBezTo>
                    <a:pt x="5188" y="2883"/>
                    <a:pt x="5313" y="2708"/>
                    <a:pt x="5363" y="2658"/>
                  </a:cubicBezTo>
                  <a:cubicBezTo>
                    <a:pt x="5414" y="2582"/>
                    <a:pt x="5589" y="2532"/>
                    <a:pt x="5639" y="2482"/>
                  </a:cubicBezTo>
                  <a:cubicBezTo>
                    <a:pt x="5714" y="2482"/>
                    <a:pt x="5865" y="2532"/>
                    <a:pt x="5990" y="2532"/>
                  </a:cubicBezTo>
                  <a:cubicBezTo>
                    <a:pt x="6090" y="2582"/>
                    <a:pt x="6266" y="2758"/>
                    <a:pt x="6391" y="2808"/>
                  </a:cubicBezTo>
                  <a:cubicBezTo>
                    <a:pt x="6441" y="2883"/>
                    <a:pt x="6541" y="2883"/>
                    <a:pt x="6541" y="2933"/>
                  </a:cubicBezTo>
                  <a:cubicBezTo>
                    <a:pt x="6617" y="2983"/>
                    <a:pt x="6717" y="3109"/>
                    <a:pt x="6717" y="3159"/>
                  </a:cubicBezTo>
                  <a:cubicBezTo>
                    <a:pt x="6717" y="3259"/>
                    <a:pt x="6667" y="3384"/>
                    <a:pt x="6717" y="3485"/>
                  </a:cubicBezTo>
                  <a:cubicBezTo>
                    <a:pt x="6717" y="3535"/>
                    <a:pt x="6767" y="3660"/>
                    <a:pt x="6842" y="3710"/>
                  </a:cubicBezTo>
                  <a:cubicBezTo>
                    <a:pt x="6842" y="3835"/>
                    <a:pt x="6942" y="3936"/>
                    <a:pt x="6993" y="3986"/>
                  </a:cubicBezTo>
                  <a:cubicBezTo>
                    <a:pt x="7068" y="4061"/>
                    <a:pt x="6993" y="4211"/>
                    <a:pt x="7068" y="4287"/>
                  </a:cubicBezTo>
                  <a:cubicBezTo>
                    <a:pt x="7118" y="4337"/>
                    <a:pt x="7293" y="4437"/>
                    <a:pt x="7343" y="4512"/>
                  </a:cubicBezTo>
                  <a:cubicBezTo>
                    <a:pt x="7444" y="4512"/>
                    <a:pt x="7619" y="4612"/>
                    <a:pt x="7669" y="4612"/>
                  </a:cubicBezTo>
                  <a:cubicBezTo>
                    <a:pt x="7795" y="4612"/>
                    <a:pt x="7970" y="4512"/>
                    <a:pt x="8020" y="4512"/>
                  </a:cubicBezTo>
                  <a:cubicBezTo>
                    <a:pt x="8120" y="4512"/>
                    <a:pt x="8296" y="4512"/>
                    <a:pt x="8346" y="4562"/>
                  </a:cubicBezTo>
                  <a:cubicBezTo>
                    <a:pt x="8421" y="4612"/>
                    <a:pt x="8421" y="4738"/>
                    <a:pt x="8471" y="4788"/>
                  </a:cubicBezTo>
                  <a:cubicBezTo>
                    <a:pt x="8471" y="4838"/>
                    <a:pt x="8471" y="5013"/>
                    <a:pt x="8421" y="5064"/>
                  </a:cubicBezTo>
                  <a:cubicBezTo>
                    <a:pt x="8421" y="5114"/>
                    <a:pt x="8296" y="5189"/>
                    <a:pt x="8296" y="5239"/>
                  </a:cubicBezTo>
                  <a:cubicBezTo>
                    <a:pt x="8296" y="5289"/>
                    <a:pt x="8296" y="5414"/>
                    <a:pt x="8346" y="5465"/>
                  </a:cubicBezTo>
                  <a:cubicBezTo>
                    <a:pt x="8346" y="5515"/>
                    <a:pt x="8521" y="5640"/>
                    <a:pt x="8571" y="5640"/>
                  </a:cubicBezTo>
                  <a:cubicBezTo>
                    <a:pt x="8647" y="5640"/>
                    <a:pt x="8697" y="5465"/>
                    <a:pt x="8747" y="5465"/>
                  </a:cubicBezTo>
                  <a:cubicBezTo>
                    <a:pt x="8797" y="5414"/>
                    <a:pt x="8972" y="5414"/>
                    <a:pt x="9023" y="5414"/>
                  </a:cubicBezTo>
                  <a:cubicBezTo>
                    <a:pt x="9098" y="5465"/>
                    <a:pt x="9148" y="5640"/>
                    <a:pt x="9098" y="5690"/>
                  </a:cubicBezTo>
                  <a:cubicBezTo>
                    <a:pt x="9098" y="5740"/>
                    <a:pt x="9023" y="5866"/>
                    <a:pt x="9023" y="5916"/>
                  </a:cubicBezTo>
                  <a:cubicBezTo>
                    <a:pt x="8972" y="5966"/>
                    <a:pt x="9023" y="6141"/>
                    <a:pt x="9098" y="6141"/>
                  </a:cubicBezTo>
                  <a:cubicBezTo>
                    <a:pt x="9148" y="6191"/>
                    <a:pt x="9323" y="6191"/>
                    <a:pt x="9373" y="6191"/>
                  </a:cubicBezTo>
                  <a:cubicBezTo>
                    <a:pt x="9424" y="6141"/>
                    <a:pt x="9474" y="6016"/>
                    <a:pt x="9549" y="5966"/>
                  </a:cubicBezTo>
                  <a:cubicBezTo>
                    <a:pt x="9649" y="5916"/>
                    <a:pt x="9875" y="5866"/>
                    <a:pt x="9925" y="5790"/>
                  </a:cubicBezTo>
                  <a:cubicBezTo>
                    <a:pt x="10000" y="5740"/>
                    <a:pt x="10100" y="5640"/>
                    <a:pt x="10100" y="5565"/>
                  </a:cubicBezTo>
                  <a:cubicBezTo>
                    <a:pt x="10100" y="5515"/>
                    <a:pt x="10050" y="5414"/>
                    <a:pt x="10050" y="5339"/>
                  </a:cubicBezTo>
                  <a:cubicBezTo>
                    <a:pt x="10050" y="5289"/>
                    <a:pt x="10100" y="5064"/>
                    <a:pt x="10150" y="5013"/>
                  </a:cubicBezTo>
                  <a:cubicBezTo>
                    <a:pt x="10150" y="4963"/>
                    <a:pt x="10326" y="4963"/>
                    <a:pt x="10376" y="4963"/>
                  </a:cubicBezTo>
                  <a:cubicBezTo>
                    <a:pt x="10451" y="4963"/>
                    <a:pt x="10551" y="5064"/>
                    <a:pt x="10602" y="5064"/>
                  </a:cubicBezTo>
                  <a:cubicBezTo>
                    <a:pt x="10677" y="5064"/>
                    <a:pt x="10827" y="5064"/>
                    <a:pt x="10902" y="5013"/>
                  </a:cubicBezTo>
                  <a:cubicBezTo>
                    <a:pt x="10952" y="4963"/>
                    <a:pt x="11003" y="4838"/>
                    <a:pt x="11003" y="4788"/>
                  </a:cubicBezTo>
                  <a:cubicBezTo>
                    <a:pt x="11003" y="4663"/>
                    <a:pt x="10952" y="4562"/>
                    <a:pt x="10902" y="4512"/>
                  </a:cubicBezTo>
                  <a:cubicBezTo>
                    <a:pt x="10902" y="4437"/>
                    <a:pt x="10827" y="4287"/>
                    <a:pt x="10827" y="4211"/>
                  </a:cubicBezTo>
                  <a:cubicBezTo>
                    <a:pt x="10827" y="4161"/>
                    <a:pt x="10902" y="4061"/>
                    <a:pt x="10952" y="4061"/>
                  </a:cubicBezTo>
                  <a:cubicBezTo>
                    <a:pt x="11003" y="3986"/>
                    <a:pt x="11178" y="3936"/>
                    <a:pt x="11228" y="3936"/>
                  </a:cubicBezTo>
                  <a:cubicBezTo>
                    <a:pt x="11278" y="3936"/>
                    <a:pt x="11454" y="4061"/>
                    <a:pt x="11504" y="4061"/>
                  </a:cubicBezTo>
                  <a:cubicBezTo>
                    <a:pt x="11579" y="3986"/>
                    <a:pt x="11729" y="3936"/>
                    <a:pt x="11805" y="3886"/>
                  </a:cubicBezTo>
                  <a:cubicBezTo>
                    <a:pt x="11855" y="3835"/>
                    <a:pt x="11855" y="3660"/>
                    <a:pt x="11905" y="3610"/>
                  </a:cubicBezTo>
                  <a:cubicBezTo>
                    <a:pt x="11955" y="3535"/>
                    <a:pt x="12181" y="3434"/>
                    <a:pt x="12256" y="3384"/>
                  </a:cubicBezTo>
                  <a:cubicBezTo>
                    <a:pt x="12356" y="3259"/>
                    <a:pt x="12356" y="3033"/>
                    <a:pt x="12406" y="2933"/>
                  </a:cubicBezTo>
                  <a:cubicBezTo>
                    <a:pt x="12406" y="2933"/>
                    <a:pt x="12531" y="2808"/>
                    <a:pt x="12582" y="2808"/>
                  </a:cubicBezTo>
                  <a:cubicBezTo>
                    <a:pt x="12632" y="2808"/>
                    <a:pt x="12757" y="2883"/>
                    <a:pt x="12807" y="2933"/>
                  </a:cubicBezTo>
                  <a:cubicBezTo>
                    <a:pt x="12857" y="2983"/>
                    <a:pt x="12907" y="3159"/>
                    <a:pt x="13033" y="3159"/>
                  </a:cubicBezTo>
                  <a:cubicBezTo>
                    <a:pt x="13083" y="3159"/>
                    <a:pt x="13208" y="3033"/>
                    <a:pt x="13258" y="2983"/>
                  </a:cubicBezTo>
                  <a:cubicBezTo>
                    <a:pt x="13258" y="2933"/>
                    <a:pt x="13308" y="2808"/>
                    <a:pt x="13308" y="2758"/>
                  </a:cubicBezTo>
                  <a:cubicBezTo>
                    <a:pt x="13384" y="2658"/>
                    <a:pt x="13484" y="2532"/>
                    <a:pt x="13534" y="2482"/>
                  </a:cubicBezTo>
                  <a:cubicBezTo>
                    <a:pt x="13659" y="2357"/>
                    <a:pt x="13935" y="2307"/>
                    <a:pt x="14110" y="2307"/>
                  </a:cubicBezTo>
                  <a:cubicBezTo>
                    <a:pt x="14211" y="2307"/>
                    <a:pt x="14436" y="2432"/>
                    <a:pt x="14561" y="2357"/>
                  </a:cubicBezTo>
                  <a:cubicBezTo>
                    <a:pt x="14612" y="2357"/>
                    <a:pt x="14662" y="2206"/>
                    <a:pt x="14737" y="2131"/>
                  </a:cubicBezTo>
                  <a:cubicBezTo>
                    <a:pt x="14737" y="2031"/>
                    <a:pt x="14787" y="1856"/>
                    <a:pt x="14837" y="1755"/>
                  </a:cubicBezTo>
                  <a:cubicBezTo>
                    <a:pt x="14837" y="1680"/>
                    <a:pt x="15013" y="1580"/>
                    <a:pt x="15013" y="1530"/>
                  </a:cubicBezTo>
                  <a:cubicBezTo>
                    <a:pt x="15013" y="1455"/>
                    <a:pt x="15063" y="1354"/>
                    <a:pt x="15063" y="1229"/>
                  </a:cubicBezTo>
                  <a:lnTo>
                    <a:pt x="15188" y="1229"/>
                  </a:lnTo>
                  <a:cubicBezTo>
                    <a:pt x="15288" y="1229"/>
                    <a:pt x="15389" y="1129"/>
                    <a:pt x="15514" y="1129"/>
                  </a:cubicBezTo>
                  <a:cubicBezTo>
                    <a:pt x="15564" y="1179"/>
                    <a:pt x="15614" y="1229"/>
                    <a:pt x="15689" y="1229"/>
                  </a:cubicBezTo>
                  <a:cubicBezTo>
                    <a:pt x="15739" y="1304"/>
                    <a:pt x="15915" y="1404"/>
                    <a:pt x="15965" y="1455"/>
                  </a:cubicBezTo>
                  <a:cubicBezTo>
                    <a:pt x="16015" y="1530"/>
                    <a:pt x="16015" y="1680"/>
                    <a:pt x="16090" y="1755"/>
                  </a:cubicBezTo>
                  <a:cubicBezTo>
                    <a:pt x="16140" y="1805"/>
                    <a:pt x="16316" y="1856"/>
                    <a:pt x="16366" y="1856"/>
                  </a:cubicBezTo>
                  <a:cubicBezTo>
                    <a:pt x="16416" y="1856"/>
                    <a:pt x="16466" y="1805"/>
                    <a:pt x="16541" y="1805"/>
                  </a:cubicBezTo>
                  <a:lnTo>
                    <a:pt x="16592" y="1805"/>
                  </a:lnTo>
                  <a:lnTo>
                    <a:pt x="16592" y="2031"/>
                  </a:lnTo>
                  <a:cubicBezTo>
                    <a:pt x="16592" y="2131"/>
                    <a:pt x="16692" y="2257"/>
                    <a:pt x="16767" y="2307"/>
                  </a:cubicBezTo>
                  <a:lnTo>
                    <a:pt x="16767" y="2582"/>
                  </a:lnTo>
                  <a:cubicBezTo>
                    <a:pt x="16692" y="2658"/>
                    <a:pt x="16592" y="2708"/>
                    <a:pt x="16592" y="2758"/>
                  </a:cubicBezTo>
                  <a:cubicBezTo>
                    <a:pt x="16541" y="2758"/>
                    <a:pt x="16541" y="2933"/>
                    <a:pt x="16466" y="2983"/>
                  </a:cubicBezTo>
                  <a:cubicBezTo>
                    <a:pt x="16416" y="3033"/>
                    <a:pt x="16191" y="3109"/>
                    <a:pt x="16015" y="3159"/>
                  </a:cubicBezTo>
                  <a:cubicBezTo>
                    <a:pt x="15965" y="3159"/>
                    <a:pt x="15840" y="3109"/>
                    <a:pt x="15790" y="3109"/>
                  </a:cubicBezTo>
                  <a:cubicBezTo>
                    <a:pt x="15614" y="3159"/>
                    <a:pt x="15389" y="3259"/>
                    <a:pt x="15238" y="3334"/>
                  </a:cubicBezTo>
                  <a:cubicBezTo>
                    <a:pt x="15113" y="3334"/>
                    <a:pt x="14837" y="3384"/>
                    <a:pt x="14787" y="3485"/>
                  </a:cubicBezTo>
                  <a:cubicBezTo>
                    <a:pt x="14737" y="3485"/>
                    <a:pt x="14662" y="3660"/>
                    <a:pt x="14662" y="3710"/>
                  </a:cubicBezTo>
                  <a:cubicBezTo>
                    <a:pt x="14737" y="3760"/>
                    <a:pt x="14787" y="3886"/>
                    <a:pt x="14837" y="3886"/>
                  </a:cubicBezTo>
                  <a:cubicBezTo>
                    <a:pt x="14887" y="3936"/>
                    <a:pt x="15063" y="3936"/>
                    <a:pt x="15113" y="3986"/>
                  </a:cubicBezTo>
                  <a:cubicBezTo>
                    <a:pt x="15188" y="3986"/>
                    <a:pt x="15338" y="4111"/>
                    <a:pt x="15338" y="4211"/>
                  </a:cubicBezTo>
                  <a:cubicBezTo>
                    <a:pt x="15288" y="4287"/>
                    <a:pt x="15188" y="4337"/>
                    <a:pt x="15113" y="4337"/>
                  </a:cubicBezTo>
                  <a:cubicBezTo>
                    <a:pt x="15063" y="4387"/>
                    <a:pt x="14837" y="4387"/>
                    <a:pt x="14787" y="4437"/>
                  </a:cubicBezTo>
                  <a:cubicBezTo>
                    <a:pt x="14662" y="4512"/>
                    <a:pt x="14561" y="4663"/>
                    <a:pt x="14561" y="4738"/>
                  </a:cubicBezTo>
                  <a:cubicBezTo>
                    <a:pt x="14561" y="4788"/>
                    <a:pt x="14561" y="4888"/>
                    <a:pt x="14612" y="4963"/>
                  </a:cubicBezTo>
                  <a:cubicBezTo>
                    <a:pt x="14662" y="5013"/>
                    <a:pt x="14787" y="4963"/>
                    <a:pt x="14837" y="4963"/>
                  </a:cubicBezTo>
                  <a:cubicBezTo>
                    <a:pt x="14887" y="5013"/>
                    <a:pt x="15013" y="5064"/>
                    <a:pt x="15063" y="5114"/>
                  </a:cubicBezTo>
                  <a:cubicBezTo>
                    <a:pt x="15113" y="5239"/>
                    <a:pt x="15113" y="5414"/>
                    <a:pt x="15113" y="5515"/>
                  </a:cubicBezTo>
                  <a:cubicBezTo>
                    <a:pt x="15113" y="5565"/>
                    <a:pt x="15063" y="5740"/>
                    <a:pt x="15063" y="5866"/>
                  </a:cubicBezTo>
                  <a:cubicBezTo>
                    <a:pt x="15063" y="5966"/>
                    <a:pt x="15113" y="6141"/>
                    <a:pt x="15188" y="6191"/>
                  </a:cubicBezTo>
                  <a:cubicBezTo>
                    <a:pt x="15238" y="6241"/>
                    <a:pt x="15338" y="6367"/>
                    <a:pt x="15389" y="6417"/>
                  </a:cubicBezTo>
                  <a:cubicBezTo>
                    <a:pt x="15514" y="6467"/>
                    <a:pt x="15790" y="6542"/>
                    <a:pt x="15915" y="6642"/>
                  </a:cubicBezTo>
                  <a:cubicBezTo>
                    <a:pt x="15965" y="6693"/>
                    <a:pt x="16015" y="6918"/>
                    <a:pt x="16015" y="7044"/>
                  </a:cubicBezTo>
                  <a:cubicBezTo>
                    <a:pt x="16090" y="7144"/>
                    <a:pt x="16015" y="7269"/>
                    <a:pt x="16015" y="7319"/>
                  </a:cubicBezTo>
                  <a:cubicBezTo>
                    <a:pt x="16090" y="7369"/>
                    <a:pt x="16191" y="7445"/>
                    <a:pt x="16241" y="7495"/>
                  </a:cubicBezTo>
                  <a:cubicBezTo>
                    <a:pt x="16316" y="7545"/>
                    <a:pt x="16416" y="7670"/>
                    <a:pt x="16466" y="7720"/>
                  </a:cubicBezTo>
                  <a:cubicBezTo>
                    <a:pt x="16541" y="7770"/>
                    <a:pt x="16592" y="7946"/>
                    <a:pt x="16592" y="8046"/>
                  </a:cubicBezTo>
                  <a:cubicBezTo>
                    <a:pt x="16592" y="8121"/>
                    <a:pt x="16541" y="8272"/>
                    <a:pt x="16466" y="8347"/>
                  </a:cubicBezTo>
                  <a:cubicBezTo>
                    <a:pt x="16416" y="8397"/>
                    <a:pt x="16316" y="8397"/>
                    <a:pt x="16241" y="8397"/>
                  </a:cubicBezTo>
                  <a:cubicBezTo>
                    <a:pt x="16140" y="8397"/>
                    <a:pt x="16015" y="8347"/>
                    <a:pt x="15965" y="8347"/>
                  </a:cubicBezTo>
                  <a:cubicBezTo>
                    <a:pt x="15915" y="8272"/>
                    <a:pt x="15840" y="8046"/>
                    <a:pt x="15790" y="8046"/>
                  </a:cubicBezTo>
                  <a:cubicBezTo>
                    <a:pt x="15739" y="7996"/>
                    <a:pt x="15564" y="7896"/>
                    <a:pt x="15514" y="7896"/>
                  </a:cubicBezTo>
                  <a:cubicBezTo>
                    <a:pt x="15464" y="7896"/>
                    <a:pt x="15338" y="7946"/>
                    <a:pt x="15288" y="7996"/>
                  </a:cubicBezTo>
                  <a:cubicBezTo>
                    <a:pt x="15188" y="8046"/>
                    <a:pt x="15063" y="8171"/>
                    <a:pt x="15013" y="8221"/>
                  </a:cubicBezTo>
                  <a:cubicBezTo>
                    <a:pt x="14962" y="8272"/>
                    <a:pt x="14887" y="8397"/>
                    <a:pt x="14837" y="8447"/>
                  </a:cubicBezTo>
                  <a:cubicBezTo>
                    <a:pt x="14737" y="8497"/>
                    <a:pt x="14511" y="8497"/>
                    <a:pt x="14386" y="8497"/>
                  </a:cubicBezTo>
                  <a:cubicBezTo>
                    <a:pt x="14336" y="8497"/>
                    <a:pt x="14110" y="8397"/>
                    <a:pt x="14060" y="8447"/>
                  </a:cubicBezTo>
                  <a:cubicBezTo>
                    <a:pt x="13935" y="8447"/>
                    <a:pt x="13835" y="8572"/>
                    <a:pt x="13835" y="8622"/>
                  </a:cubicBezTo>
                  <a:cubicBezTo>
                    <a:pt x="13759" y="8673"/>
                    <a:pt x="13759" y="8848"/>
                    <a:pt x="13835" y="8898"/>
                  </a:cubicBezTo>
                  <a:cubicBezTo>
                    <a:pt x="13835" y="8898"/>
                    <a:pt x="13935" y="8948"/>
                    <a:pt x="13985" y="8948"/>
                  </a:cubicBezTo>
                  <a:cubicBezTo>
                    <a:pt x="14060" y="9074"/>
                    <a:pt x="14110" y="9249"/>
                    <a:pt x="14110" y="9349"/>
                  </a:cubicBezTo>
                  <a:cubicBezTo>
                    <a:pt x="14160" y="9475"/>
                    <a:pt x="14110" y="9625"/>
                    <a:pt x="14160" y="9700"/>
                  </a:cubicBezTo>
                  <a:cubicBezTo>
                    <a:pt x="14160" y="9800"/>
                    <a:pt x="14286" y="10026"/>
                    <a:pt x="14336" y="10151"/>
                  </a:cubicBezTo>
                  <a:cubicBezTo>
                    <a:pt x="14436" y="10201"/>
                    <a:pt x="14612" y="10201"/>
                    <a:pt x="14737" y="10201"/>
                  </a:cubicBezTo>
                  <a:cubicBezTo>
                    <a:pt x="14787" y="10201"/>
                    <a:pt x="14962" y="10076"/>
                    <a:pt x="15013" y="10076"/>
                  </a:cubicBezTo>
                  <a:cubicBezTo>
                    <a:pt x="15063" y="10151"/>
                    <a:pt x="15238" y="10201"/>
                    <a:pt x="15338" y="10252"/>
                  </a:cubicBezTo>
                  <a:cubicBezTo>
                    <a:pt x="15389" y="10302"/>
                    <a:pt x="15389" y="10527"/>
                    <a:pt x="15464" y="10602"/>
                  </a:cubicBezTo>
                  <a:cubicBezTo>
                    <a:pt x="15514" y="10653"/>
                    <a:pt x="15689" y="10753"/>
                    <a:pt x="15739" y="10753"/>
                  </a:cubicBezTo>
                  <a:cubicBezTo>
                    <a:pt x="15840" y="10828"/>
                    <a:pt x="16090" y="10753"/>
                    <a:pt x="16191" y="10753"/>
                  </a:cubicBezTo>
                  <a:cubicBezTo>
                    <a:pt x="16241" y="10753"/>
                    <a:pt x="16416" y="10753"/>
                    <a:pt x="16541" y="10828"/>
                  </a:cubicBezTo>
                  <a:cubicBezTo>
                    <a:pt x="16642" y="10828"/>
                    <a:pt x="16817" y="11054"/>
                    <a:pt x="16867" y="11154"/>
                  </a:cubicBezTo>
                  <a:cubicBezTo>
                    <a:pt x="16917" y="11204"/>
                    <a:pt x="16993" y="11379"/>
                    <a:pt x="16993" y="11505"/>
                  </a:cubicBezTo>
                  <a:cubicBezTo>
                    <a:pt x="16993" y="11555"/>
                    <a:pt x="16817" y="11655"/>
                    <a:pt x="16767" y="11730"/>
                  </a:cubicBezTo>
                  <a:cubicBezTo>
                    <a:pt x="16767" y="11830"/>
                    <a:pt x="16867" y="11956"/>
                    <a:pt x="16917" y="12006"/>
                  </a:cubicBezTo>
                  <a:cubicBezTo>
                    <a:pt x="16993" y="12056"/>
                    <a:pt x="17093" y="12181"/>
                    <a:pt x="17218" y="12181"/>
                  </a:cubicBezTo>
                  <a:cubicBezTo>
                    <a:pt x="17268" y="12181"/>
                    <a:pt x="17494" y="12181"/>
                    <a:pt x="17544" y="12106"/>
                  </a:cubicBezTo>
                  <a:cubicBezTo>
                    <a:pt x="17644" y="12106"/>
                    <a:pt x="17770" y="11956"/>
                    <a:pt x="17820" y="11956"/>
                  </a:cubicBezTo>
                  <a:cubicBezTo>
                    <a:pt x="17945" y="11956"/>
                    <a:pt x="18095" y="12056"/>
                    <a:pt x="18171" y="12106"/>
                  </a:cubicBezTo>
                  <a:cubicBezTo>
                    <a:pt x="18221" y="12181"/>
                    <a:pt x="18396" y="12282"/>
                    <a:pt x="18446" y="12407"/>
                  </a:cubicBezTo>
                  <a:cubicBezTo>
                    <a:pt x="18496" y="12457"/>
                    <a:pt x="18496" y="12683"/>
                    <a:pt x="18546" y="12783"/>
                  </a:cubicBezTo>
                  <a:cubicBezTo>
                    <a:pt x="18622" y="12858"/>
                    <a:pt x="18722" y="13008"/>
                    <a:pt x="18847" y="13008"/>
                  </a:cubicBezTo>
                  <a:cubicBezTo>
                    <a:pt x="18897" y="13008"/>
                    <a:pt x="18947" y="12783"/>
                    <a:pt x="19023" y="12733"/>
                  </a:cubicBezTo>
                  <a:cubicBezTo>
                    <a:pt x="19023" y="12733"/>
                    <a:pt x="19123" y="12733"/>
                    <a:pt x="19173" y="12683"/>
                  </a:cubicBezTo>
                  <a:cubicBezTo>
                    <a:pt x="19248" y="12633"/>
                    <a:pt x="19173" y="12507"/>
                    <a:pt x="19173" y="12457"/>
                  </a:cubicBezTo>
                  <a:cubicBezTo>
                    <a:pt x="19248" y="12332"/>
                    <a:pt x="19348" y="12232"/>
                    <a:pt x="19474" y="12181"/>
                  </a:cubicBezTo>
                  <a:cubicBezTo>
                    <a:pt x="19574" y="12181"/>
                    <a:pt x="19749" y="12232"/>
                    <a:pt x="19800" y="12282"/>
                  </a:cubicBezTo>
                  <a:cubicBezTo>
                    <a:pt x="19900" y="12332"/>
                    <a:pt x="20075" y="12507"/>
                    <a:pt x="20201" y="12557"/>
                  </a:cubicBezTo>
                  <a:cubicBezTo>
                    <a:pt x="20251" y="12683"/>
                    <a:pt x="20301" y="13008"/>
                    <a:pt x="20426" y="13134"/>
                  </a:cubicBezTo>
                  <a:cubicBezTo>
                    <a:pt x="20526" y="13234"/>
                    <a:pt x="20702" y="13284"/>
                    <a:pt x="20802" y="13359"/>
                  </a:cubicBezTo>
                  <a:cubicBezTo>
                    <a:pt x="20927" y="13359"/>
                    <a:pt x="21153" y="13284"/>
                    <a:pt x="21253" y="13234"/>
                  </a:cubicBezTo>
                  <a:cubicBezTo>
                    <a:pt x="21328" y="13184"/>
                    <a:pt x="21379" y="13008"/>
                    <a:pt x="21429" y="12958"/>
                  </a:cubicBezTo>
                  <a:cubicBezTo>
                    <a:pt x="21479" y="12908"/>
                    <a:pt x="21554" y="12783"/>
                    <a:pt x="21654" y="12783"/>
                  </a:cubicBezTo>
                  <a:cubicBezTo>
                    <a:pt x="21654" y="12783"/>
                    <a:pt x="21780" y="12858"/>
                    <a:pt x="21830" y="12908"/>
                  </a:cubicBezTo>
                  <a:cubicBezTo>
                    <a:pt x="21955" y="12958"/>
                    <a:pt x="22005" y="13134"/>
                    <a:pt x="22055" y="13184"/>
                  </a:cubicBezTo>
                  <a:cubicBezTo>
                    <a:pt x="22105" y="13284"/>
                    <a:pt x="22156" y="13460"/>
                    <a:pt x="22231" y="13510"/>
                  </a:cubicBezTo>
                  <a:cubicBezTo>
                    <a:pt x="22331" y="13635"/>
                    <a:pt x="22607" y="13810"/>
                    <a:pt x="22682" y="13911"/>
                  </a:cubicBezTo>
                  <a:cubicBezTo>
                    <a:pt x="22782" y="14086"/>
                    <a:pt x="22832" y="14412"/>
                    <a:pt x="22832" y="14587"/>
                  </a:cubicBezTo>
                  <a:cubicBezTo>
                    <a:pt x="22832" y="14763"/>
                    <a:pt x="22782" y="15089"/>
                    <a:pt x="22732" y="15214"/>
                  </a:cubicBezTo>
                  <a:cubicBezTo>
                    <a:pt x="22682" y="15314"/>
                    <a:pt x="22506" y="15389"/>
                    <a:pt x="22456" y="15490"/>
                  </a:cubicBezTo>
                  <a:cubicBezTo>
                    <a:pt x="22381" y="15615"/>
                    <a:pt x="22281" y="15841"/>
                    <a:pt x="22281" y="15941"/>
                  </a:cubicBezTo>
                  <a:lnTo>
                    <a:pt x="22281" y="16292"/>
                  </a:lnTo>
                  <a:lnTo>
                    <a:pt x="22281" y="16342"/>
                  </a:lnTo>
                  <a:cubicBezTo>
                    <a:pt x="22231" y="16517"/>
                    <a:pt x="22055" y="16668"/>
                    <a:pt x="22005" y="16793"/>
                  </a:cubicBezTo>
                  <a:cubicBezTo>
                    <a:pt x="21955" y="16893"/>
                    <a:pt x="21830" y="17119"/>
                    <a:pt x="21780" y="17244"/>
                  </a:cubicBezTo>
                  <a:cubicBezTo>
                    <a:pt x="21780" y="17344"/>
                    <a:pt x="21729" y="17645"/>
                    <a:pt x="21729" y="17795"/>
                  </a:cubicBezTo>
                  <a:cubicBezTo>
                    <a:pt x="21654" y="17921"/>
                    <a:pt x="21729" y="18196"/>
                    <a:pt x="21654" y="18322"/>
                  </a:cubicBezTo>
                  <a:cubicBezTo>
                    <a:pt x="21654" y="18472"/>
                    <a:pt x="21479" y="18698"/>
                    <a:pt x="21379" y="18823"/>
                  </a:cubicBezTo>
                  <a:cubicBezTo>
                    <a:pt x="21328" y="18873"/>
                    <a:pt x="21153" y="18923"/>
                    <a:pt x="21028" y="18998"/>
                  </a:cubicBezTo>
                  <a:cubicBezTo>
                    <a:pt x="20978" y="19049"/>
                    <a:pt x="20752" y="19099"/>
                    <a:pt x="20702" y="19224"/>
                  </a:cubicBezTo>
                  <a:cubicBezTo>
                    <a:pt x="20652" y="19099"/>
                    <a:pt x="20526" y="19049"/>
                    <a:pt x="20426" y="18998"/>
                  </a:cubicBezTo>
                  <a:cubicBezTo>
                    <a:pt x="20426" y="18923"/>
                    <a:pt x="20301" y="18873"/>
                    <a:pt x="20251" y="18873"/>
                  </a:cubicBezTo>
                  <a:cubicBezTo>
                    <a:pt x="20125" y="18873"/>
                    <a:pt x="20025" y="18998"/>
                    <a:pt x="19900" y="18998"/>
                  </a:cubicBezTo>
                  <a:cubicBezTo>
                    <a:pt x="19850" y="18998"/>
                    <a:pt x="19800" y="18923"/>
                    <a:pt x="19749" y="18923"/>
                  </a:cubicBezTo>
                  <a:cubicBezTo>
                    <a:pt x="19699" y="18923"/>
                    <a:pt x="19574" y="18873"/>
                    <a:pt x="19474" y="18873"/>
                  </a:cubicBezTo>
                  <a:cubicBezTo>
                    <a:pt x="19399" y="18873"/>
                    <a:pt x="19348" y="18998"/>
                    <a:pt x="19298" y="18998"/>
                  </a:cubicBezTo>
                  <a:cubicBezTo>
                    <a:pt x="19248" y="19049"/>
                    <a:pt x="19073" y="19149"/>
                    <a:pt x="19073" y="19224"/>
                  </a:cubicBezTo>
                  <a:cubicBezTo>
                    <a:pt x="19123" y="19274"/>
                    <a:pt x="19298" y="19274"/>
                    <a:pt x="19298" y="19324"/>
                  </a:cubicBezTo>
                  <a:cubicBezTo>
                    <a:pt x="19298" y="19324"/>
                    <a:pt x="19248" y="19450"/>
                    <a:pt x="19248" y="19500"/>
                  </a:cubicBezTo>
                  <a:cubicBezTo>
                    <a:pt x="19173" y="19550"/>
                    <a:pt x="18947" y="19600"/>
                    <a:pt x="18897" y="19600"/>
                  </a:cubicBezTo>
                  <a:cubicBezTo>
                    <a:pt x="18847" y="19600"/>
                    <a:pt x="18722" y="19500"/>
                    <a:pt x="18672" y="19500"/>
                  </a:cubicBezTo>
                  <a:cubicBezTo>
                    <a:pt x="18622" y="19450"/>
                    <a:pt x="18546" y="19324"/>
                    <a:pt x="18496" y="19324"/>
                  </a:cubicBezTo>
                  <a:cubicBezTo>
                    <a:pt x="18446" y="19274"/>
                    <a:pt x="18271" y="19324"/>
                    <a:pt x="18221" y="19274"/>
                  </a:cubicBezTo>
                  <a:cubicBezTo>
                    <a:pt x="18171" y="19274"/>
                    <a:pt x="18095" y="19224"/>
                    <a:pt x="18045" y="19149"/>
                  </a:cubicBezTo>
                  <a:cubicBezTo>
                    <a:pt x="17995" y="19099"/>
                    <a:pt x="17820" y="18923"/>
                    <a:pt x="17719" y="18873"/>
                  </a:cubicBezTo>
                  <a:cubicBezTo>
                    <a:pt x="17594" y="18823"/>
                    <a:pt x="17318" y="18873"/>
                    <a:pt x="17218" y="18823"/>
                  </a:cubicBezTo>
                  <a:cubicBezTo>
                    <a:pt x="17093" y="18773"/>
                    <a:pt x="16917" y="18698"/>
                    <a:pt x="16817" y="18648"/>
                  </a:cubicBezTo>
                  <a:lnTo>
                    <a:pt x="16316" y="18648"/>
                  </a:lnTo>
                  <a:cubicBezTo>
                    <a:pt x="16140" y="18648"/>
                    <a:pt x="15790" y="18698"/>
                    <a:pt x="15614" y="18773"/>
                  </a:cubicBezTo>
                  <a:cubicBezTo>
                    <a:pt x="15464" y="18823"/>
                    <a:pt x="15188" y="18998"/>
                    <a:pt x="15063" y="19099"/>
                  </a:cubicBezTo>
                  <a:cubicBezTo>
                    <a:pt x="15013" y="19099"/>
                    <a:pt x="14837" y="19149"/>
                    <a:pt x="14837" y="19224"/>
                  </a:cubicBezTo>
                  <a:cubicBezTo>
                    <a:pt x="14787" y="19274"/>
                    <a:pt x="14837" y="19324"/>
                    <a:pt x="14837" y="19374"/>
                  </a:cubicBezTo>
                  <a:cubicBezTo>
                    <a:pt x="14787" y="19450"/>
                    <a:pt x="14737" y="19600"/>
                    <a:pt x="14662" y="19600"/>
                  </a:cubicBezTo>
                  <a:cubicBezTo>
                    <a:pt x="14612" y="19675"/>
                    <a:pt x="14436" y="19600"/>
                    <a:pt x="14386" y="19550"/>
                  </a:cubicBezTo>
                  <a:cubicBezTo>
                    <a:pt x="14286" y="19550"/>
                    <a:pt x="14110" y="19450"/>
                    <a:pt x="14060" y="19374"/>
                  </a:cubicBezTo>
                  <a:cubicBezTo>
                    <a:pt x="13985" y="19274"/>
                    <a:pt x="13985" y="19099"/>
                    <a:pt x="13935" y="19049"/>
                  </a:cubicBezTo>
                  <a:cubicBezTo>
                    <a:pt x="13885" y="18923"/>
                    <a:pt x="13835" y="18648"/>
                    <a:pt x="13759" y="18547"/>
                  </a:cubicBezTo>
                  <a:cubicBezTo>
                    <a:pt x="13659" y="18422"/>
                    <a:pt x="13384" y="18196"/>
                    <a:pt x="13208" y="18096"/>
                  </a:cubicBezTo>
                  <a:cubicBezTo>
                    <a:pt x="13083" y="17971"/>
                    <a:pt x="12807" y="17745"/>
                    <a:pt x="12632" y="17695"/>
                  </a:cubicBezTo>
                  <a:cubicBezTo>
                    <a:pt x="12531" y="17645"/>
                    <a:pt x="12256" y="17570"/>
                    <a:pt x="12130" y="17520"/>
                  </a:cubicBezTo>
                  <a:cubicBezTo>
                    <a:pt x="12030" y="17470"/>
                    <a:pt x="11805" y="17420"/>
                    <a:pt x="11729" y="17420"/>
                  </a:cubicBezTo>
                  <a:cubicBezTo>
                    <a:pt x="11629" y="17420"/>
                    <a:pt x="11504" y="17470"/>
                    <a:pt x="11454" y="17470"/>
                  </a:cubicBezTo>
                  <a:cubicBezTo>
                    <a:pt x="11404" y="17470"/>
                    <a:pt x="11353" y="17420"/>
                    <a:pt x="11278" y="17420"/>
                  </a:cubicBezTo>
                  <a:cubicBezTo>
                    <a:pt x="11228" y="17294"/>
                    <a:pt x="11178" y="17119"/>
                    <a:pt x="11053" y="17069"/>
                  </a:cubicBezTo>
                  <a:cubicBezTo>
                    <a:pt x="10952" y="17018"/>
                    <a:pt x="10727" y="16968"/>
                    <a:pt x="10602" y="17018"/>
                  </a:cubicBezTo>
                  <a:cubicBezTo>
                    <a:pt x="10551" y="17018"/>
                    <a:pt x="10376" y="17069"/>
                    <a:pt x="10326" y="17069"/>
                  </a:cubicBezTo>
                  <a:lnTo>
                    <a:pt x="10100" y="17069"/>
                  </a:lnTo>
                  <a:cubicBezTo>
                    <a:pt x="10000" y="17018"/>
                    <a:pt x="9825" y="16668"/>
                    <a:pt x="9774" y="16567"/>
                  </a:cubicBezTo>
                  <a:cubicBezTo>
                    <a:pt x="9649" y="16342"/>
                    <a:pt x="9373" y="15841"/>
                    <a:pt x="9198" y="15615"/>
                  </a:cubicBezTo>
                  <a:cubicBezTo>
                    <a:pt x="9098" y="15389"/>
                    <a:pt x="8747" y="14988"/>
                    <a:pt x="8571" y="14813"/>
                  </a:cubicBezTo>
                  <a:cubicBezTo>
                    <a:pt x="8421" y="14638"/>
                    <a:pt x="8070" y="14312"/>
                    <a:pt x="7845" y="14136"/>
                  </a:cubicBezTo>
                  <a:cubicBezTo>
                    <a:pt x="7744" y="14036"/>
                    <a:pt x="7444" y="13735"/>
                    <a:pt x="7218" y="13635"/>
                  </a:cubicBezTo>
                  <a:cubicBezTo>
                    <a:pt x="7118" y="13585"/>
                    <a:pt x="6717" y="13510"/>
                    <a:pt x="6541" y="13409"/>
                  </a:cubicBezTo>
                  <a:cubicBezTo>
                    <a:pt x="6441" y="13409"/>
                    <a:pt x="6266" y="13359"/>
                    <a:pt x="6216" y="13234"/>
                  </a:cubicBezTo>
                  <a:cubicBezTo>
                    <a:pt x="6165" y="13184"/>
                    <a:pt x="6216" y="13059"/>
                    <a:pt x="6216" y="13008"/>
                  </a:cubicBezTo>
                  <a:cubicBezTo>
                    <a:pt x="6216" y="12908"/>
                    <a:pt x="6090" y="12783"/>
                    <a:pt x="6090" y="12683"/>
                  </a:cubicBezTo>
                  <a:cubicBezTo>
                    <a:pt x="6040" y="12557"/>
                    <a:pt x="6090" y="12332"/>
                    <a:pt x="6090" y="12232"/>
                  </a:cubicBezTo>
                  <a:cubicBezTo>
                    <a:pt x="6040" y="12056"/>
                    <a:pt x="5865" y="11780"/>
                    <a:pt x="5815" y="11605"/>
                  </a:cubicBezTo>
                  <a:cubicBezTo>
                    <a:pt x="5764" y="11505"/>
                    <a:pt x="5639" y="11154"/>
                    <a:pt x="5489" y="11054"/>
                  </a:cubicBezTo>
                  <a:cubicBezTo>
                    <a:pt x="5363" y="10878"/>
                    <a:pt x="4962" y="10753"/>
                    <a:pt x="4812" y="10653"/>
                  </a:cubicBezTo>
                  <a:cubicBezTo>
                    <a:pt x="4637" y="10527"/>
                    <a:pt x="4411" y="10201"/>
                    <a:pt x="4236" y="10026"/>
                  </a:cubicBezTo>
                  <a:cubicBezTo>
                    <a:pt x="4135" y="9976"/>
                    <a:pt x="3835" y="9750"/>
                    <a:pt x="3734" y="9625"/>
                  </a:cubicBezTo>
                  <a:cubicBezTo>
                    <a:pt x="3609" y="9625"/>
                    <a:pt x="3459" y="9525"/>
                    <a:pt x="3383" y="9525"/>
                  </a:cubicBezTo>
                  <a:cubicBezTo>
                    <a:pt x="3283" y="9525"/>
                    <a:pt x="3058" y="9625"/>
                    <a:pt x="2932" y="9625"/>
                  </a:cubicBezTo>
                  <a:lnTo>
                    <a:pt x="2707" y="9625"/>
                  </a:lnTo>
                  <a:cubicBezTo>
                    <a:pt x="2657" y="9575"/>
                    <a:pt x="2607" y="9399"/>
                    <a:pt x="2556" y="9349"/>
                  </a:cubicBezTo>
                  <a:cubicBezTo>
                    <a:pt x="2481" y="9249"/>
                    <a:pt x="2431" y="9074"/>
                    <a:pt x="2381" y="8948"/>
                  </a:cubicBezTo>
                  <a:cubicBezTo>
                    <a:pt x="2256" y="8848"/>
                    <a:pt x="2105" y="8622"/>
                    <a:pt x="1980" y="8497"/>
                  </a:cubicBezTo>
                  <a:cubicBezTo>
                    <a:pt x="1930" y="8397"/>
                    <a:pt x="1805" y="8221"/>
                    <a:pt x="1805" y="8121"/>
                  </a:cubicBezTo>
                  <a:cubicBezTo>
                    <a:pt x="1754" y="8121"/>
                    <a:pt x="1805" y="7996"/>
                    <a:pt x="1805" y="7946"/>
                  </a:cubicBezTo>
                  <a:cubicBezTo>
                    <a:pt x="1754" y="7896"/>
                    <a:pt x="1579" y="7820"/>
                    <a:pt x="1579" y="7770"/>
                  </a:cubicBezTo>
                  <a:cubicBezTo>
                    <a:pt x="1529" y="7720"/>
                    <a:pt x="1579" y="7595"/>
                    <a:pt x="1529" y="7545"/>
                  </a:cubicBezTo>
                  <a:cubicBezTo>
                    <a:pt x="1529" y="7445"/>
                    <a:pt x="1353" y="7269"/>
                    <a:pt x="1303" y="7144"/>
                  </a:cubicBezTo>
                  <a:cubicBezTo>
                    <a:pt x="1303" y="7044"/>
                    <a:pt x="1253" y="6868"/>
                    <a:pt x="1203" y="6768"/>
                  </a:cubicBezTo>
                  <a:cubicBezTo>
                    <a:pt x="1128" y="6642"/>
                    <a:pt x="977" y="6467"/>
                    <a:pt x="852" y="6367"/>
                  </a:cubicBezTo>
                  <a:cubicBezTo>
                    <a:pt x="677" y="6241"/>
                    <a:pt x="301" y="5966"/>
                    <a:pt x="125" y="5866"/>
                  </a:cubicBezTo>
                  <a:cubicBezTo>
                    <a:pt x="125" y="5866"/>
                    <a:pt x="75" y="5866"/>
                    <a:pt x="0" y="5790"/>
                  </a:cubicBezTo>
                  <a:cubicBezTo>
                    <a:pt x="125" y="5740"/>
                    <a:pt x="175" y="5640"/>
                    <a:pt x="226" y="5565"/>
                  </a:cubicBezTo>
                  <a:cubicBezTo>
                    <a:pt x="301" y="5515"/>
                    <a:pt x="526" y="5515"/>
                    <a:pt x="627" y="5465"/>
                  </a:cubicBezTo>
                  <a:cubicBezTo>
                    <a:pt x="752" y="5465"/>
                    <a:pt x="902" y="5465"/>
                    <a:pt x="977" y="5414"/>
                  </a:cubicBezTo>
                  <a:cubicBezTo>
                    <a:pt x="1078" y="5339"/>
                    <a:pt x="1253" y="5289"/>
                    <a:pt x="1303" y="5189"/>
                  </a:cubicBezTo>
                  <a:cubicBezTo>
                    <a:pt x="1353" y="5114"/>
                    <a:pt x="1479" y="4963"/>
                    <a:pt x="1429" y="4838"/>
                  </a:cubicBezTo>
                  <a:cubicBezTo>
                    <a:pt x="1429" y="4738"/>
                    <a:pt x="1253" y="4612"/>
                    <a:pt x="1203" y="4562"/>
                  </a:cubicBezTo>
                  <a:cubicBezTo>
                    <a:pt x="1078" y="4512"/>
                    <a:pt x="902" y="4612"/>
                    <a:pt x="802" y="4562"/>
                  </a:cubicBezTo>
                  <a:cubicBezTo>
                    <a:pt x="752" y="4512"/>
                    <a:pt x="677" y="4337"/>
                    <a:pt x="677" y="4287"/>
                  </a:cubicBezTo>
                  <a:cubicBezTo>
                    <a:pt x="677" y="4161"/>
                    <a:pt x="852" y="4061"/>
                    <a:pt x="977" y="3986"/>
                  </a:cubicBezTo>
                  <a:cubicBezTo>
                    <a:pt x="1028" y="3986"/>
                    <a:pt x="1253" y="3986"/>
                    <a:pt x="1353" y="3936"/>
                  </a:cubicBezTo>
                  <a:cubicBezTo>
                    <a:pt x="1529" y="3936"/>
                    <a:pt x="1930" y="3835"/>
                    <a:pt x="1980" y="3835"/>
                  </a:cubicBezTo>
                  <a:close/>
                </a:path>
              </a:pathLst>
            </a:custGeom>
            <a:noFill/>
            <a:ln w="7525" cap="flat" cmpd="sng">
              <a:solidFill>
                <a:srgbClr val="000202"/>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02" name="Google Shape;259;p16">
              <a:extLst>
                <a:ext uri="{FF2B5EF4-FFF2-40B4-BE49-F238E27FC236}">
                  <a16:creationId xmlns:a16="http://schemas.microsoft.com/office/drawing/2014/main" id="{8030B61E-A60F-4F0D-4060-CA396B3C11F1}"/>
                </a:ext>
              </a:extLst>
            </p:cNvPr>
            <p:cNvSpPr/>
            <p:nvPr/>
          </p:nvSpPr>
          <p:spPr>
            <a:xfrm>
              <a:off x="1605395" y="3051767"/>
              <a:ext cx="439331" cy="817037"/>
            </a:xfrm>
            <a:custGeom>
              <a:avLst/>
              <a:gdLst/>
              <a:ahLst/>
              <a:cxnLst/>
              <a:rect l="l" t="t" r="r" b="b"/>
              <a:pathLst>
                <a:path w="15741" h="29274" extrusionOk="0">
                  <a:moveTo>
                    <a:pt x="6517" y="28948"/>
                  </a:moveTo>
                  <a:cubicBezTo>
                    <a:pt x="6517" y="28998"/>
                    <a:pt x="6392" y="28998"/>
                    <a:pt x="6342" y="28998"/>
                  </a:cubicBezTo>
                  <a:cubicBezTo>
                    <a:pt x="6292" y="28998"/>
                    <a:pt x="6166" y="28948"/>
                    <a:pt x="6116" y="28948"/>
                  </a:cubicBezTo>
                  <a:cubicBezTo>
                    <a:pt x="6116" y="28873"/>
                    <a:pt x="6116" y="28822"/>
                    <a:pt x="6066" y="28772"/>
                  </a:cubicBezTo>
                  <a:lnTo>
                    <a:pt x="5966" y="28772"/>
                  </a:lnTo>
                  <a:cubicBezTo>
                    <a:pt x="5891" y="28772"/>
                    <a:pt x="5891" y="28873"/>
                    <a:pt x="5841" y="28873"/>
                  </a:cubicBezTo>
                  <a:cubicBezTo>
                    <a:pt x="5790" y="28873"/>
                    <a:pt x="5740" y="28772"/>
                    <a:pt x="5665" y="28722"/>
                  </a:cubicBezTo>
                  <a:cubicBezTo>
                    <a:pt x="5665" y="28647"/>
                    <a:pt x="5665" y="28547"/>
                    <a:pt x="5615" y="28497"/>
                  </a:cubicBezTo>
                  <a:cubicBezTo>
                    <a:pt x="5615" y="28421"/>
                    <a:pt x="5440" y="28421"/>
                    <a:pt x="5389" y="28421"/>
                  </a:cubicBezTo>
                  <a:cubicBezTo>
                    <a:pt x="5339" y="28371"/>
                    <a:pt x="5289" y="28271"/>
                    <a:pt x="5214" y="28271"/>
                  </a:cubicBezTo>
                  <a:cubicBezTo>
                    <a:pt x="5164" y="28271"/>
                    <a:pt x="5114" y="28421"/>
                    <a:pt x="5064" y="28421"/>
                  </a:cubicBezTo>
                  <a:cubicBezTo>
                    <a:pt x="5064" y="28497"/>
                    <a:pt x="4938" y="28421"/>
                    <a:pt x="4888" y="28497"/>
                  </a:cubicBezTo>
                  <a:cubicBezTo>
                    <a:pt x="4838" y="28497"/>
                    <a:pt x="4713" y="28547"/>
                    <a:pt x="4663" y="28597"/>
                  </a:cubicBezTo>
                  <a:cubicBezTo>
                    <a:pt x="4613" y="28597"/>
                    <a:pt x="4613" y="28722"/>
                    <a:pt x="4537" y="28772"/>
                  </a:cubicBezTo>
                  <a:cubicBezTo>
                    <a:pt x="4537" y="28772"/>
                    <a:pt x="4487" y="28822"/>
                    <a:pt x="4487" y="28873"/>
                  </a:cubicBezTo>
                  <a:cubicBezTo>
                    <a:pt x="4487" y="28948"/>
                    <a:pt x="4613" y="28998"/>
                    <a:pt x="4613" y="29048"/>
                  </a:cubicBezTo>
                  <a:cubicBezTo>
                    <a:pt x="4613" y="29098"/>
                    <a:pt x="4537" y="29223"/>
                    <a:pt x="4537" y="29223"/>
                  </a:cubicBezTo>
                  <a:cubicBezTo>
                    <a:pt x="4487" y="29274"/>
                    <a:pt x="4387" y="29223"/>
                    <a:pt x="4387" y="29223"/>
                  </a:cubicBezTo>
                  <a:cubicBezTo>
                    <a:pt x="4312" y="29173"/>
                    <a:pt x="4262" y="29048"/>
                    <a:pt x="4262" y="29048"/>
                  </a:cubicBezTo>
                  <a:cubicBezTo>
                    <a:pt x="4262" y="28998"/>
                    <a:pt x="4387" y="28873"/>
                    <a:pt x="4312" y="28822"/>
                  </a:cubicBezTo>
                  <a:cubicBezTo>
                    <a:pt x="4262" y="28772"/>
                    <a:pt x="4161" y="28873"/>
                    <a:pt x="4086" y="28873"/>
                  </a:cubicBezTo>
                  <a:cubicBezTo>
                    <a:pt x="4086" y="28822"/>
                    <a:pt x="4036" y="28772"/>
                    <a:pt x="4036" y="28722"/>
                  </a:cubicBezTo>
                  <a:cubicBezTo>
                    <a:pt x="4036" y="28647"/>
                    <a:pt x="3986" y="28497"/>
                    <a:pt x="4036" y="28371"/>
                  </a:cubicBezTo>
                  <a:cubicBezTo>
                    <a:pt x="4036" y="28321"/>
                    <a:pt x="4086" y="28146"/>
                    <a:pt x="4161" y="28046"/>
                  </a:cubicBezTo>
                  <a:lnTo>
                    <a:pt x="4262" y="27970"/>
                  </a:lnTo>
                  <a:cubicBezTo>
                    <a:pt x="4262" y="27920"/>
                    <a:pt x="4212" y="27820"/>
                    <a:pt x="4161" y="27745"/>
                  </a:cubicBezTo>
                  <a:cubicBezTo>
                    <a:pt x="4161" y="27745"/>
                    <a:pt x="4036" y="27695"/>
                    <a:pt x="3986" y="27695"/>
                  </a:cubicBezTo>
                  <a:cubicBezTo>
                    <a:pt x="3936" y="27745"/>
                    <a:pt x="3986" y="27870"/>
                    <a:pt x="3986" y="27920"/>
                  </a:cubicBezTo>
                  <a:cubicBezTo>
                    <a:pt x="3986" y="27970"/>
                    <a:pt x="3936" y="28096"/>
                    <a:pt x="3936" y="28096"/>
                  </a:cubicBezTo>
                  <a:cubicBezTo>
                    <a:pt x="3886" y="28096"/>
                    <a:pt x="3811" y="27970"/>
                    <a:pt x="3760" y="27920"/>
                  </a:cubicBezTo>
                  <a:cubicBezTo>
                    <a:pt x="3760" y="27920"/>
                    <a:pt x="3660" y="27870"/>
                    <a:pt x="3660" y="27820"/>
                  </a:cubicBezTo>
                  <a:cubicBezTo>
                    <a:pt x="3585" y="27695"/>
                    <a:pt x="3585" y="27419"/>
                    <a:pt x="3585" y="27244"/>
                  </a:cubicBezTo>
                  <a:cubicBezTo>
                    <a:pt x="3585" y="27193"/>
                    <a:pt x="3660" y="26968"/>
                    <a:pt x="3585" y="26918"/>
                  </a:cubicBezTo>
                  <a:cubicBezTo>
                    <a:pt x="3535" y="26843"/>
                    <a:pt x="3359" y="26918"/>
                    <a:pt x="3359" y="26843"/>
                  </a:cubicBezTo>
                  <a:cubicBezTo>
                    <a:pt x="3309" y="26792"/>
                    <a:pt x="3359" y="26692"/>
                    <a:pt x="3309" y="26617"/>
                  </a:cubicBezTo>
                  <a:cubicBezTo>
                    <a:pt x="3309" y="26567"/>
                    <a:pt x="3134" y="26567"/>
                    <a:pt x="3134" y="26517"/>
                  </a:cubicBezTo>
                  <a:cubicBezTo>
                    <a:pt x="3084" y="26467"/>
                    <a:pt x="3084" y="26391"/>
                    <a:pt x="3084" y="26341"/>
                  </a:cubicBezTo>
                  <a:cubicBezTo>
                    <a:pt x="3084" y="26341"/>
                    <a:pt x="2983" y="26341"/>
                    <a:pt x="2983" y="26291"/>
                  </a:cubicBezTo>
                  <a:cubicBezTo>
                    <a:pt x="2908" y="26291"/>
                    <a:pt x="2858" y="26241"/>
                    <a:pt x="2858" y="26166"/>
                  </a:cubicBezTo>
                  <a:cubicBezTo>
                    <a:pt x="2808" y="26116"/>
                    <a:pt x="2808" y="26015"/>
                    <a:pt x="2758" y="25940"/>
                  </a:cubicBezTo>
                  <a:lnTo>
                    <a:pt x="2532" y="25940"/>
                  </a:lnTo>
                  <a:cubicBezTo>
                    <a:pt x="2457" y="25890"/>
                    <a:pt x="2457" y="25790"/>
                    <a:pt x="2457" y="25715"/>
                  </a:cubicBezTo>
                  <a:cubicBezTo>
                    <a:pt x="2407" y="25614"/>
                    <a:pt x="2357" y="25389"/>
                    <a:pt x="2307" y="25339"/>
                  </a:cubicBezTo>
                  <a:cubicBezTo>
                    <a:pt x="2232" y="25264"/>
                    <a:pt x="2081" y="25163"/>
                    <a:pt x="2006" y="25113"/>
                  </a:cubicBezTo>
                  <a:cubicBezTo>
                    <a:pt x="1956" y="25038"/>
                    <a:pt x="1856" y="24988"/>
                    <a:pt x="1780" y="24888"/>
                  </a:cubicBezTo>
                  <a:cubicBezTo>
                    <a:pt x="1780" y="24762"/>
                    <a:pt x="1780" y="24537"/>
                    <a:pt x="1856" y="24487"/>
                  </a:cubicBezTo>
                  <a:cubicBezTo>
                    <a:pt x="1906" y="24311"/>
                    <a:pt x="2131" y="24136"/>
                    <a:pt x="2232" y="24086"/>
                  </a:cubicBezTo>
                  <a:cubicBezTo>
                    <a:pt x="2307" y="24086"/>
                    <a:pt x="2407" y="24086"/>
                    <a:pt x="2457" y="24035"/>
                  </a:cubicBezTo>
                  <a:cubicBezTo>
                    <a:pt x="2532" y="24035"/>
                    <a:pt x="2532" y="23860"/>
                    <a:pt x="2532" y="23810"/>
                  </a:cubicBezTo>
                  <a:cubicBezTo>
                    <a:pt x="2457" y="23760"/>
                    <a:pt x="2357" y="23584"/>
                    <a:pt x="2307" y="23534"/>
                  </a:cubicBezTo>
                  <a:cubicBezTo>
                    <a:pt x="2232" y="23459"/>
                    <a:pt x="2181" y="23233"/>
                    <a:pt x="2081" y="23183"/>
                  </a:cubicBezTo>
                  <a:lnTo>
                    <a:pt x="1906" y="23183"/>
                  </a:lnTo>
                  <a:cubicBezTo>
                    <a:pt x="1856" y="23133"/>
                    <a:pt x="1906" y="23008"/>
                    <a:pt x="1906" y="22958"/>
                  </a:cubicBezTo>
                  <a:lnTo>
                    <a:pt x="1906" y="22682"/>
                  </a:lnTo>
                  <a:cubicBezTo>
                    <a:pt x="1956" y="22632"/>
                    <a:pt x="2131" y="22557"/>
                    <a:pt x="2131" y="22507"/>
                  </a:cubicBezTo>
                  <a:cubicBezTo>
                    <a:pt x="2181" y="22457"/>
                    <a:pt x="2307" y="22281"/>
                    <a:pt x="2232" y="22181"/>
                  </a:cubicBezTo>
                  <a:cubicBezTo>
                    <a:pt x="2232" y="22106"/>
                    <a:pt x="2181" y="22056"/>
                    <a:pt x="2131" y="22005"/>
                  </a:cubicBezTo>
                  <a:cubicBezTo>
                    <a:pt x="2081" y="21955"/>
                    <a:pt x="1956" y="21955"/>
                    <a:pt x="1956" y="21830"/>
                  </a:cubicBezTo>
                  <a:cubicBezTo>
                    <a:pt x="1906" y="21780"/>
                    <a:pt x="2006" y="21655"/>
                    <a:pt x="2081" y="21604"/>
                  </a:cubicBezTo>
                  <a:cubicBezTo>
                    <a:pt x="2131" y="21554"/>
                    <a:pt x="2307" y="21379"/>
                    <a:pt x="2357" y="21329"/>
                  </a:cubicBezTo>
                  <a:cubicBezTo>
                    <a:pt x="2457" y="21203"/>
                    <a:pt x="2582" y="21053"/>
                    <a:pt x="2633" y="20928"/>
                  </a:cubicBezTo>
                  <a:cubicBezTo>
                    <a:pt x="2683" y="20878"/>
                    <a:pt x="2758" y="20878"/>
                    <a:pt x="2758" y="20827"/>
                  </a:cubicBezTo>
                  <a:cubicBezTo>
                    <a:pt x="2808" y="20752"/>
                    <a:pt x="2758" y="20602"/>
                    <a:pt x="2758" y="20477"/>
                  </a:cubicBezTo>
                  <a:cubicBezTo>
                    <a:pt x="2758" y="20426"/>
                    <a:pt x="2858" y="20301"/>
                    <a:pt x="2858" y="20251"/>
                  </a:cubicBezTo>
                  <a:cubicBezTo>
                    <a:pt x="2858" y="20201"/>
                    <a:pt x="2758" y="20076"/>
                    <a:pt x="2683" y="19975"/>
                  </a:cubicBezTo>
                  <a:cubicBezTo>
                    <a:pt x="2683" y="19925"/>
                    <a:pt x="2758" y="19800"/>
                    <a:pt x="2758" y="19750"/>
                  </a:cubicBezTo>
                  <a:cubicBezTo>
                    <a:pt x="2758" y="19624"/>
                    <a:pt x="2808" y="19449"/>
                    <a:pt x="2758" y="19399"/>
                  </a:cubicBezTo>
                  <a:cubicBezTo>
                    <a:pt x="2758" y="19349"/>
                    <a:pt x="2683" y="19223"/>
                    <a:pt x="2683" y="19173"/>
                  </a:cubicBezTo>
                  <a:cubicBezTo>
                    <a:pt x="2683" y="19123"/>
                    <a:pt x="2758" y="18998"/>
                    <a:pt x="2758" y="18948"/>
                  </a:cubicBezTo>
                  <a:cubicBezTo>
                    <a:pt x="2758" y="18847"/>
                    <a:pt x="2683" y="18622"/>
                    <a:pt x="2633" y="18446"/>
                  </a:cubicBezTo>
                  <a:cubicBezTo>
                    <a:pt x="2633" y="18396"/>
                    <a:pt x="2582" y="18221"/>
                    <a:pt x="2633" y="18171"/>
                  </a:cubicBezTo>
                  <a:cubicBezTo>
                    <a:pt x="2683" y="18096"/>
                    <a:pt x="2808" y="18045"/>
                    <a:pt x="2858" y="18045"/>
                  </a:cubicBezTo>
                  <a:cubicBezTo>
                    <a:pt x="2908" y="18096"/>
                    <a:pt x="3034" y="18321"/>
                    <a:pt x="3084" y="18446"/>
                  </a:cubicBezTo>
                  <a:cubicBezTo>
                    <a:pt x="3084" y="18497"/>
                    <a:pt x="3034" y="18672"/>
                    <a:pt x="3034" y="18722"/>
                  </a:cubicBezTo>
                  <a:cubicBezTo>
                    <a:pt x="3084" y="18772"/>
                    <a:pt x="3259" y="18772"/>
                    <a:pt x="3309" y="18847"/>
                  </a:cubicBezTo>
                  <a:cubicBezTo>
                    <a:pt x="3359" y="18898"/>
                    <a:pt x="3359" y="18998"/>
                    <a:pt x="3435" y="18998"/>
                  </a:cubicBezTo>
                  <a:cubicBezTo>
                    <a:pt x="3485" y="19073"/>
                    <a:pt x="3660" y="19123"/>
                    <a:pt x="3710" y="19073"/>
                  </a:cubicBezTo>
                  <a:cubicBezTo>
                    <a:pt x="3760" y="19073"/>
                    <a:pt x="3811" y="18948"/>
                    <a:pt x="3811" y="18898"/>
                  </a:cubicBezTo>
                  <a:cubicBezTo>
                    <a:pt x="3811" y="18898"/>
                    <a:pt x="3760" y="18772"/>
                    <a:pt x="3710" y="18772"/>
                  </a:cubicBezTo>
                  <a:lnTo>
                    <a:pt x="3660" y="18847"/>
                  </a:lnTo>
                  <a:cubicBezTo>
                    <a:pt x="3585" y="18847"/>
                    <a:pt x="3485" y="18772"/>
                    <a:pt x="3485" y="18722"/>
                  </a:cubicBezTo>
                  <a:cubicBezTo>
                    <a:pt x="3435" y="18722"/>
                    <a:pt x="3359" y="18622"/>
                    <a:pt x="3359" y="18547"/>
                  </a:cubicBezTo>
                  <a:cubicBezTo>
                    <a:pt x="3309" y="18497"/>
                    <a:pt x="3309" y="18321"/>
                    <a:pt x="3359" y="18271"/>
                  </a:cubicBezTo>
                  <a:cubicBezTo>
                    <a:pt x="3359" y="18221"/>
                    <a:pt x="3585" y="18171"/>
                    <a:pt x="3585" y="18096"/>
                  </a:cubicBezTo>
                  <a:cubicBezTo>
                    <a:pt x="3585" y="18045"/>
                    <a:pt x="3485" y="17995"/>
                    <a:pt x="3485" y="17945"/>
                  </a:cubicBezTo>
                  <a:cubicBezTo>
                    <a:pt x="3485" y="17870"/>
                    <a:pt x="3535" y="17770"/>
                    <a:pt x="3535" y="17644"/>
                  </a:cubicBezTo>
                  <a:cubicBezTo>
                    <a:pt x="3585" y="17594"/>
                    <a:pt x="3585" y="17494"/>
                    <a:pt x="3660" y="17419"/>
                  </a:cubicBezTo>
                  <a:cubicBezTo>
                    <a:pt x="3660" y="17419"/>
                    <a:pt x="3710" y="17544"/>
                    <a:pt x="3760" y="17544"/>
                  </a:cubicBezTo>
                  <a:cubicBezTo>
                    <a:pt x="3811" y="17544"/>
                    <a:pt x="3811" y="17419"/>
                    <a:pt x="3811" y="17369"/>
                  </a:cubicBezTo>
                  <a:cubicBezTo>
                    <a:pt x="3760" y="17319"/>
                    <a:pt x="3660" y="17319"/>
                    <a:pt x="3585" y="17269"/>
                  </a:cubicBezTo>
                  <a:cubicBezTo>
                    <a:pt x="3585" y="17193"/>
                    <a:pt x="3585" y="17043"/>
                    <a:pt x="3660" y="16968"/>
                  </a:cubicBezTo>
                  <a:cubicBezTo>
                    <a:pt x="3660" y="16918"/>
                    <a:pt x="3710" y="16742"/>
                    <a:pt x="3760" y="16742"/>
                  </a:cubicBezTo>
                  <a:cubicBezTo>
                    <a:pt x="3811" y="16742"/>
                    <a:pt x="3886" y="16918"/>
                    <a:pt x="3936" y="16968"/>
                  </a:cubicBezTo>
                  <a:cubicBezTo>
                    <a:pt x="3986" y="16968"/>
                    <a:pt x="4086" y="17043"/>
                    <a:pt x="4161" y="16968"/>
                  </a:cubicBezTo>
                  <a:cubicBezTo>
                    <a:pt x="4212" y="16968"/>
                    <a:pt x="4262" y="16868"/>
                    <a:pt x="4262" y="16817"/>
                  </a:cubicBezTo>
                  <a:cubicBezTo>
                    <a:pt x="4212" y="16742"/>
                    <a:pt x="4086" y="16692"/>
                    <a:pt x="4086" y="16642"/>
                  </a:cubicBezTo>
                  <a:cubicBezTo>
                    <a:pt x="4036" y="16592"/>
                    <a:pt x="4086" y="16416"/>
                    <a:pt x="4036" y="16366"/>
                  </a:cubicBezTo>
                  <a:cubicBezTo>
                    <a:pt x="4036" y="16291"/>
                    <a:pt x="3936" y="16291"/>
                    <a:pt x="3886" y="16291"/>
                  </a:cubicBezTo>
                  <a:cubicBezTo>
                    <a:pt x="3811" y="16291"/>
                    <a:pt x="3660" y="16241"/>
                    <a:pt x="3660" y="16291"/>
                  </a:cubicBezTo>
                  <a:cubicBezTo>
                    <a:pt x="3585" y="16291"/>
                    <a:pt x="3660" y="16467"/>
                    <a:pt x="3660" y="16517"/>
                  </a:cubicBezTo>
                  <a:cubicBezTo>
                    <a:pt x="3660" y="16517"/>
                    <a:pt x="3660" y="16642"/>
                    <a:pt x="3585" y="16642"/>
                  </a:cubicBezTo>
                  <a:cubicBezTo>
                    <a:pt x="3535" y="16642"/>
                    <a:pt x="3435" y="16592"/>
                    <a:pt x="3359" y="16517"/>
                  </a:cubicBezTo>
                  <a:cubicBezTo>
                    <a:pt x="3359" y="16467"/>
                    <a:pt x="3309" y="16366"/>
                    <a:pt x="3259" y="16366"/>
                  </a:cubicBezTo>
                  <a:cubicBezTo>
                    <a:pt x="3209" y="16291"/>
                    <a:pt x="3034" y="16291"/>
                    <a:pt x="2983" y="16366"/>
                  </a:cubicBezTo>
                  <a:cubicBezTo>
                    <a:pt x="2908" y="16366"/>
                    <a:pt x="2758" y="16416"/>
                    <a:pt x="2758" y="16467"/>
                  </a:cubicBezTo>
                  <a:lnTo>
                    <a:pt x="2858" y="16517"/>
                  </a:lnTo>
                  <a:cubicBezTo>
                    <a:pt x="2858" y="16592"/>
                    <a:pt x="2808" y="16692"/>
                    <a:pt x="2808" y="16692"/>
                  </a:cubicBezTo>
                  <a:cubicBezTo>
                    <a:pt x="2758" y="16742"/>
                    <a:pt x="2633" y="16817"/>
                    <a:pt x="2633" y="16742"/>
                  </a:cubicBezTo>
                  <a:cubicBezTo>
                    <a:pt x="2582" y="16742"/>
                    <a:pt x="2582" y="16517"/>
                    <a:pt x="2582" y="16467"/>
                  </a:cubicBezTo>
                  <a:cubicBezTo>
                    <a:pt x="2532" y="16467"/>
                    <a:pt x="2357" y="16467"/>
                    <a:pt x="2307" y="16416"/>
                  </a:cubicBezTo>
                  <a:cubicBezTo>
                    <a:pt x="2307" y="16416"/>
                    <a:pt x="2232" y="16291"/>
                    <a:pt x="2232" y="16241"/>
                  </a:cubicBezTo>
                  <a:cubicBezTo>
                    <a:pt x="2181" y="16141"/>
                    <a:pt x="2232" y="15840"/>
                    <a:pt x="2232" y="15690"/>
                  </a:cubicBezTo>
                  <a:cubicBezTo>
                    <a:pt x="2232" y="15614"/>
                    <a:pt x="2232" y="15464"/>
                    <a:pt x="2307" y="15389"/>
                  </a:cubicBezTo>
                  <a:cubicBezTo>
                    <a:pt x="2307" y="15339"/>
                    <a:pt x="2407" y="15289"/>
                    <a:pt x="2407" y="15238"/>
                  </a:cubicBezTo>
                  <a:cubicBezTo>
                    <a:pt x="2457" y="15163"/>
                    <a:pt x="2407" y="15063"/>
                    <a:pt x="2407" y="15013"/>
                  </a:cubicBezTo>
                  <a:cubicBezTo>
                    <a:pt x="2357" y="14938"/>
                    <a:pt x="2181" y="15013"/>
                    <a:pt x="2181" y="14938"/>
                  </a:cubicBezTo>
                  <a:cubicBezTo>
                    <a:pt x="2131" y="14888"/>
                    <a:pt x="2081" y="14787"/>
                    <a:pt x="2131" y="14712"/>
                  </a:cubicBezTo>
                  <a:cubicBezTo>
                    <a:pt x="2181" y="14662"/>
                    <a:pt x="2357" y="14612"/>
                    <a:pt x="2457" y="14612"/>
                  </a:cubicBezTo>
                  <a:cubicBezTo>
                    <a:pt x="2532" y="14562"/>
                    <a:pt x="2633" y="14662"/>
                    <a:pt x="2683" y="14612"/>
                  </a:cubicBezTo>
                  <a:cubicBezTo>
                    <a:pt x="2808" y="14612"/>
                    <a:pt x="2908" y="14487"/>
                    <a:pt x="3034" y="14436"/>
                  </a:cubicBezTo>
                  <a:cubicBezTo>
                    <a:pt x="3034" y="14436"/>
                    <a:pt x="3084" y="14386"/>
                    <a:pt x="3134" y="14336"/>
                  </a:cubicBezTo>
                  <a:cubicBezTo>
                    <a:pt x="3134" y="14211"/>
                    <a:pt x="3084" y="13985"/>
                    <a:pt x="3084" y="13885"/>
                  </a:cubicBezTo>
                  <a:cubicBezTo>
                    <a:pt x="3034" y="13810"/>
                    <a:pt x="2983" y="13760"/>
                    <a:pt x="2983" y="13710"/>
                  </a:cubicBezTo>
                  <a:cubicBezTo>
                    <a:pt x="2908" y="13584"/>
                    <a:pt x="2983" y="13359"/>
                    <a:pt x="2983" y="13309"/>
                  </a:cubicBezTo>
                  <a:cubicBezTo>
                    <a:pt x="2983" y="13208"/>
                    <a:pt x="2858" y="13133"/>
                    <a:pt x="2858" y="13083"/>
                  </a:cubicBezTo>
                  <a:cubicBezTo>
                    <a:pt x="2858" y="13033"/>
                    <a:pt x="2983" y="12983"/>
                    <a:pt x="2983" y="12908"/>
                  </a:cubicBezTo>
                  <a:cubicBezTo>
                    <a:pt x="2983" y="12857"/>
                    <a:pt x="3034" y="12757"/>
                    <a:pt x="3084" y="12682"/>
                  </a:cubicBezTo>
                  <a:cubicBezTo>
                    <a:pt x="3084" y="12632"/>
                    <a:pt x="2983" y="12456"/>
                    <a:pt x="3034" y="12406"/>
                  </a:cubicBezTo>
                  <a:cubicBezTo>
                    <a:pt x="3034" y="12356"/>
                    <a:pt x="3134" y="12356"/>
                    <a:pt x="3134" y="12306"/>
                  </a:cubicBezTo>
                  <a:lnTo>
                    <a:pt x="3134" y="11955"/>
                  </a:lnTo>
                  <a:lnTo>
                    <a:pt x="3134" y="11780"/>
                  </a:lnTo>
                  <a:cubicBezTo>
                    <a:pt x="3134" y="11680"/>
                    <a:pt x="3034" y="11504"/>
                    <a:pt x="2983" y="11454"/>
                  </a:cubicBezTo>
                  <a:cubicBezTo>
                    <a:pt x="2908" y="11404"/>
                    <a:pt x="2758" y="11404"/>
                    <a:pt x="2683" y="11329"/>
                  </a:cubicBezTo>
                  <a:cubicBezTo>
                    <a:pt x="2683" y="11279"/>
                    <a:pt x="2683" y="11228"/>
                    <a:pt x="2633" y="11178"/>
                  </a:cubicBezTo>
                  <a:cubicBezTo>
                    <a:pt x="2582" y="11103"/>
                    <a:pt x="2357" y="11178"/>
                    <a:pt x="2307" y="11103"/>
                  </a:cubicBezTo>
                  <a:cubicBezTo>
                    <a:pt x="2307" y="11103"/>
                    <a:pt x="2307" y="11003"/>
                    <a:pt x="2232" y="11003"/>
                  </a:cubicBezTo>
                  <a:cubicBezTo>
                    <a:pt x="2232" y="10878"/>
                    <a:pt x="2307" y="10652"/>
                    <a:pt x="2307" y="10552"/>
                  </a:cubicBezTo>
                  <a:cubicBezTo>
                    <a:pt x="2307" y="10426"/>
                    <a:pt x="2357" y="10251"/>
                    <a:pt x="2357" y="10201"/>
                  </a:cubicBezTo>
                  <a:cubicBezTo>
                    <a:pt x="2357" y="10025"/>
                    <a:pt x="2181" y="9875"/>
                    <a:pt x="2181" y="9750"/>
                  </a:cubicBezTo>
                  <a:cubicBezTo>
                    <a:pt x="2131" y="9574"/>
                    <a:pt x="2232" y="9349"/>
                    <a:pt x="2181" y="9248"/>
                  </a:cubicBezTo>
                  <a:cubicBezTo>
                    <a:pt x="2131" y="9198"/>
                    <a:pt x="1956" y="9198"/>
                    <a:pt x="1906" y="9123"/>
                  </a:cubicBezTo>
                  <a:cubicBezTo>
                    <a:pt x="1906" y="9073"/>
                    <a:pt x="1856" y="9073"/>
                    <a:pt x="1780" y="9023"/>
                  </a:cubicBezTo>
                  <a:lnTo>
                    <a:pt x="1780" y="8672"/>
                  </a:lnTo>
                  <a:cubicBezTo>
                    <a:pt x="1730" y="8622"/>
                    <a:pt x="1680" y="8522"/>
                    <a:pt x="1680" y="8446"/>
                  </a:cubicBezTo>
                  <a:cubicBezTo>
                    <a:pt x="1680" y="8396"/>
                    <a:pt x="1730" y="8221"/>
                    <a:pt x="1680" y="8171"/>
                  </a:cubicBezTo>
                  <a:cubicBezTo>
                    <a:pt x="1680" y="8121"/>
                    <a:pt x="1455" y="7995"/>
                    <a:pt x="1354" y="7995"/>
                  </a:cubicBezTo>
                  <a:cubicBezTo>
                    <a:pt x="1279" y="7995"/>
                    <a:pt x="1229" y="8070"/>
                    <a:pt x="1179" y="8070"/>
                  </a:cubicBezTo>
                  <a:cubicBezTo>
                    <a:pt x="1129" y="8070"/>
                    <a:pt x="1054" y="7995"/>
                    <a:pt x="1003" y="7995"/>
                  </a:cubicBezTo>
                  <a:cubicBezTo>
                    <a:pt x="953" y="8070"/>
                    <a:pt x="1003" y="8171"/>
                    <a:pt x="953" y="8221"/>
                  </a:cubicBezTo>
                  <a:lnTo>
                    <a:pt x="728" y="8221"/>
                  </a:lnTo>
                  <a:cubicBezTo>
                    <a:pt x="678" y="8221"/>
                    <a:pt x="602" y="8171"/>
                    <a:pt x="602" y="8121"/>
                  </a:cubicBezTo>
                  <a:cubicBezTo>
                    <a:pt x="552" y="8070"/>
                    <a:pt x="602" y="7895"/>
                    <a:pt x="602" y="7845"/>
                  </a:cubicBezTo>
                  <a:cubicBezTo>
                    <a:pt x="602" y="7845"/>
                    <a:pt x="678" y="7770"/>
                    <a:pt x="678" y="7720"/>
                  </a:cubicBezTo>
                  <a:lnTo>
                    <a:pt x="678" y="7619"/>
                  </a:lnTo>
                  <a:cubicBezTo>
                    <a:pt x="602" y="7619"/>
                    <a:pt x="502" y="7669"/>
                    <a:pt x="452" y="7669"/>
                  </a:cubicBezTo>
                  <a:cubicBezTo>
                    <a:pt x="377" y="7770"/>
                    <a:pt x="452" y="7945"/>
                    <a:pt x="377" y="7995"/>
                  </a:cubicBezTo>
                  <a:cubicBezTo>
                    <a:pt x="377" y="8070"/>
                    <a:pt x="277" y="8070"/>
                    <a:pt x="277" y="8121"/>
                  </a:cubicBezTo>
                  <a:cubicBezTo>
                    <a:pt x="227" y="8171"/>
                    <a:pt x="327" y="8346"/>
                    <a:pt x="277" y="8396"/>
                  </a:cubicBezTo>
                  <a:lnTo>
                    <a:pt x="101" y="8396"/>
                  </a:lnTo>
                  <a:cubicBezTo>
                    <a:pt x="51" y="8346"/>
                    <a:pt x="51" y="8121"/>
                    <a:pt x="51" y="7995"/>
                  </a:cubicBezTo>
                  <a:cubicBezTo>
                    <a:pt x="51" y="7895"/>
                    <a:pt x="1" y="7669"/>
                    <a:pt x="51" y="7619"/>
                  </a:cubicBezTo>
                  <a:cubicBezTo>
                    <a:pt x="51" y="7544"/>
                    <a:pt x="101" y="7494"/>
                    <a:pt x="151" y="7444"/>
                  </a:cubicBezTo>
                  <a:lnTo>
                    <a:pt x="327" y="7444"/>
                  </a:lnTo>
                  <a:cubicBezTo>
                    <a:pt x="327" y="7394"/>
                    <a:pt x="377" y="7268"/>
                    <a:pt x="452" y="7218"/>
                  </a:cubicBezTo>
                  <a:cubicBezTo>
                    <a:pt x="452" y="7168"/>
                    <a:pt x="452" y="6993"/>
                    <a:pt x="502" y="6943"/>
                  </a:cubicBezTo>
                  <a:cubicBezTo>
                    <a:pt x="502" y="6867"/>
                    <a:pt x="602" y="6817"/>
                    <a:pt x="602" y="6767"/>
                  </a:cubicBezTo>
                  <a:cubicBezTo>
                    <a:pt x="602" y="6717"/>
                    <a:pt x="452" y="6642"/>
                    <a:pt x="377" y="6642"/>
                  </a:cubicBezTo>
                  <a:cubicBezTo>
                    <a:pt x="277" y="6592"/>
                    <a:pt x="151" y="6492"/>
                    <a:pt x="101" y="6416"/>
                  </a:cubicBezTo>
                  <a:cubicBezTo>
                    <a:pt x="101" y="6366"/>
                    <a:pt x="51" y="6266"/>
                    <a:pt x="51" y="6266"/>
                  </a:cubicBezTo>
                  <a:cubicBezTo>
                    <a:pt x="51" y="6191"/>
                    <a:pt x="227" y="6091"/>
                    <a:pt x="227" y="6040"/>
                  </a:cubicBezTo>
                  <a:cubicBezTo>
                    <a:pt x="277" y="5965"/>
                    <a:pt x="227" y="5815"/>
                    <a:pt x="277" y="5690"/>
                  </a:cubicBezTo>
                  <a:cubicBezTo>
                    <a:pt x="277" y="5639"/>
                    <a:pt x="227" y="5414"/>
                    <a:pt x="327" y="5289"/>
                  </a:cubicBezTo>
                  <a:cubicBezTo>
                    <a:pt x="327" y="5289"/>
                    <a:pt x="552" y="5289"/>
                    <a:pt x="602" y="5238"/>
                  </a:cubicBezTo>
                  <a:lnTo>
                    <a:pt x="602" y="4963"/>
                  </a:lnTo>
                  <a:cubicBezTo>
                    <a:pt x="678" y="4837"/>
                    <a:pt x="728" y="4687"/>
                    <a:pt x="778" y="4562"/>
                  </a:cubicBezTo>
                  <a:cubicBezTo>
                    <a:pt x="778" y="4512"/>
                    <a:pt x="953" y="4386"/>
                    <a:pt x="953" y="4336"/>
                  </a:cubicBezTo>
                  <a:cubicBezTo>
                    <a:pt x="953" y="4286"/>
                    <a:pt x="828" y="4161"/>
                    <a:pt x="828" y="4161"/>
                  </a:cubicBezTo>
                  <a:cubicBezTo>
                    <a:pt x="728" y="4111"/>
                    <a:pt x="602" y="4111"/>
                    <a:pt x="552" y="4060"/>
                  </a:cubicBezTo>
                  <a:cubicBezTo>
                    <a:pt x="502" y="4060"/>
                    <a:pt x="452" y="3935"/>
                    <a:pt x="452" y="3885"/>
                  </a:cubicBezTo>
                  <a:cubicBezTo>
                    <a:pt x="377" y="3785"/>
                    <a:pt x="452" y="3609"/>
                    <a:pt x="502" y="3484"/>
                  </a:cubicBezTo>
                  <a:cubicBezTo>
                    <a:pt x="502" y="3434"/>
                    <a:pt x="502" y="3334"/>
                    <a:pt x="552" y="3334"/>
                  </a:cubicBezTo>
                  <a:cubicBezTo>
                    <a:pt x="602" y="3258"/>
                    <a:pt x="778" y="3384"/>
                    <a:pt x="828" y="3434"/>
                  </a:cubicBezTo>
                  <a:cubicBezTo>
                    <a:pt x="903" y="3434"/>
                    <a:pt x="1054" y="3484"/>
                    <a:pt x="1129" y="3559"/>
                  </a:cubicBezTo>
                  <a:cubicBezTo>
                    <a:pt x="1129" y="3609"/>
                    <a:pt x="1003" y="3710"/>
                    <a:pt x="1003" y="3785"/>
                  </a:cubicBezTo>
                  <a:cubicBezTo>
                    <a:pt x="1003" y="3835"/>
                    <a:pt x="1129" y="3935"/>
                    <a:pt x="1179" y="4010"/>
                  </a:cubicBezTo>
                  <a:lnTo>
                    <a:pt x="1179" y="4236"/>
                  </a:lnTo>
                  <a:cubicBezTo>
                    <a:pt x="1229" y="4336"/>
                    <a:pt x="1354" y="4461"/>
                    <a:pt x="1404" y="4562"/>
                  </a:cubicBezTo>
                  <a:cubicBezTo>
                    <a:pt x="1455" y="4612"/>
                    <a:pt x="1505" y="4737"/>
                    <a:pt x="1580" y="4737"/>
                  </a:cubicBezTo>
                  <a:cubicBezTo>
                    <a:pt x="1680" y="4787"/>
                    <a:pt x="1856" y="4737"/>
                    <a:pt x="1906" y="4737"/>
                  </a:cubicBezTo>
                  <a:cubicBezTo>
                    <a:pt x="2006" y="4737"/>
                    <a:pt x="2131" y="4837"/>
                    <a:pt x="2232" y="4837"/>
                  </a:cubicBezTo>
                  <a:cubicBezTo>
                    <a:pt x="2307" y="4837"/>
                    <a:pt x="2407" y="4787"/>
                    <a:pt x="2457" y="4787"/>
                  </a:cubicBezTo>
                  <a:cubicBezTo>
                    <a:pt x="2582" y="4787"/>
                    <a:pt x="2808" y="4837"/>
                    <a:pt x="2908" y="4913"/>
                  </a:cubicBezTo>
                  <a:cubicBezTo>
                    <a:pt x="2983" y="4913"/>
                    <a:pt x="3034" y="5063"/>
                    <a:pt x="3084" y="5138"/>
                  </a:cubicBezTo>
                  <a:cubicBezTo>
                    <a:pt x="3209" y="5188"/>
                    <a:pt x="3359" y="5188"/>
                    <a:pt x="3435" y="5188"/>
                  </a:cubicBezTo>
                  <a:cubicBezTo>
                    <a:pt x="3585" y="5188"/>
                    <a:pt x="3811" y="5063"/>
                    <a:pt x="3986" y="5063"/>
                  </a:cubicBezTo>
                  <a:cubicBezTo>
                    <a:pt x="4086" y="5013"/>
                    <a:pt x="4312" y="4963"/>
                    <a:pt x="4437" y="4913"/>
                  </a:cubicBezTo>
                  <a:cubicBezTo>
                    <a:pt x="4537" y="4787"/>
                    <a:pt x="4613" y="4562"/>
                    <a:pt x="4713" y="4461"/>
                  </a:cubicBezTo>
                  <a:cubicBezTo>
                    <a:pt x="4838" y="4336"/>
                    <a:pt x="5164" y="4161"/>
                    <a:pt x="5339" y="4111"/>
                  </a:cubicBezTo>
                  <a:cubicBezTo>
                    <a:pt x="5389" y="4060"/>
                    <a:pt x="5440" y="4010"/>
                    <a:pt x="5565" y="4010"/>
                  </a:cubicBezTo>
                  <a:cubicBezTo>
                    <a:pt x="5615" y="4010"/>
                    <a:pt x="5790" y="4111"/>
                    <a:pt x="5841" y="4111"/>
                  </a:cubicBezTo>
                  <a:cubicBezTo>
                    <a:pt x="5966" y="4161"/>
                    <a:pt x="6166" y="4060"/>
                    <a:pt x="6242" y="4060"/>
                  </a:cubicBezTo>
                  <a:cubicBezTo>
                    <a:pt x="6292" y="4010"/>
                    <a:pt x="6392" y="3885"/>
                    <a:pt x="6467" y="3835"/>
                  </a:cubicBezTo>
                  <a:cubicBezTo>
                    <a:pt x="6567" y="3710"/>
                    <a:pt x="6743" y="3484"/>
                    <a:pt x="6793" y="3384"/>
                  </a:cubicBezTo>
                  <a:cubicBezTo>
                    <a:pt x="6793" y="3334"/>
                    <a:pt x="6843" y="3108"/>
                    <a:pt x="6843" y="3033"/>
                  </a:cubicBezTo>
                  <a:cubicBezTo>
                    <a:pt x="6918" y="2983"/>
                    <a:pt x="6968" y="2807"/>
                    <a:pt x="7019" y="2757"/>
                  </a:cubicBezTo>
                  <a:cubicBezTo>
                    <a:pt x="7069" y="2707"/>
                    <a:pt x="7244" y="2707"/>
                    <a:pt x="7294" y="2657"/>
                  </a:cubicBezTo>
                  <a:cubicBezTo>
                    <a:pt x="7420" y="2582"/>
                    <a:pt x="7520" y="2431"/>
                    <a:pt x="7645" y="2306"/>
                  </a:cubicBezTo>
                  <a:cubicBezTo>
                    <a:pt x="7695" y="2256"/>
                    <a:pt x="7871" y="2131"/>
                    <a:pt x="7921" y="2080"/>
                  </a:cubicBezTo>
                  <a:cubicBezTo>
                    <a:pt x="8046" y="1980"/>
                    <a:pt x="8272" y="1579"/>
                    <a:pt x="8422" y="1529"/>
                  </a:cubicBezTo>
                  <a:cubicBezTo>
                    <a:pt x="8547" y="1529"/>
                    <a:pt x="8648" y="1579"/>
                    <a:pt x="8773" y="1579"/>
                  </a:cubicBezTo>
                  <a:cubicBezTo>
                    <a:pt x="8823" y="1579"/>
                    <a:pt x="8999" y="1579"/>
                    <a:pt x="9049" y="1529"/>
                  </a:cubicBezTo>
                  <a:cubicBezTo>
                    <a:pt x="9099" y="1454"/>
                    <a:pt x="9224" y="1304"/>
                    <a:pt x="9274" y="1228"/>
                  </a:cubicBezTo>
                  <a:cubicBezTo>
                    <a:pt x="9324" y="1228"/>
                    <a:pt x="9500" y="1228"/>
                    <a:pt x="9500" y="1178"/>
                  </a:cubicBezTo>
                  <a:cubicBezTo>
                    <a:pt x="9600" y="1128"/>
                    <a:pt x="9600" y="852"/>
                    <a:pt x="9600" y="727"/>
                  </a:cubicBezTo>
                  <a:cubicBezTo>
                    <a:pt x="9600" y="677"/>
                    <a:pt x="9550" y="552"/>
                    <a:pt x="9550" y="502"/>
                  </a:cubicBezTo>
                  <a:cubicBezTo>
                    <a:pt x="9550" y="451"/>
                    <a:pt x="9450" y="376"/>
                    <a:pt x="9450" y="326"/>
                  </a:cubicBezTo>
                  <a:lnTo>
                    <a:pt x="9450" y="151"/>
                  </a:lnTo>
                  <a:cubicBezTo>
                    <a:pt x="9450" y="151"/>
                    <a:pt x="9550" y="101"/>
                    <a:pt x="9600" y="50"/>
                  </a:cubicBezTo>
                  <a:lnTo>
                    <a:pt x="9725" y="101"/>
                  </a:lnTo>
                  <a:cubicBezTo>
                    <a:pt x="9826" y="101"/>
                    <a:pt x="9951" y="101"/>
                    <a:pt x="10001" y="50"/>
                  </a:cubicBezTo>
                  <a:cubicBezTo>
                    <a:pt x="10126" y="50"/>
                    <a:pt x="10227" y="0"/>
                    <a:pt x="10277" y="0"/>
                  </a:cubicBezTo>
                  <a:cubicBezTo>
                    <a:pt x="10402" y="0"/>
                    <a:pt x="10502" y="101"/>
                    <a:pt x="10502" y="151"/>
                  </a:cubicBezTo>
                  <a:cubicBezTo>
                    <a:pt x="10552" y="151"/>
                    <a:pt x="10628" y="276"/>
                    <a:pt x="10628" y="276"/>
                  </a:cubicBezTo>
                  <a:cubicBezTo>
                    <a:pt x="10628" y="326"/>
                    <a:pt x="10552" y="451"/>
                    <a:pt x="10552" y="451"/>
                  </a:cubicBezTo>
                  <a:lnTo>
                    <a:pt x="10552" y="677"/>
                  </a:lnTo>
                  <a:cubicBezTo>
                    <a:pt x="10552" y="727"/>
                    <a:pt x="10552" y="852"/>
                    <a:pt x="10628" y="852"/>
                  </a:cubicBezTo>
                  <a:lnTo>
                    <a:pt x="10778" y="852"/>
                  </a:lnTo>
                  <a:cubicBezTo>
                    <a:pt x="10853" y="777"/>
                    <a:pt x="10728" y="677"/>
                    <a:pt x="10778" y="602"/>
                  </a:cubicBezTo>
                  <a:lnTo>
                    <a:pt x="10853" y="552"/>
                  </a:lnTo>
                  <a:cubicBezTo>
                    <a:pt x="10903" y="552"/>
                    <a:pt x="10903" y="602"/>
                    <a:pt x="10903" y="677"/>
                  </a:cubicBezTo>
                  <a:cubicBezTo>
                    <a:pt x="10953" y="727"/>
                    <a:pt x="10903" y="852"/>
                    <a:pt x="10903" y="903"/>
                  </a:cubicBezTo>
                  <a:cubicBezTo>
                    <a:pt x="10953" y="903"/>
                    <a:pt x="11004" y="1003"/>
                    <a:pt x="11004" y="1003"/>
                  </a:cubicBezTo>
                  <a:cubicBezTo>
                    <a:pt x="11079" y="953"/>
                    <a:pt x="11079" y="852"/>
                    <a:pt x="11129" y="852"/>
                  </a:cubicBezTo>
                  <a:cubicBezTo>
                    <a:pt x="11129" y="777"/>
                    <a:pt x="11229" y="903"/>
                    <a:pt x="11304" y="852"/>
                  </a:cubicBezTo>
                  <a:cubicBezTo>
                    <a:pt x="11354" y="777"/>
                    <a:pt x="11229" y="677"/>
                    <a:pt x="11229" y="677"/>
                  </a:cubicBezTo>
                  <a:cubicBezTo>
                    <a:pt x="11304" y="602"/>
                    <a:pt x="11405" y="602"/>
                    <a:pt x="11455" y="677"/>
                  </a:cubicBezTo>
                  <a:cubicBezTo>
                    <a:pt x="11530" y="677"/>
                    <a:pt x="11580" y="777"/>
                    <a:pt x="11580" y="777"/>
                  </a:cubicBezTo>
                  <a:cubicBezTo>
                    <a:pt x="11630" y="852"/>
                    <a:pt x="11680" y="1003"/>
                    <a:pt x="11755" y="1078"/>
                  </a:cubicBezTo>
                  <a:cubicBezTo>
                    <a:pt x="11806" y="1128"/>
                    <a:pt x="11856" y="1178"/>
                    <a:pt x="11856" y="1178"/>
                  </a:cubicBezTo>
                  <a:cubicBezTo>
                    <a:pt x="11906" y="1228"/>
                    <a:pt x="12131" y="1304"/>
                    <a:pt x="12207" y="1404"/>
                  </a:cubicBezTo>
                  <a:cubicBezTo>
                    <a:pt x="12207" y="1454"/>
                    <a:pt x="12131" y="1529"/>
                    <a:pt x="12081" y="1579"/>
                  </a:cubicBezTo>
                  <a:cubicBezTo>
                    <a:pt x="12081" y="1629"/>
                    <a:pt x="12081" y="1805"/>
                    <a:pt x="12131" y="1855"/>
                  </a:cubicBezTo>
                  <a:cubicBezTo>
                    <a:pt x="12131" y="1905"/>
                    <a:pt x="12257" y="1980"/>
                    <a:pt x="12307" y="1980"/>
                  </a:cubicBezTo>
                  <a:cubicBezTo>
                    <a:pt x="12357" y="1905"/>
                    <a:pt x="12357" y="1805"/>
                    <a:pt x="12357" y="1755"/>
                  </a:cubicBezTo>
                  <a:cubicBezTo>
                    <a:pt x="12357" y="1679"/>
                    <a:pt x="12357" y="1579"/>
                    <a:pt x="12432" y="1529"/>
                  </a:cubicBezTo>
                  <a:cubicBezTo>
                    <a:pt x="12482" y="1454"/>
                    <a:pt x="12708" y="1529"/>
                    <a:pt x="12758" y="1454"/>
                  </a:cubicBezTo>
                  <a:cubicBezTo>
                    <a:pt x="12758" y="1404"/>
                    <a:pt x="12808" y="1304"/>
                    <a:pt x="12808" y="1228"/>
                  </a:cubicBezTo>
                  <a:cubicBezTo>
                    <a:pt x="12858" y="1228"/>
                    <a:pt x="12983" y="1304"/>
                    <a:pt x="12983" y="1304"/>
                  </a:cubicBezTo>
                  <a:cubicBezTo>
                    <a:pt x="13034" y="1354"/>
                    <a:pt x="13159" y="1529"/>
                    <a:pt x="13209" y="1579"/>
                  </a:cubicBezTo>
                  <a:cubicBezTo>
                    <a:pt x="13259" y="1629"/>
                    <a:pt x="13309" y="1805"/>
                    <a:pt x="13309" y="1905"/>
                  </a:cubicBezTo>
                  <a:cubicBezTo>
                    <a:pt x="13309" y="1980"/>
                    <a:pt x="13309" y="2030"/>
                    <a:pt x="13259" y="2080"/>
                  </a:cubicBezTo>
                  <a:cubicBezTo>
                    <a:pt x="13209" y="2131"/>
                    <a:pt x="13034" y="2080"/>
                    <a:pt x="12983" y="2131"/>
                  </a:cubicBezTo>
                  <a:cubicBezTo>
                    <a:pt x="12983" y="2206"/>
                    <a:pt x="13034" y="2306"/>
                    <a:pt x="12983" y="2356"/>
                  </a:cubicBezTo>
                  <a:cubicBezTo>
                    <a:pt x="12983" y="2431"/>
                    <a:pt x="12933" y="2532"/>
                    <a:pt x="12933" y="2532"/>
                  </a:cubicBezTo>
                  <a:cubicBezTo>
                    <a:pt x="12858" y="2582"/>
                    <a:pt x="12808" y="2657"/>
                    <a:pt x="12808" y="2707"/>
                  </a:cubicBezTo>
                  <a:cubicBezTo>
                    <a:pt x="12758" y="2757"/>
                    <a:pt x="12708" y="2983"/>
                    <a:pt x="12758" y="3033"/>
                  </a:cubicBezTo>
                  <a:cubicBezTo>
                    <a:pt x="12808" y="3033"/>
                    <a:pt x="12933" y="2933"/>
                    <a:pt x="12933" y="2933"/>
                  </a:cubicBezTo>
                  <a:cubicBezTo>
                    <a:pt x="12983" y="2883"/>
                    <a:pt x="13084" y="2707"/>
                    <a:pt x="13159" y="2757"/>
                  </a:cubicBezTo>
                  <a:cubicBezTo>
                    <a:pt x="13209" y="2757"/>
                    <a:pt x="13259" y="2883"/>
                    <a:pt x="13259" y="2933"/>
                  </a:cubicBezTo>
                  <a:cubicBezTo>
                    <a:pt x="13209" y="2983"/>
                    <a:pt x="13159" y="3033"/>
                    <a:pt x="13209" y="3033"/>
                  </a:cubicBezTo>
                  <a:cubicBezTo>
                    <a:pt x="13209" y="3108"/>
                    <a:pt x="13309" y="3108"/>
                    <a:pt x="13384" y="3033"/>
                  </a:cubicBezTo>
                  <a:cubicBezTo>
                    <a:pt x="13384" y="3033"/>
                    <a:pt x="13384" y="2933"/>
                    <a:pt x="13435" y="2883"/>
                  </a:cubicBezTo>
                  <a:lnTo>
                    <a:pt x="13760" y="2883"/>
                  </a:lnTo>
                  <a:cubicBezTo>
                    <a:pt x="13836" y="2883"/>
                    <a:pt x="13986" y="2933"/>
                    <a:pt x="14061" y="2983"/>
                  </a:cubicBezTo>
                  <a:cubicBezTo>
                    <a:pt x="14061" y="3033"/>
                    <a:pt x="14111" y="3158"/>
                    <a:pt x="14111" y="3208"/>
                  </a:cubicBezTo>
                  <a:cubicBezTo>
                    <a:pt x="14061" y="3208"/>
                    <a:pt x="14061" y="3258"/>
                    <a:pt x="13986" y="3258"/>
                  </a:cubicBezTo>
                  <a:cubicBezTo>
                    <a:pt x="13936" y="3334"/>
                    <a:pt x="13760" y="3208"/>
                    <a:pt x="13710" y="3208"/>
                  </a:cubicBezTo>
                  <a:cubicBezTo>
                    <a:pt x="13610" y="3208"/>
                    <a:pt x="13485" y="3384"/>
                    <a:pt x="13485" y="3434"/>
                  </a:cubicBezTo>
                  <a:cubicBezTo>
                    <a:pt x="13435" y="3484"/>
                    <a:pt x="13485" y="3659"/>
                    <a:pt x="13435" y="3710"/>
                  </a:cubicBezTo>
                  <a:cubicBezTo>
                    <a:pt x="13435" y="3710"/>
                    <a:pt x="13384" y="3785"/>
                    <a:pt x="13384" y="3835"/>
                  </a:cubicBezTo>
                  <a:cubicBezTo>
                    <a:pt x="13384" y="3885"/>
                    <a:pt x="13435" y="4010"/>
                    <a:pt x="13384" y="4010"/>
                  </a:cubicBezTo>
                  <a:cubicBezTo>
                    <a:pt x="13309" y="4060"/>
                    <a:pt x="13259" y="4010"/>
                    <a:pt x="13209" y="3935"/>
                  </a:cubicBezTo>
                  <a:cubicBezTo>
                    <a:pt x="13084" y="3935"/>
                    <a:pt x="12858" y="3885"/>
                    <a:pt x="12808" y="4010"/>
                  </a:cubicBezTo>
                  <a:cubicBezTo>
                    <a:pt x="12758" y="4010"/>
                    <a:pt x="12758" y="4161"/>
                    <a:pt x="12758" y="4236"/>
                  </a:cubicBezTo>
                  <a:cubicBezTo>
                    <a:pt x="12808" y="4236"/>
                    <a:pt x="12983" y="4161"/>
                    <a:pt x="13034" y="4161"/>
                  </a:cubicBezTo>
                  <a:cubicBezTo>
                    <a:pt x="13159" y="4236"/>
                    <a:pt x="13309" y="4336"/>
                    <a:pt x="13384" y="4336"/>
                  </a:cubicBezTo>
                  <a:cubicBezTo>
                    <a:pt x="13485" y="4286"/>
                    <a:pt x="13535" y="4236"/>
                    <a:pt x="13610" y="4161"/>
                  </a:cubicBezTo>
                  <a:cubicBezTo>
                    <a:pt x="13710" y="4161"/>
                    <a:pt x="13886" y="4060"/>
                    <a:pt x="13936" y="4111"/>
                  </a:cubicBezTo>
                  <a:lnTo>
                    <a:pt x="13936" y="4286"/>
                  </a:lnTo>
                  <a:cubicBezTo>
                    <a:pt x="13936" y="4336"/>
                    <a:pt x="13886" y="4386"/>
                    <a:pt x="13886" y="4386"/>
                  </a:cubicBezTo>
                  <a:cubicBezTo>
                    <a:pt x="13936" y="4461"/>
                    <a:pt x="13986" y="4612"/>
                    <a:pt x="14111" y="4687"/>
                  </a:cubicBezTo>
                  <a:cubicBezTo>
                    <a:pt x="14161" y="4737"/>
                    <a:pt x="14287" y="4687"/>
                    <a:pt x="14337" y="4687"/>
                  </a:cubicBezTo>
                  <a:cubicBezTo>
                    <a:pt x="14387" y="4737"/>
                    <a:pt x="14437" y="4837"/>
                    <a:pt x="14512" y="4913"/>
                  </a:cubicBezTo>
                  <a:lnTo>
                    <a:pt x="14738" y="4913"/>
                  </a:lnTo>
                  <a:cubicBezTo>
                    <a:pt x="14788" y="4963"/>
                    <a:pt x="14888" y="5013"/>
                    <a:pt x="14888" y="5063"/>
                  </a:cubicBezTo>
                  <a:cubicBezTo>
                    <a:pt x="14888" y="5138"/>
                    <a:pt x="14838" y="5188"/>
                    <a:pt x="14788" y="5188"/>
                  </a:cubicBezTo>
                  <a:cubicBezTo>
                    <a:pt x="14738" y="5188"/>
                    <a:pt x="14613" y="5138"/>
                    <a:pt x="14562" y="5138"/>
                  </a:cubicBezTo>
                  <a:cubicBezTo>
                    <a:pt x="14562" y="5138"/>
                    <a:pt x="14512" y="5188"/>
                    <a:pt x="14512" y="5238"/>
                  </a:cubicBezTo>
                  <a:cubicBezTo>
                    <a:pt x="14512" y="5238"/>
                    <a:pt x="14562" y="5289"/>
                    <a:pt x="14562" y="5364"/>
                  </a:cubicBezTo>
                  <a:cubicBezTo>
                    <a:pt x="14562" y="5364"/>
                    <a:pt x="14562" y="5464"/>
                    <a:pt x="14512" y="5464"/>
                  </a:cubicBezTo>
                  <a:lnTo>
                    <a:pt x="14387" y="5464"/>
                  </a:lnTo>
                  <a:cubicBezTo>
                    <a:pt x="14337" y="5464"/>
                    <a:pt x="14337" y="5364"/>
                    <a:pt x="14287" y="5364"/>
                  </a:cubicBezTo>
                  <a:cubicBezTo>
                    <a:pt x="14212" y="5364"/>
                    <a:pt x="14212" y="5414"/>
                    <a:pt x="14212" y="5464"/>
                  </a:cubicBezTo>
                  <a:cubicBezTo>
                    <a:pt x="14161" y="5514"/>
                    <a:pt x="14161" y="5639"/>
                    <a:pt x="14212" y="5690"/>
                  </a:cubicBezTo>
                  <a:cubicBezTo>
                    <a:pt x="14287" y="5740"/>
                    <a:pt x="14512" y="5740"/>
                    <a:pt x="14562" y="5815"/>
                  </a:cubicBezTo>
                  <a:cubicBezTo>
                    <a:pt x="14613" y="5865"/>
                    <a:pt x="14788" y="6091"/>
                    <a:pt x="14788" y="6141"/>
                  </a:cubicBezTo>
                  <a:cubicBezTo>
                    <a:pt x="14788" y="6266"/>
                    <a:pt x="14738" y="6416"/>
                    <a:pt x="14738" y="6542"/>
                  </a:cubicBezTo>
                  <a:cubicBezTo>
                    <a:pt x="14738" y="6592"/>
                    <a:pt x="14788" y="6767"/>
                    <a:pt x="14838" y="6817"/>
                  </a:cubicBezTo>
                  <a:cubicBezTo>
                    <a:pt x="14888" y="6867"/>
                    <a:pt x="15014" y="6867"/>
                    <a:pt x="15014" y="6943"/>
                  </a:cubicBezTo>
                  <a:cubicBezTo>
                    <a:pt x="15064" y="6993"/>
                    <a:pt x="15064" y="7093"/>
                    <a:pt x="15064" y="7168"/>
                  </a:cubicBezTo>
                  <a:cubicBezTo>
                    <a:pt x="15064" y="7218"/>
                    <a:pt x="15014" y="7319"/>
                    <a:pt x="15014" y="7394"/>
                  </a:cubicBezTo>
                  <a:cubicBezTo>
                    <a:pt x="15014" y="7444"/>
                    <a:pt x="14963" y="7494"/>
                    <a:pt x="14963" y="7544"/>
                  </a:cubicBezTo>
                  <a:cubicBezTo>
                    <a:pt x="14888" y="7619"/>
                    <a:pt x="14888" y="7770"/>
                    <a:pt x="14888" y="7845"/>
                  </a:cubicBezTo>
                  <a:cubicBezTo>
                    <a:pt x="14963" y="7945"/>
                    <a:pt x="15064" y="8121"/>
                    <a:pt x="15114" y="8221"/>
                  </a:cubicBezTo>
                  <a:cubicBezTo>
                    <a:pt x="15164" y="8346"/>
                    <a:pt x="15390" y="8446"/>
                    <a:pt x="15465" y="8572"/>
                  </a:cubicBezTo>
                  <a:cubicBezTo>
                    <a:pt x="15465" y="8572"/>
                    <a:pt x="15390" y="8672"/>
                    <a:pt x="15465" y="8747"/>
                  </a:cubicBezTo>
                  <a:cubicBezTo>
                    <a:pt x="15465" y="8797"/>
                    <a:pt x="15615" y="8847"/>
                    <a:pt x="15690" y="8898"/>
                  </a:cubicBezTo>
                  <a:cubicBezTo>
                    <a:pt x="15740" y="8898"/>
                    <a:pt x="15740" y="9023"/>
                    <a:pt x="15740" y="9073"/>
                  </a:cubicBezTo>
                  <a:cubicBezTo>
                    <a:pt x="15740" y="9123"/>
                    <a:pt x="15615" y="9248"/>
                    <a:pt x="15565" y="9299"/>
                  </a:cubicBezTo>
                  <a:cubicBezTo>
                    <a:pt x="15515" y="9474"/>
                    <a:pt x="15515" y="9750"/>
                    <a:pt x="15465" y="9925"/>
                  </a:cubicBezTo>
                  <a:cubicBezTo>
                    <a:pt x="15390" y="9975"/>
                    <a:pt x="15289" y="10025"/>
                    <a:pt x="15239" y="10101"/>
                  </a:cubicBezTo>
                  <a:cubicBezTo>
                    <a:pt x="15164" y="10201"/>
                    <a:pt x="15289" y="10426"/>
                    <a:pt x="15239" y="10552"/>
                  </a:cubicBezTo>
                  <a:cubicBezTo>
                    <a:pt x="15239" y="10652"/>
                    <a:pt x="15064" y="10777"/>
                    <a:pt x="15014" y="10777"/>
                  </a:cubicBezTo>
                  <a:cubicBezTo>
                    <a:pt x="14963" y="10827"/>
                    <a:pt x="14888" y="10827"/>
                    <a:pt x="14838" y="10827"/>
                  </a:cubicBezTo>
                  <a:cubicBezTo>
                    <a:pt x="14663" y="10878"/>
                    <a:pt x="14387" y="11053"/>
                    <a:pt x="14337" y="11178"/>
                  </a:cubicBezTo>
                  <a:cubicBezTo>
                    <a:pt x="14287" y="11228"/>
                    <a:pt x="14212" y="11404"/>
                    <a:pt x="14161" y="11504"/>
                  </a:cubicBezTo>
                  <a:cubicBezTo>
                    <a:pt x="14111" y="11629"/>
                    <a:pt x="13936" y="11780"/>
                    <a:pt x="13886" y="11905"/>
                  </a:cubicBezTo>
                  <a:cubicBezTo>
                    <a:pt x="13836" y="12081"/>
                    <a:pt x="13760" y="12356"/>
                    <a:pt x="13760" y="12532"/>
                  </a:cubicBezTo>
                  <a:cubicBezTo>
                    <a:pt x="13760" y="12682"/>
                    <a:pt x="13936" y="12983"/>
                    <a:pt x="13986" y="13133"/>
                  </a:cubicBezTo>
                  <a:cubicBezTo>
                    <a:pt x="13986" y="13309"/>
                    <a:pt x="14061" y="13660"/>
                    <a:pt x="14161" y="13760"/>
                  </a:cubicBezTo>
                  <a:cubicBezTo>
                    <a:pt x="14212" y="13935"/>
                    <a:pt x="14613" y="14035"/>
                    <a:pt x="14663" y="14211"/>
                  </a:cubicBezTo>
                  <a:cubicBezTo>
                    <a:pt x="14738" y="14336"/>
                    <a:pt x="14788" y="14562"/>
                    <a:pt x="14738" y="14662"/>
                  </a:cubicBezTo>
                  <a:cubicBezTo>
                    <a:pt x="14738" y="14712"/>
                    <a:pt x="14613" y="14787"/>
                    <a:pt x="14613" y="14837"/>
                  </a:cubicBezTo>
                  <a:cubicBezTo>
                    <a:pt x="14613" y="14888"/>
                    <a:pt x="14613" y="15063"/>
                    <a:pt x="14562" y="15113"/>
                  </a:cubicBezTo>
                  <a:cubicBezTo>
                    <a:pt x="14512" y="15238"/>
                    <a:pt x="14337" y="15389"/>
                    <a:pt x="14337" y="15514"/>
                  </a:cubicBezTo>
                  <a:cubicBezTo>
                    <a:pt x="14287" y="15564"/>
                    <a:pt x="14287" y="15740"/>
                    <a:pt x="14287" y="15790"/>
                  </a:cubicBezTo>
                  <a:cubicBezTo>
                    <a:pt x="14337" y="15840"/>
                    <a:pt x="14437" y="15965"/>
                    <a:pt x="14512" y="16015"/>
                  </a:cubicBezTo>
                  <a:cubicBezTo>
                    <a:pt x="14512" y="16066"/>
                    <a:pt x="14562" y="16241"/>
                    <a:pt x="14562" y="16366"/>
                  </a:cubicBezTo>
                  <a:cubicBezTo>
                    <a:pt x="14512" y="16416"/>
                    <a:pt x="14337" y="16467"/>
                    <a:pt x="14337" y="16517"/>
                  </a:cubicBezTo>
                  <a:cubicBezTo>
                    <a:pt x="14287" y="16517"/>
                    <a:pt x="14337" y="16642"/>
                    <a:pt x="14337" y="16692"/>
                  </a:cubicBezTo>
                  <a:cubicBezTo>
                    <a:pt x="14337" y="16742"/>
                    <a:pt x="14437" y="16868"/>
                    <a:pt x="14437" y="16918"/>
                  </a:cubicBezTo>
                  <a:cubicBezTo>
                    <a:pt x="14437" y="17043"/>
                    <a:pt x="14437" y="17319"/>
                    <a:pt x="14387" y="17419"/>
                  </a:cubicBezTo>
                  <a:cubicBezTo>
                    <a:pt x="14387" y="17544"/>
                    <a:pt x="14287" y="17644"/>
                    <a:pt x="14212" y="17770"/>
                  </a:cubicBezTo>
                  <a:cubicBezTo>
                    <a:pt x="14212" y="17820"/>
                    <a:pt x="14161" y="17995"/>
                    <a:pt x="14161" y="18096"/>
                  </a:cubicBezTo>
                  <a:cubicBezTo>
                    <a:pt x="14212" y="18221"/>
                    <a:pt x="14287" y="18446"/>
                    <a:pt x="14337" y="18547"/>
                  </a:cubicBezTo>
                  <a:cubicBezTo>
                    <a:pt x="14337" y="18622"/>
                    <a:pt x="14337" y="18772"/>
                    <a:pt x="14287" y="18847"/>
                  </a:cubicBezTo>
                  <a:cubicBezTo>
                    <a:pt x="14287" y="18948"/>
                    <a:pt x="14161" y="19073"/>
                    <a:pt x="14111" y="19123"/>
                  </a:cubicBezTo>
                  <a:lnTo>
                    <a:pt x="14111" y="19349"/>
                  </a:lnTo>
                  <a:cubicBezTo>
                    <a:pt x="14111" y="19399"/>
                    <a:pt x="14061" y="19449"/>
                    <a:pt x="14061" y="19524"/>
                  </a:cubicBezTo>
                  <a:cubicBezTo>
                    <a:pt x="13986" y="19700"/>
                    <a:pt x="14061" y="19975"/>
                    <a:pt x="14061" y="20076"/>
                  </a:cubicBezTo>
                  <a:cubicBezTo>
                    <a:pt x="14061" y="20301"/>
                    <a:pt x="13986" y="20652"/>
                    <a:pt x="13986" y="20827"/>
                  </a:cubicBezTo>
                  <a:cubicBezTo>
                    <a:pt x="13936" y="20978"/>
                    <a:pt x="13710" y="21203"/>
                    <a:pt x="13760" y="21379"/>
                  </a:cubicBezTo>
                  <a:cubicBezTo>
                    <a:pt x="13760" y="21504"/>
                    <a:pt x="13886" y="21604"/>
                    <a:pt x="13886" y="21730"/>
                  </a:cubicBezTo>
                  <a:cubicBezTo>
                    <a:pt x="13936" y="21880"/>
                    <a:pt x="13886" y="22231"/>
                    <a:pt x="13836" y="22406"/>
                  </a:cubicBezTo>
                  <a:cubicBezTo>
                    <a:pt x="13760" y="22507"/>
                    <a:pt x="13660" y="22732"/>
                    <a:pt x="13610" y="22858"/>
                  </a:cubicBezTo>
                  <a:cubicBezTo>
                    <a:pt x="13610" y="22908"/>
                    <a:pt x="13610" y="23133"/>
                    <a:pt x="13535" y="23183"/>
                  </a:cubicBezTo>
                  <a:lnTo>
                    <a:pt x="13435" y="23183"/>
                  </a:lnTo>
                  <a:cubicBezTo>
                    <a:pt x="13384" y="23233"/>
                    <a:pt x="13384" y="23359"/>
                    <a:pt x="13384" y="23409"/>
                  </a:cubicBezTo>
                  <a:cubicBezTo>
                    <a:pt x="13435" y="23459"/>
                    <a:pt x="13535" y="23459"/>
                    <a:pt x="13610" y="23534"/>
                  </a:cubicBezTo>
                  <a:cubicBezTo>
                    <a:pt x="13610" y="23584"/>
                    <a:pt x="13610" y="23760"/>
                    <a:pt x="13660" y="23810"/>
                  </a:cubicBezTo>
                  <a:cubicBezTo>
                    <a:pt x="13710" y="23860"/>
                    <a:pt x="13886" y="23860"/>
                    <a:pt x="13886" y="23910"/>
                  </a:cubicBezTo>
                  <a:cubicBezTo>
                    <a:pt x="13886" y="23985"/>
                    <a:pt x="13760" y="24035"/>
                    <a:pt x="13710" y="24035"/>
                  </a:cubicBezTo>
                  <a:cubicBezTo>
                    <a:pt x="13660" y="24086"/>
                    <a:pt x="13610" y="24035"/>
                    <a:pt x="13535" y="24035"/>
                  </a:cubicBezTo>
                  <a:cubicBezTo>
                    <a:pt x="13485" y="24086"/>
                    <a:pt x="13435" y="24211"/>
                    <a:pt x="13384" y="24261"/>
                  </a:cubicBezTo>
                  <a:cubicBezTo>
                    <a:pt x="13384" y="24311"/>
                    <a:pt x="13384" y="24487"/>
                    <a:pt x="13309" y="24537"/>
                  </a:cubicBezTo>
                  <a:cubicBezTo>
                    <a:pt x="13309" y="24662"/>
                    <a:pt x="13209" y="24888"/>
                    <a:pt x="13209" y="25038"/>
                  </a:cubicBezTo>
                  <a:cubicBezTo>
                    <a:pt x="13209" y="25113"/>
                    <a:pt x="13309" y="25264"/>
                    <a:pt x="13309" y="25339"/>
                  </a:cubicBezTo>
                  <a:cubicBezTo>
                    <a:pt x="13309" y="25439"/>
                    <a:pt x="13259" y="25564"/>
                    <a:pt x="13259" y="25614"/>
                  </a:cubicBezTo>
                  <a:cubicBezTo>
                    <a:pt x="13209" y="25665"/>
                    <a:pt x="13259" y="25840"/>
                    <a:pt x="13209" y="25890"/>
                  </a:cubicBezTo>
                  <a:cubicBezTo>
                    <a:pt x="13159" y="25940"/>
                    <a:pt x="12983" y="25840"/>
                    <a:pt x="12933" y="25890"/>
                  </a:cubicBezTo>
                  <a:lnTo>
                    <a:pt x="12933" y="26116"/>
                  </a:lnTo>
                  <a:cubicBezTo>
                    <a:pt x="12933" y="26166"/>
                    <a:pt x="12983" y="26291"/>
                    <a:pt x="12933" y="26341"/>
                  </a:cubicBezTo>
                  <a:lnTo>
                    <a:pt x="12708" y="26341"/>
                  </a:lnTo>
                  <a:cubicBezTo>
                    <a:pt x="12708" y="26291"/>
                    <a:pt x="12658" y="26241"/>
                    <a:pt x="12658" y="26166"/>
                  </a:cubicBezTo>
                  <a:cubicBezTo>
                    <a:pt x="12582" y="26116"/>
                    <a:pt x="12658" y="26015"/>
                    <a:pt x="12582" y="26015"/>
                  </a:cubicBezTo>
                  <a:cubicBezTo>
                    <a:pt x="12532" y="25940"/>
                    <a:pt x="12432" y="26066"/>
                    <a:pt x="12307" y="26066"/>
                  </a:cubicBezTo>
                  <a:cubicBezTo>
                    <a:pt x="12257" y="26066"/>
                    <a:pt x="12081" y="26066"/>
                    <a:pt x="11981" y="26015"/>
                  </a:cubicBezTo>
                  <a:cubicBezTo>
                    <a:pt x="11981" y="26015"/>
                    <a:pt x="11906" y="25940"/>
                    <a:pt x="11906" y="25890"/>
                  </a:cubicBezTo>
                  <a:cubicBezTo>
                    <a:pt x="11856" y="25890"/>
                    <a:pt x="11680" y="25940"/>
                    <a:pt x="11630" y="25940"/>
                  </a:cubicBezTo>
                  <a:cubicBezTo>
                    <a:pt x="11580" y="25890"/>
                    <a:pt x="11530" y="25790"/>
                    <a:pt x="11530" y="25715"/>
                  </a:cubicBezTo>
                  <a:cubicBezTo>
                    <a:pt x="11455" y="25665"/>
                    <a:pt x="11405" y="25614"/>
                    <a:pt x="11354" y="25614"/>
                  </a:cubicBezTo>
                  <a:cubicBezTo>
                    <a:pt x="11304" y="25564"/>
                    <a:pt x="11129" y="25564"/>
                    <a:pt x="11079" y="25564"/>
                  </a:cubicBezTo>
                  <a:cubicBezTo>
                    <a:pt x="11004" y="25489"/>
                    <a:pt x="10953" y="25339"/>
                    <a:pt x="10953" y="25264"/>
                  </a:cubicBezTo>
                  <a:cubicBezTo>
                    <a:pt x="10903" y="25213"/>
                    <a:pt x="10953" y="25113"/>
                    <a:pt x="10903" y="25038"/>
                  </a:cubicBezTo>
                  <a:cubicBezTo>
                    <a:pt x="10853" y="24938"/>
                    <a:pt x="10628" y="24888"/>
                    <a:pt x="10452" y="24812"/>
                  </a:cubicBezTo>
                  <a:lnTo>
                    <a:pt x="10126" y="24812"/>
                  </a:lnTo>
                  <a:cubicBezTo>
                    <a:pt x="10001" y="24812"/>
                    <a:pt x="9901" y="24888"/>
                    <a:pt x="9775" y="24938"/>
                  </a:cubicBezTo>
                  <a:lnTo>
                    <a:pt x="9550" y="24938"/>
                  </a:lnTo>
                  <a:lnTo>
                    <a:pt x="9550" y="25163"/>
                  </a:lnTo>
                  <a:cubicBezTo>
                    <a:pt x="9500" y="25163"/>
                    <a:pt x="9450" y="25213"/>
                    <a:pt x="9374" y="25213"/>
                  </a:cubicBezTo>
                  <a:cubicBezTo>
                    <a:pt x="9324" y="25213"/>
                    <a:pt x="9224" y="25113"/>
                    <a:pt x="9149" y="25113"/>
                  </a:cubicBezTo>
                  <a:cubicBezTo>
                    <a:pt x="9099" y="25113"/>
                    <a:pt x="9049" y="25163"/>
                    <a:pt x="8999" y="25163"/>
                  </a:cubicBezTo>
                  <a:lnTo>
                    <a:pt x="8773" y="25163"/>
                  </a:lnTo>
                  <a:cubicBezTo>
                    <a:pt x="8698" y="25163"/>
                    <a:pt x="8547" y="25213"/>
                    <a:pt x="8472" y="25213"/>
                  </a:cubicBezTo>
                  <a:cubicBezTo>
                    <a:pt x="8422" y="25264"/>
                    <a:pt x="8372" y="25389"/>
                    <a:pt x="8322" y="25439"/>
                  </a:cubicBezTo>
                  <a:cubicBezTo>
                    <a:pt x="8196" y="25489"/>
                    <a:pt x="8046" y="25614"/>
                    <a:pt x="7971" y="25715"/>
                  </a:cubicBezTo>
                  <a:cubicBezTo>
                    <a:pt x="7921" y="25840"/>
                    <a:pt x="7871" y="26015"/>
                    <a:pt x="7871" y="26116"/>
                  </a:cubicBezTo>
                  <a:cubicBezTo>
                    <a:pt x="7871" y="26241"/>
                    <a:pt x="7921" y="26467"/>
                    <a:pt x="7971" y="26517"/>
                  </a:cubicBezTo>
                  <a:cubicBezTo>
                    <a:pt x="8046" y="26567"/>
                    <a:pt x="8196" y="26617"/>
                    <a:pt x="8196" y="26692"/>
                  </a:cubicBezTo>
                  <a:cubicBezTo>
                    <a:pt x="8272" y="26742"/>
                    <a:pt x="8372" y="26918"/>
                    <a:pt x="8322" y="27018"/>
                  </a:cubicBezTo>
                  <a:cubicBezTo>
                    <a:pt x="8322" y="27068"/>
                    <a:pt x="8096" y="27068"/>
                    <a:pt x="8046" y="27143"/>
                  </a:cubicBezTo>
                  <a:cubicBezTo>
                    <a:pt x="8046" y="27193"/>
                    <a:pt x="7971" y="27294"/>
                    <a:pt x="7971" y="27294"/>
                  </a:cubicBezTo>
                  <a:cubicBezTo>
                    <a:pt x="7971" y="27369"/>
                    <a:pt x="8046" y="27469"/>
                    <a:pt x="8096" y="27519"/>
                  </a:cubicBezTo>
                  <a:cubicBezTo>
                    <a:pt x="8096" y="27594"/>
                    <a:pt x="8146" y="27745"/>
                    <a:pt x="8096" y="27820"/>
                  </a:cubicBezTo>
                  <a:cubicBezTo>
                    <a:pt x="8096" y="27870"/>
                    <a:pt x="7971" y="27820"/>
                    <a:pt x="7971" y="27820"/>
                  </a:cubicBezTo>
                  <a:cubicBezTo>
                    <a:pt x="7921" y="27820"/>
                    <a:pt x="7871" y="27745"/>
                    <a:pt x="7821" y="27745"/>
                  </a:cubicBezTo>
                  <a:cubicBezTo>
                    <a:pt x="7745" y="27820"/>
                    <a:pt x="7745" y="27920"/>
                    <a:pt x="7695" y="27920"/>
                  </a:cubicBezTo>
                  <a:cubicBezTo>
                    <a:pt x="7645" y="27970"/>
                    <a:pt x="7420" y="28046"/>
                    <a:pt x="7294" y="28096"/>
                  </a:cubicBezTo>
                  <a:cubicBezTo>
                    <a:pt x="7244" y="28146"/>
                    <a:pt x="7144" y="28371"/>
                    <a:pt x="7069" y="28497"/>
                  </a:cubicBezTo>
                  <a:cubicBezTo>
                    <a:pt x="7019" y="28547"/>
                    <a:pt x="6968" y="28647"/>
                    <a:pt x="6918" y="28722"/>
                  </a:cubicBezTo>
                  <a:lnTo>
                    <a:pt x="6743" y="28722"/>
                  </a:lnTo>
                  <a:cubicBezTo>
                    <a:pt x="6743" y="28772"/>
                    <a:pt x="6618" y="28772"/>
                    <a:pt x="6618" y="28822"/>
                  </a:cubicBezTo>
                  <a:cubicBezTo>
                    <a:pt x="6567" y="28822"/>
                    <a:pt x="6567" y="28948"/>
                    <a:pt x="6517" y="28948"/>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203" name="Google Shape;260;p16">
              <a:extLst>
                <a:ext uri="{FF2B5EF4-FFF2-40B4-BE49-F238E27FC236}">
                  <a16:creationId xmlns:a16="http://schemas.microsoft.com/office/drawing/2014/main" id="{51E358D7-F502-F6C6-85A1-43CB0772895C}"/>
                </a:ext>
              </a:extLst>
            </p:cNvPr>
            <p:cNvSpPr/>
            <p:nvPr/>
          </p:nvSpPr>
          <p:spPr>
            <a:xfrm>
              <a:off x="1605395" y="3051767"/>
              <a:ext cx="439331" cy="817037"/>
            </a:xfrm>
            <a:custGeom>
              <a:avLst/>
              <a:gdLst/>
              <a:ahLst/>
              <a:cxnLst/>
              <a:rect l="l" t="t" r="r" b="b"/>
              <a:pathLst>
                <a:path w="15741" h="29274" fill="none" extrusionOk="0">
                  <a:moveTo>
                    <a:pt x="6517" y="28948"/>
                  </a:moveTo>
                  <a:cubicBezTo>
                    <a:pt x="6517" y="28998"/>
                    <a:pt x="6392" y="28998"/>
                    <a:pt x="6342" y="28998"/>
                  </a:cubicBezTo>
                  <a:cubicBezTo>
                    <a:pt x="6292" y="28998"/>
                    <a:pt x="6166" y="28948"/>
                    <a:pt x="6116" y="28948"/>
                  </a:cubicBezTo>
                  <a:cubicBezTo>
                    <a:pt x="6116" y="28873"/>
                    <a:pt x="6116" y="28822"/>
                    <a:pt x="6066" y="28772"/>
                  </a:cubicBezTo>
                  <a:lnTo>
                    <a:pt x="5966" y="28772"/>
                  </a:lnTo>
                  <a:cubicBezTo>
                    <a:pt x="5891" y="28772"/>
                    <a:pt x="5891" y="28873"/>
                    <a:pt x="5841" y="28873"/>
                  </a:cubicBezTo>
                  <a:cubicBezTo>
                    <a:pt x="5790" y="28873"/>
                    <a:pt x="5740" y="28772"/>
                    <a:pt x="5665" y="28722"/>
                  </a:cubicBezTo>
                  <a:cubicBezTo>
                    <a:pt x="5665" y="28647"/>
                    <a:pt x="5665" y="28547"/>
                    <a:pt x="5615" y="28497"/>
                  </a:cubicBezTo>
                  <a:cubicBezTo>
                    <a:pt x="5615" y="28421"/>
                    <a:pt x="5440" y="28421"/>
                    <a:pt x="5389" y="28421"/>
                  </a:cubicBezTo>
                  <a:cubicBezTo>
                    <a:pt x="5339" y="28371"/>
                    <a:pt x="5289" y="28271"/>
                    <a:pt x="5214" y="28271"/>
                  </a:cubicBezTo>
                  <a:cubicBezTo>
                    <a:pt x="5164" y="28271"/>
                    <a:pt x="5114" y="28421"/>
                    <a:pt x="5064" y="28421"/>
                  </a:cubicBezTo>
                  <a:cubicBezTo>
                    <a:pt x="5064" y="28497"/>
                    <a:pt x="4938" y="28421"/>
                    <a:pt x="4888" y="28497"/>
                  </a:cubicBezTo>
                  <a:cubicBezTo>
                    <a:pt x="4838" y="28497"/>
                    <a:pt x="4713" y="28547"/>
                    <a:pt x="4663" y="28597"/>
                  </a:cubicBezTo>
                  <a:cubicBezTo>
                    <a:pt x="4613" y="28597"/>
                    <a:pt x="4613" y="28722"/>
                    <a:pt x="4537" y="28772"/>
                  </a:cubicBezTo>
                  <a:cubicBezTo>
                    <a:pt x="4537" y="28772"/>
                    <a:pt x="4487" y="28822"/>
                    <a:pt x="4487" y="28873"/>
                  </a:cubicBezTo>
                  <a:cubicBezTo>
                    <a:pt x="4487" y="28948"/>
                    <a:pt x="4613" y="28998"/>
                    <a:pt x="4613" y="29048"/>
                  </a:cubicBezTo>
                  <a:cubicBezTo>
                    <a:pt x="4613" y="29098"/>
                    <a:pt x="4537" y="29223"/>
                    <a:pt x="4537" y="29223"/>
                  </a:cubicBezTo>
                  <a:cubicBezTo>
                    <a:pt x="4487" y="29274"/>
                    <a:pt x="4387" y="29223"/>
                    <a:pt x="4387" y="29223"/>
                  </a:cubicBezTo>
                  <a:cubicBezTo>
                    <a:pt x="4312" y="29173"/>
                    <a:pt x="4262" y="29048"/>
                    <a:pt x="4262" y="29048"/>
                  </a:cubicBezTo>
                  <a:cubicBezTo>
                    <a:pt x="4262" y="28998"/>
                    <a:pt x="4387" y="28873"/>
                    <a:pt x="4312" y="28822"/>
                  </a:cubicBezTo>
                  <a:cubicBezTo>
                    <a:pt x="4262" y="28772"/>
                    <a:pt x="4161" y="28873"/>
                    <a:pt x="4086" y="28873"/>
                  </a:cubicBezTo>
                  <a:cubicBezTo>
                    <a:pt x="4086" y="28822"/>
                    <a:pt x="4036" y="28772"/>
                    <a:pt x="4036" y="28722"/>
                  </a:cubicBezTo>
                  <a:cubicBezTo>
                    <a:pt x="4036" y="28647"/>
                    <a:pt x="3986" y="28497"/>
                    <a:pt x="4036" y="28371"/>
                  </a:cubicBezTo>
                  <a:cubicBezTo>
                    <a:pt x="4036" y="28321"/>
                    <a:pt x="4086" y="28146"/>
                    <a:pt x="4161" y="28046"/>
                  </a:cubicBezTo>
                  <a:lnTo>
                    <a:pt x="4262" y="27970"/>
                  </a:lnTo>
                  <a:cubicBezTo>
                    <a:pt x="4262" y="27920"/>
                    <a:pt x="4212" y="27820"/>
                    <a:pt x="4161" y="27745"/>
                  </a:cubicBezTo>
                  <a:cubicBezTo>
                    <a:pt x="4161" y="27745"/>
                    <a:pt x="4036" y="27695"/>
                    <a:pt x="3986" y="27695"/>
                  </a:cubicBezTo>
                  <a:cubicBezTo>
                    <a:pt x="3936" y="27745"/>
                    <a:pt x="3986" y="27870"/>
                    <a:pt x="3986" y="27920"/>
                  </a:cubicBezTo>
                  <a:cubicBezTo>
                    <a:pt x="3986" y="27970"/>
                    <a:pt x="3936" y="28096"/>
                    <a:pt x="3936" y="28096"/>
                  </a:cubicBezTo>
                  <a:cubicBezTo>
                    <a:pt x="3886" y="28096"/>
                    <a:pt x="3811" y="27970"/>
                    <a:pt x="3760" y="27920"/>
                  </a:cubicBezTo>
                  <a:cubicBezTo>
                    <a:pt x="3760" y="27920"/>
                    <a:pt x="3660" y="27870"/>
                    <a:pt x="3660" y="27820"/>
                  </a:cubicBezTo>
                  <a:cubicBezTo>
                    <a:pt x="3585" y="27695"/>
                    <a:pt x="3585" y="27419"/>
                    <a:pt x="3585" y="27244"/>
                  </a:cubicBezTo>
                  <a:cubicBezTo>
                    <a:pt x="3585" y="27193"/>
                    <a:pt x="3660" y="26968"/>
                    <a:pt x="3585" y="26918"/>
                  </a:cubicBezTo>
                  <a:cubicBezTo>
                    <a:pt x="3535" y="26843"/>
                    <a:pt x="3359" y="26918"/>
                    <a:pt x="3359" y="26843"/>
                  </a:cubicBezTo>
                  <a:cubicBezTo>
                    <a:pt x="3309" y="26792"/>
                    <a:pt x="3359" y="26692"/>
                    <a:pt x="3309" y="26617"/>
                  </a:cubicBezTo>
                  <a:cubicBezTo>
                    <a:pt x="3309" y="26567"/>
                    <a:pt x="3134" y="26567"/>
                    <a:pt x="3134" y="26517"/>
                  </a:cubicBezTo>
                  <a:cubicBezTo>
                    <a:pt x="3084" y="26467"/>
                    <a:pt x="3084" y="26391"/>
                    <a:pt x="3084" y="26341"/>
                  </a:cubicBezTo>
                  <a:cubicBezTo>
                    <a:pt x="3084" y="26341"/>
                    <a:pt x="2983" y="26341"/>
                    <a:pt x="2983" y="26291"/>
                  </a:cubicBezTo>
                  <a:cubicBezTo>
                    <a:pt x="2908" y="26291"/>
                    <a:pt x="2858" y="26241"/>
                    <a:pt x="2858" y="26166"/>
                  </a:cubicBezTo>
                  <a:cubicBezTo>
                    <a:pt x="2808" y="26116"/>
                    <a:pt x="2808" y="26015"/>
                    <a:pt x="2758" y="25940"/>
                  </a:cubicBezTo>
                  <a:lnTo>
                    <a:pt x="2532" y="25940"/>
                  </a:lnTo>
                  <a:cubicBezTo>
                    <a:pt x="2457" y="25890"/>
                    <a:pt x="2457" y="25790"/>
                    <a:pt x="2457" y="25715"/>
                  </a:cubicBezTo>
                  <a:cubicBezTo>
                    <a:pt x="2407" y="25614"/>
                    <a:pt x="2357" y="25389"/>
                    <a:pt x="2307" y="25339"/>
                  </a:cubicBezTo>
                  <a:cubicBezTo>
                    <a:pt x="2232" y="25264"/>
                    <a:pt x="2081" y="25163"/>
                    <a:pt x="2006" y="25113"/>
                  </a:cubicBezTo>
                  <a:cubicBezTo>
                    <a:pt x="1956" y="25038"/>
                    <a:pt x="1856" y="24988"/>
                    <a:pt x="1780" y="24888"/>
                  </a:cubicBezTo>
                  <a:cubicBezTo>
                    <a:pt x="1780" y="24762"/>
                    <a:pt x="1780" y="24537"/>
                    <a:pt x="1856" y="24487"/>
                  </a:cubicBezTo>
                  <a:cubicBezTo>
                    <a:pt x="1906" y="24311"/>
                    <a:pt x="2131" y="24136"/>
                    <a:pt x="2232" y="24086"/>
                  </a:cubicBezTo>
                  <a:cubicBezTo>
                    <a:pt x="2307" y="24086"/>
                    <a:pt x="2407" y="24086"/>
                    <a:pt x="2457" y="24035"/>
                  </a:cubicBezTo>
                  <a:cubicBezTo>
                    <a:pt x="2532" y="24035"/>
                    <a:pt x="2532" y="23860"/>
                    <a:pt x="2532" y="23810"/>
                  </a:cubicBezTo>
                  <a:cubicBezTo>
                    <a:pt x="2457" y="23760"/>
                    <a:pt x="2357" y="23584"/>
                    <a:pt x="2307" y="23534"/>
                  </a:cubicBezTo>
                  <a:cubicBezTo>
                    <a:pt x="2232" y="23459"/>
                    <a:pt x="2181" y="23233"/>
                    <a:pt x="2081" y="23183"/>
                  </a:cubicBezTo>
                  <a:lnTo>
                    <a:pt x="1906" y="23183"/>
                  </a:lnTo>
                  <a:cubicBezTo>
                    <a:pt x="1856" y="23133"/>
                    <a:pt x="1906" y="23008"/>
                    <a:pt x="1906" y="22958"/>
                  </a:cubicBezTo>
                  <a:lnTo>
                    <a:pt x="1906" y="22682"/>
                  </a:lnTo>
                  <a:cubicBezTo>
                    <a:pt x="1956" y="22632"/>
                    <a:pt x="2131" y="22557"/>
                    <a:pt x="2131" y="22507"/>
                  </a:cubicBezTo>
                  <a:cubicBezTo>
                    <a:pt x="2181" y="22457"/>
                    <a:pt x="2307" y="22281"/>
                    <a:pt x="2232" y="22181"/>
                  </a:cubicBezTo>
                  <a:cubicBezTo>
                    <a:pt x="2232" y="22106"/>
                    <a:pt x="2181" y="22056"/>
                    <a:pt x="2131" y="22005"/>
                  </a:cubicBezTo>
                  <a:cubicBezTo>
                    <a:pt x="2081" y="21955"/>
                    <a:pt x="1956" y="21955"/>
                    <a:pt x="1956" y="21830"/>
                  </a:cubicBezTo>
                  <a:cubicBezTo>
                    <a:pt x="1906" y="21780"/>
                    <a:pt x="2006" y="21655"/>
                    <a:pt x="2081" y="21604"/>
                  </a:cubicBezTo>
                  <a:cubicBezTo>
                    <a:pt x="2131" y="21554"/>
                    <a:pt x="2307" y="21379"/>
                    <a:pt x="2357" y="21329"/>
                  </a:cubicBezTo>
                  <a:cubicBezTo>
                    <a:pt x="2457" y="21203"/>
                    <a:pt x="2582" y="21053"/>
                    <a:pt x="2633" y="20928"/>
                  </a:cubicBezTo>
                  <a:cubicBezTo>
                    <a:pt x="2683" y="20878"/>
                    <a:pt x="2758" y="20878"/>
                    <a:pt x="2758" y="20827"/>
                  </a:cubicBezTo>
                  <a:cubicBezTo>
                    <a:pt x="2808" y="20752"/>
                    <a:pt x="2758" y="20602"/>
                    <a:pt x="2758" y="20477"/>
                  </a:cubicBezTo>
                  <a:cubicBezTo>
                    <a:pt x="2758" y="20426"/>
                    <a:pt x="2858" y="20301"/>
                    <a:pt x="2858" y="20251"/>
                  </a:cubicBezTo>
                  <a:cubicBezTo>
                    <a:pt x="2858" y="20201"/>
                    <a:pt x="2758" y="20076"/>
                    <a:pt x="2683" y="19975"/>
                  </a:cubicBezTo>
                  <a:cubicBezTo>
                    <a:pt x="2683" y="19925"/>
                    <a:pt x="2758" y="19800"/>
                    <a:pt x="2758" y="19750"/>
                  </a:cubicBezTo>
                  <a:cubicBezTo>
                    <a:pt x="2758" y="19624"/>
                    <a:pt x="2808" y="19449"/>
                    <a:pt x="2758" y="19399"/>
                  </a:cubicBezTo>
                  <a:cubicBezTo>
                    <a:pt x="2758" y="19349"/>
                    <a:pt x="2683" y="19223"/>
                    <a:pt x="2683" y="19173"/>
                  </a:cubicBezTo>
                  <a:cubicBezTo>
                    <a:pt x="2683" y="19123"/>
                    <a:pt x="2758" y="18998"/>
                    <a:pt x="2758" y="18948"/>
                  </a:cubicBezTo>
                  <a:cubicBezTo>
                    <a:pt x="2758" y="18847"/>
                    <a:pt x="2683" y="18622"/>
                    <a:pt x="2633" y="18446"/>
                  </a:cubicBezTo>
                  <a:cubicBezTo>
                    <a:pt x="2633" y="18396"/>
                    <a:pt x="2582" y="18221"/>
                    <a:pt x="2633" y="18171"/>
                  </a:cubicBezTo>
                  <a:cubicBezTo>
                    <a:pt x="2683" y="18096"/>
                    <a:pt x="2808" y="18045"/>
                    <a:pt x="2858" y="18045"/>
                  </a:cubicBezTo>
                  <a:cubicBezTo>
                    <a:pt x="2908" y="18096"/>
                    <a:pt x="3034" y="18321"/>
                    <a:pt x="3084" y="18446"/>
                  </a:cubicBezTo>
                  <a:cubicBezTo>
                    <a:pt x="3084" y="18497"/>
                    <a:pt x="3034" y="18672"/>
                    <a:pt x="3034" y="18722"/>
                  </a:cubicBezTo>
                  <a:cubicBezTo>
                    <a:pt x="3084" y="18772"/>
                    <a:pt x="3259" y="18772"/>
                    <a:pt x="3309" y="18847"/>
                  </a:cubicBezTo>
                  <a:cubicBezTo>
                    <a:pt x="3359" y="18898"/>
                    <a:pt x="3359" y="18998"/>
                    <a:pt x="3435" y="18998"/>
                  </a:cubicBezTo>
                  <a:cubicBezTo>
                    <a:pt x="3485" y="19073"/>
                    <a:pt x="3660" y="19123"/>
                    <a:pt x="3710" y="19073"/>
                  </a:cubicBezTo>
                  <a:cubicBezTo>
                    <a:pt x="3760" y="19073"/>
                    <a:pt x="3811" y="18948"/>
                    <a:pt x="3811" y="18898"/>
                  </a:cubicBezTo>
                  <a:cubicBezTo>
                    <a:pt x="3811" y="18898"/>
                    <a:pt x="3760" y="18772"/>
                    <a:pt x="3710" y="18772"/>
                  </a:cubicBezTo>
                  <a:lnTo>
                    <a:pt x="3660" y="18847"/>
                  </a:lnTo>
                  <a:cubicBezTo>
                    <a:pt x="3585" y="18847"/>
                    <a:pt x="3485" y="18772"/>
                    <a:pt x="3485" y="18722"/>
                  </a:cubicBezTo>
                  <a:cubicBezTo>
                    <a:pt x="3435" y="18722"/>
                    <a:pt x="3359" y="18622"/>
                    <a:pt x="3359" y="18547"/>
                  </a:cubicBezTo>
                  <a:cubicBezTo>
                    <a:pt x="3309" y="18497"/>
                    <a:pt x="3309" y="18321"/>
                    <a:pt x="3359" y="18271"/>
                  </a:cubicBezTo>
                  <a:cubicBezTo>
                    <a:pt x="3359" y="18221"/>
                    <a:pt x="3585" y="18171"/>
                    <a:pt x="3585" y="18096"/>
                  </a:cubicBezTo>
                  <a:cubicBezTo>
                    <a:pt x="3585" y="18045"/>
                    <a:pt x="3485" y="17995"/>
                    <a:pt x="3485" y="17945"/>
                  </a:cubicBezTo>
                  <a:cubicBezTo>
                    <a:pt x="3485" y="17870"/>
                    <a:pt x="3535" y="17770"/>
                    <a:pt x="3535" y="17644"/>
                  </a:cubicBezTo>
                  <a:cubicBezTo>
                    <a:pt x="3585" y="17594"/>
                    <a:pt x="3585" y="17494"/>
                    <a:pt x="3660" y="17419"/>
                  </a:cubicBezTo>
                  <a:cubicBezTo>
                    <a:pt x="3660" y="17419"/>
                    <a:pt x="3710" y="17544"/>
                    <a:pt x="3760" y="17544"/>
                  </a:cubicBezTo>
                  <a:cubicBezTo>
                    <a:pt x="3811" y="17544"/>
                    <a:pt x="3811" y="17419"/>
                    <a:pt x="3811" y="17369"/>
                  </a:cubicBezTo>
                  <a:cubicBezTo>
                    <a:pt x="3760" y="17319"/>
                    <a:pt x="3660" y="17319"/>
                    <a:pt x="3585" y="17269"/>
                  </a:cubicBezTo>
                  <a:cubicBezTo>
                    <a:pt x="3585" y="17193"/>
                    <a:pt x="3585" y="17043"/>
                    <a:pt x="3660" y="16968"/>
                  </a:cubicBezTo>
                  <a:cubicBezTo>
                    <a:pt x="3660" y="16918"/>
                    <a:pt x="3710" y="16742"/>
                    <a:pt x="3760" y="16742"/>
                  </a:cubicBezTo>
                  <a:cubicBezTo>
                    <a:pt x="3811" y="16742"/>
                    <a:pt x="3886" y="16918"/>
                    <a:pt x="3936" y="16968"/>
                  </a:cubicBezTo>
                  <a:cubicBezTo>
                    <a:pt x="3986" y="16968"/>
                    <a:pt x="4086" y="17043"/>
                    <a:pt x="4161" y="16968"/>
                  </a:cubicBezTo>
                  <a:cubicBezTo>
                    <a:pt x="4212" y="16968"/>
                    <a:pt x="4262" y="16868"/>
                    <a:pt x="4262" y="16817"/>
                  </a:cubicBezTo>
                  <a:cubicBezTo>
                    <a:pt x="4212" y="16742"/>
                    <a:pt x="4086" y="16692"/>
                    <a:pt x="4086" y="16642"/>
                  </a:cubicBezTo>
                  <a:cubicBezTo>
                    <a:pt x="4036" y="16592"/>
                    <a:pt x="4086" y="16416"/>
                    <a:pt x="4036" y="16366"/>
                  </a:cubicBezTo>
                  <a:cubicBezTo>
                    <a:pt x="4036" y="16291"/>
                    <a:pt x="3936" y="16291"/>
                    <a:pt x="3886" y="16291"/>
                  </a:cubicBezTo>
                  <a:cubicBezTo>
                    <a:pt x="3811" y="16291"/>
                    <a:pt x="3660" y="16241"/>
                    <a:pt x="3660" y="16291"/>
                  </a:cubicBezTo>
                  <a:cubicBezTo>
                    <a:pt x="3585" y="16291"/>
                    <a:pt x="3660" y="16467"/>
                    <a:pt x="3660" y="16517"/>
                  </a:cubicBezTo>
                  <a:cubicBezTo>
                    <a:pt x="3660" y="16517"/>
                    <a:pt x="3660" y="16642"/>
                    <a:pt x="3585" y="16642"/>
                  </a:cubicBezTo>
                  <a:cubicBezTo>
                    <a:pt x="3535" y="16642"/>
                    <a:pt x="3435" y="16592"/>
                    <a:pt x="3359" y="16517"/>
                  </a:cubicBezTo>
                  <a:cubicBezTo>
                    <a:pt x="3359" y="16467"/>
                    <a:pt x="3309" y="16366"/>
                    <a:pt x="3259" y="16366"/>
                  </a:cubicBezTo>
                  <a:cubicBezTo>
                    <a:pt x="3209" y="16291"/>
                    <a:pt x="3034" y="16291"/>
                    <a:pt x="2983" y="16366"/>
                  </a:cubicBezTo>
                  <a:cubicBezTo>
                    <a:pt x="2908" y="16366"/>
                    <a:pt x="2758" y="16416"/>
                    <a:pt x="2758" y="16467"/>
                  </a:cubicBezTo>
                  <a:lnTo>
                    <a:pt x="2858" y="16517"/>
                  </a:lnTo>
                  <a:cubicBezTo>
                    <a:pt x="2858" y="16592"/>
                    <a:pt x="2808" y="16692"/>
                    <a:pt x="2808" y="16692"/>
                  </a:cubicBezTo>
                  <a:cubicBezTo>
                    <a:pt x="2758" y="16742"/>
                    <a:pt x="2633" y="16817"/>
                    <a:pt x="2633" y="16742"/>
                  </a:cubicBezTo>
                  <a:cubicBezTo>
                    <a:pt x="2582" y="16742"/>
                    <a:pt x="2582" y="16517"/>
                    <a:pt x="2582" y="16467"/>
                  </a:cubicBezTo>
                  <a:cubicBezTo>
                    <a:pt x="2532" y="16467"/>
                    <a:pt x="2357" y="16467"/>
                    <a:pt x="2307" y="16416"/>
                  </a:cubicBezTo>
                  <a:cubicBezTo>
                    <a:pt x="2307" y="16416"/>
                    <a:pt x="2232" y="16291"/>
                    <a:pt x="2232" y="16241"/>
                  </a:cubicBezTo>
                  <a:cubicBezTo>
                    <a:pt x="2181" y="16141"/>
                    <a:pt x="2232" y="15840"/>
                    <a:pt x="2232" y="15690"/>
                  </a:cubicBezTo>
                  <a:cubicBezTo>
                    <a:pt x="2232" y="15614"/>
                    <a:pt x="2232" y="15464"/>
                    <a:pt x="2307" y="15389"/>
                  </a:cubicBezTo>
                  <a:cubicBezTo>
                    <a:pt x="2307" y="15339"/>
                    <a:pt x="2407" y="15289"/>
                    <a:pt x="2407" y="15238"/>
                  </a:cubicBezTo>
                  <a:cubicBezTo>
                    <a:pt x="2457" y="15163"/>
                    <a:pt x="2407" y="15063"/>
                    <a:pt x="2407" y="15013"/>
                  </a:cubicBezTo>
                  <a:cubicBezTo>
                    <a:pt x="2357" y="14938"/>
                    <a:pt x="2181" y="15013"/>
                    <a:pt x="2181" y="14938"/>
                  </a:cubicBezTo>
                  <a:cubicBezTo>
                    <a:pt x="2131" y="14888"/>
                    <a:pt x="2081" y="14787"/>
                    <a:pt x="2131" y="14712"/>
                  </a:cubicBezTo>
                  <a:cubicBezTo>
                    <a:pt x="2181" y="14662"/>
                    <a:pt x="2357" y="14612"/>
                    <a:pt x="2457" y="14612"/>
                  </a:cubicBezTo>
                  <a:cubicBezTo>
                    <a:pt x="2532" y="14562"/>
                    <a:pt x="2633" y="14662"/>
                    <a:pt x="2683" y="14612"/>
                  </a:cubicBezTo>
                  <a:cubicBezTo>
                    <a:pt x="2808" y="14612"/>
                    <a:pt x="2908" y="14487"/>
                    <a:pt x="3034" y="14436"/>
                  </a:cubicBezTo>
                  <a:cubicBezTo>
                    <a:pt x="3034" y="14436"/>
                    <a:pt x="3084" y="14386"/>
                    <a:pt x="3134" y="14336"/>
                  </a:cubicBezTo>
                  <a:cubicBezTo>
                    <a:pt x="3134" y="14211"/>
                    <a:pt x="3084" y="13985"/>
                    <a:pt x="3084" y="13885"/>
                  </a:cubicBezTo>
                  <a:cubicBezTo>
                    <a:pt x="3034" y="13810"/>
                    <a:pt x="2983" y="13760"/>
                    <a:pt x="2983" y="13710"/>
                  </a:cubicBezTo>
                  <a:cubicBezTo>
                    <a:pt x="2908" y="13584"/>
                    <a:pt x="2983" y="13359"/>
                    <a:pt x="2983" y="13309"/>
                  </a:cubicBezTo>
                  <a:cubicBezTo>
                    <a:pt x="2983" y="13208"/>
                    <a:pt x="2858" y="13133"/>
                    <a:pt x="2858" y="13083"/>
                  </a:cubicBezTo>
                  <a:cubicBezTo>
                    <a:pt x="2858" y="13033"/>
                    <a:pt x="2983" y="12983"/>
                    <a:pt x="2983" y="12908"/>
                  </a:cubicBezTo>
                  <a:cubicBezTo>
                    <a:pt x="2983" y="12857"/>
                    <a:pt x="3034" y="12757"/>
                    <a:pt x="3084" y="12682"/>
                  </a:cubicBezTo>
                  <a:cubicBezTo>
                    <a:pt x="3084" y="12632"/>
                    <a:pt x="2983" y="12456"/>
                    <a:pt x="3034" y="12406"/>
                  </a:cubicBezTo>
                  <a:cubicBezTo>
                    <a:pt x="3034" y="12356"/>
                    <a:pt x="3134" y="12356"/>
                    <a:pt x="3134" y="12306"/>
                  </a:cubicBezTo>
                  <a:lnTo>
                    <a:pt x="3134" y="11955"/>
                  </a:lnTo>
                  <a:lnTo>
                    <a:pt x="3134" y="11780"/>
                  </a:lnTo>
                  <a:cubicBezTo>
                    <a:pt x="3134" y="11680"/>
                    <a:pt x="3034" y="11504"/>
                    <a:pt x="2983" y="11454"/>
                  </a:cubicBezTo>
                  <a:cubicBezTo>
                    <a:pt x="2908" y="11404"/>
                    <a:pt x="2758" y="11404"/>
                    <a:pt x="2683" y="11329"/>
                  </a:cubicBezTo>
                  <a:cubicBezTo>
                    <a:pt x="2683" y="11279"/>
                    <a:pt x="2683" y="11228"/>
                    <a:pt x="2633" y="11178"/>
                  </a:cubicBezTo>
                  <a:cubicBezTo>
                    <a:pt x="2582" y="11103"/>
                    <a:pt x="2357" y="11178"/>
                    <a:pt x="2307" y="11103"/>
                  </a:cubicBezTo>
                  <a:cubicBezTo>
                    <a:pt x="2307" y="11103"/>
                    <a:pt x="2307" y="11003"/>
                    <a:pt x="2232" y="11003"/>
                  </a:cubicBezTo>
                  <a:cubicBezTo>
                    <a:pt x="2232" y="10878"/>
                    <a:pt x="2307" y="10652"/>
                    <a:pt x="2307" y="10552"/>
                  </a:cubicBezTo>
                  <a:cubicBezTo>
                    <a:pt x="2307" y="10426"/>
                    <a:pt x="2357" y="10251"/>
                    <a:pt x="2357" y="10201"/>
                  </a:cubicBezTo>
                  <a:cubicBezTo>
                    <a:pt x="2357" y="10025"/>
                    <a:pt x="2181" y="9875"/>
                    <a:pt x="2181" y="9750"/>
                  </a:cubicBezTo>
                  <a:cubicBezTo>
                    <a:pt x="2131" y="9574"/>
                    <a:pt x="2232" y="9349"/>
                    <a:pt x="2181" y="9248"/>
                  </a:cubicBezTo>
                  <a:cubicBezTo>
                    <a:pt x="2131" y="9198"/>
                    <a:pt x="1956" y="9198"/>
                    <a:pt x="1906" y="9123"/>
                  </a:cubicBezTo>
                  <a:cubicBezTo>
                    <a:pt x="1906" y="9073"/>
                    <a:pt x="1856" y="9073"/>
                    <a:pt x="1780" y="9023"/>
                  </a:cubicBezTo>
                  <a:lnTo>
                    <a:pt x="1780" y="8672"/>
                  </a:lnTo>
                  <a:cubicBezTo>
                    <a:pt x="1730" y="8622"/>
                    <a:pt x="1680" y="8522"/>
                    <a:pt x="1680" y="8446"/>
                  </a:cubicBezTo>
                  <a:cubicBezTo>
                    <a:pt x="1680" y="8396"/>
                    <a:pt x="1730" y="8221"/>
                    <a:pt x="1680" y="8171"/>
                  </a:cubicBezTo>
                  <a:cubicBezTo>
                    <a:pt x="1680" y="8121"/>
                    <a:pt x="1455" y="7995"/>
                    <a:pt x="1354" y="7995"/>
                  </a:cubicBezTo>
                  <a:cubicBezTo>
                    <a:pt x="1279" y="7995"/>
                    <a:pt x="1229" y="8070"/>
                    <a:pt x="1179" y="8070"/>
                  </a:cubicBezTo>
                  <a:cubicBezTo>
                    <a:pt x="1129" y="8070"/>
                    <a:pt x="1054" y="7995"/>
                    <a:pt x="1003" y="7995"/>
                  </a:cubicBezTo>
                  <a:cubicBezTo>
                    <a:pt x="953" y="8070"/>
                    <a:pt x="1003" y="8171"/>
                    <a:pt x="953" y="8221"/>
                  </a:cubicBezTo>
                  <a:lnTo>
                    <a:pt x="728" y="8221"/>
                  </a:lnTo>
                  <a:cubicBezTo>
                    <a:pt x="678" y="8221"/>
                    <a:pt x="602" y="8171"/>
                    <a:pt x="602" y="8121"/>
                  </a:cubicBezTo>
                  <a:cubicBezTo>
                    <a:pt x="552" y="8070"/>
                    <a:pt x="602" y="7895"/>
                    <a:pt x="602" y="7845"/>
                  </a:cubicBezTo>
                  <a:cubicBezTo>
                    <a:pt x="602" y="7845"/>
                    <a:pt x="678" y="7770"/>
                    <a:pt x="678" y="7720"/>
                  </a:cubicBezTo>
                  <a:lnTo>
                    <a:pt x="678" y="7619"/>
                  </a:lnTo>
                  <a:cubicBezTo>
                    <a:pt x="602" y="7619"/>
                    <a:pt x="502" y="7669"/>
                    <a:pt x="452" y="7669"/>
                  </a:cubicBezTo>
                  <a:cubicBezTo>
                    <a:pt x="377" y="7770"/>
                    <a:pt x="452" y="7945"/>
                    <a:pt x="377" y="7995"/>
                  </a:cubicBezTo>
                  <a:cubicBezTo>
                    <a:pt x="377" y="8070"/>
                    <a:pt x="277" y="8070"/>
                    <a:pt x="277" y="8121"/>
                  </a:cubicBezTo>
                  <a:cubicBezTo>
                    <a:pt x="227" y="8171"/>
                    <a:pt x="327" y="8346"/>
                    <a:pt x="277" y="8396"/>
                  </a:cubicBezTo>
                  <a:lnTo>
                    <a:pt x="101" y="8396"/>
                  </a:lnTo>
                  <a:cubicBezTo>
                    <a:pt x="51" y="8346"/>
                    <a:pt x="51" y="8121"/>
                    <a:pt x="51" y="7995"/>
                  </a:cubicBezTo>
                  <a:cubicBezTo>
                    <a:pt x="51" y="7895"/>
                    <a:pt x="1" y="7669"/>
                    <a:pt x="51" y="7619"/>
                  </a:cubicBezTo>
                  <a:cubicBezTo>
                    <a:pt x="51" y="7544"/>
                    <a:pt x="101" y="7494"/>
                    <a:pt x="151" y="7444"/>
                  </a:cubicBezTo>
                  <a:lnTo>
                    <a:pt x="327" y="7444"/>
                  </a:lnTo>
                  <a:cubicBezTo>
                    <a:pt x="327" y="7394"/>
                    <a:pt x="377" y="7268"/>
                    <a:pt x="452" y="7218"/>
                  </a:cubicBezTo>
                  <a:cubicBezTo>
                    <a:pt x="452" y="7168"/>
                    <a:pt x="452" y="6993"/>
                    <a:pt x="502" y="6943"/>
                  </a:cubicBezTo>
                  <a:cubicBezTo>
                    <a:pt x="502" y="6867"/>
                    <a:pt x="602" y="6817"/>
                    <a:pt x="602" y="6767"/>
                  </a:cubicBezTo>
                  <a:cubicBezTo>
                    <a:pt x="602" y="6717"/>
                    <a:pt x="452" y="6642"/>
                    <a:pt x="377" y="6642"/>
                  </a:cubicBezTo>
                  <a:cubicBezTo>
                    <a:pt x="277" y="6592"/>
                    <a:pt x="151" y="6492"/>
                    <a:pt x="101" y="6416"/>
                  </a:cubicBezTo>
                  <a:cubicBezTo>
                    <a:pt x="101" y="6366"/>
                    <a:pt x="51" y="6266"/>
                    <a:pt x="51" y="6266"/>
                  </a:cubicBezTo>
                  <a:cubicBezTo>
                    <a:pt x="51" y="6191"/>
                    <a:pt x="227" y="6091"/>
                    <a:pt x="227" y="6040"/>
                  </a:cubicBezTo>
                  <a:cubicBezTo>
                    <a:pt x="277" y="5965"/>
                    <a:pt x="227" y="5815"/>
                    <a:pt x="277" y="5690"/>
                  </a:cubicBezTo>
                  <a:cubicBezTo>
                    <a:pt x="277" y="5639"/>
                    <a:pt x="227" y="5414"/>
                    <a:pt x="327" y="5289"/>
                  </a:cubicBezTo>
                  <a:cubicBezTo>
                    <a:pt x="327" y="5289"/>
                    <a:pt x="552" y="5289"/>
                    <a:pt x="602" y="5238"/>
                  </a:cubicBezTo>
                  <a:lnTo>
                    <a:pt x="602" y="4963"/>
                  </a:lnTo>
                  <a:cubicBezTo>
                    <a:pt x="678" y="4837"/>
                    <a:pt x="728" y="4687"/>
                    <a:pt x="778" y="4562"/>
                  </a:cubicBezTo>
                  <a:cubicBezTo>
                    <a:pt x="778" y="4512"/>
                    <a:pt x="953" y="4386"/>
                    <a:pt x="953" y="4336"/>
                  </a:cubicBezTo>
                  <a:cubicBezTo>
                    <a:pt x="953" y="4286"/>
                    <a:pt x="828" y="4161"/>
                    <a:pt x="828" y="4161"/>
                  </a:cubicBezTo>
                  <a:cubicBezTo>
                    <a:pt x="728" y="4111"/>
                    <a:pt x="602" y="4111"/>
                    <a:pt x="552" y="4060"/>
                  </a:cubicBezTo>
                  <a:cubicBezTo>
                    <a:pt x="502" y="4060"/>
                    <a:pt x="452" y="3935"/>
                    <a:pt x="452" y="3885"/>
                  </a:cubicBezTo>
                  <a:cubicBezTo>
                    <a:pt x="377" y="3785"/>
                    <a:pt x="452" y="3609"/>
                    <a:pt x="502" y="3484"/>
                  </a:cubicBezTo>
                  <a:cubicBezTo>
                    <a:pt x="502" y="3434"/>
                    <a:pt x="502" y="3334"/>
                    <a:pt x="552" y="3334"/>
                  </a:cubicBezTo>
                  <a:cubicBezTo>
                    <a:pt x="602" y="3258"/>
                    <a:pt x="778" y="3384"/>
                    <a:pt x="828" y="3434"/>
                  </a:cubicBezTo>
                  <a:cubicBezTo>
                    <a:pt x="903" y="3434"/>
                    <a:pt x="1054" y="3484"/>
                    <a:pt x="1129" y="3559"/>
                  </a:cubicBezTo>
                  <a:cubicBezTo>
                    <a:pt x="1129" y="3609"/>
                    <a:pt x="1003" y="3710"/>
                    <a:pt x="1003" y="3785"/>
                  </a:cubicBezTo>
                  <a:cubicBezTo>
                    <a:pt x="1003" y="3835"/>
                    <a:pt x="1129" y="3935"/>
                    <a:pt x="1179" y="4010"/>
                  </a:cubicBezTo>
                  <a:lnTo>
                    <a:pt x="1179" y="4236"/>
                  </a:lnTo>
                  <a:cubicBezTo>
                    <a:pt x="1229" y="4336"/>
                    <a:pt x="1354" y="4461"/>
                    <a:pt x="1404" y="4562"/>
                  </a:cubicBezTo>
                  <a:cubicBezTo>
                    <a:pt x="1455" y="4612"/>
                    <a:pt x="1505" y="4737"/>
                    <a:pt x="1580" y="4737"/>
                  </a:cubicBezTo>
                  <a:cubicBezTo>
                    <a:pt x="1680" y="4787"/>
                    <a:pt x="1856" y="4737"/>
                    <a:pt x="1906" y="4737"/>
                  </a:cubicBezTo>
                  <a:cubicBezTo>
                    <a:pt x="2006" y="4737"/>
                    <a:pt x="2131" y="4837"/>
                    <a:pt x="2232" y="4837"/>
                  </a:cubicBezTo>
                  <a:cubicBezTo>
                    <a:pt x="2307" y="4837"/>
                    <a:pt x="2407" y="4787"/>
                    <a:pt x="2457" y="4787"/>
                  </a:cubicBezTo>
                  <a:cubicBezTo>
                    <a:pt x="2582" y="4787"/>
                    <a:pt x="2808" y="4837"/>
                    <a:pt x="2908" y="4913"/>
                  </a:cubicBezTo>
                  <a:cubicBezTo>
                    <a:pt x="2983" y="4913"/>
                    <a:pt x="3034" y="5063"/>
                    <a:pt x="3084" y="5138"/>
                  </a:cubicBezTo>
                  <a:cubicBezTo>
                    <a:pt x="3209" y="5188"/>
                    <a:pt x="3359" y="5188"/>
                    <a:pt x="3435" y="5188"/>
                  </a:cubicBezTo>
                  <a:cubicBezTo>
                    <a:pt x="3585" y="5188"/>
                    <a:pt x="3811" y="5063"/>
                    <a:pt x="3986" y="5063"/>
                  </a:cubicBezTo>
                  <a:cubicBezTo>
                    <a:pt x="4086" y="5013"/>
                    <a:pt x="4312" y="4963"/>
                    <a:pt x="4437" y="4913"/>
                  </a:cubicBezTo>
                  <a:cubicBezTo>
                    <a:pt x="4537" y="4787"/>
                    <a:pt x="4613" y="4562"/>
                    <a:pt x="4713" y="4461"/>
                  </a:cubicBezTo>
                  <a:cubicBezTo>
                    <a:pt x="4838" y="4336"/>
                    <a:pt x="5164" y="4161"/>
                    <a:pt x="5339" y="4111"/>
                  </a:cubicBezTo>
                  <a:cubicBezTo>
                    <a:pt x="5389" y="4060"/>
                    <a:pt x="5440" y="4010"/>
                    <a:pt x="5565" y="4010"/>
                  </a:cubicBezTo>
                  <a:cubicBezTo>
                    <a:pt x="5615" y="4010"/>
                    <a:pt x="5790" y="4111"/>
                    <a:pt x="5841" y="4111"/>
                  </a:cubicBezTo>
                  <a:cubicBezTo>
                    <a:pt x="5966" y="4161"/>
                    <a:pt x="6166" y="4060"/>
                    <a:pt x="6242" y="4060"/>
                  </a:cubicBezTo>
                  <a:cubicBezTo>
                    <a:pt x="6292" y="4010"/>
                    <a:pt x="6392" y="3885"/>
                    <a:pt x="6467" y="3835"/>
                  </a:cubicBezTo>
                  <a:cubicBezTo>
                    <a:pt x="6567" y="3710"/>
                    <a:pt x="6743" y="3484"/>
                    <a:pt x="6793" y="3384"/>
                  </a:cubicBezTo>
                  <a:cubicBezTo>
                    <a:pt x="6793" y="3334"/>
                    <a:pt x="6843" y="3108"/>
                    <a:pt x="6843" y="3033"/>
                  </a:cubicBezTo>
                  <a:cubicBezTo>
                    <a:pt x="6918" y="2983"/>
                    <a:pt x="6968" y="2807"/>
                    <a:pt x="7019" y="2757"/>
                  </a:cubicBezTo>
                  <a:cubicBezTo>
                    <a:pt x="7069" y="2707"/>
                    <a:pt x="7244" y="2707"/>
                    <a:pt x="7294" y="2657"/>
                  </a:cubicBezTo>
                  <a:cubicBezTo>
                    <a:pt x="7420" y="2582"/>
                    <a:pt x="7520" y="2431"/>
                    <a:pt x="7645" y="2306"/>
                  </a:cubicBezTo>
                  <a:cubicBezTo>
                    <a:pt x="7695" y="2256"/>
                    <a:pt x="7871" y="2131"/>
                    <a:pt x="7921" y="2080"/>
                  </a:cubicBezTo>
                  <a:cubicBezTo>
                    <a:pt x="8046" y="1980"/>
                    <a:pt x="8272" y="1579"/>
                    <a:pt x="8422" y="1529"/>
                  </a:cubicBezTo>
                  <a:cubicBezTo>
                    <a:pt x="8547" y="1529"/>
                    <a:pt x="8648" y="1579"/>
                    <a:pt x="8773" y="1579"/>
                  </a:cubicBezTo>
                  <a:cubicBezTo>
                    <a:pt x="8823" y="1579"/>
                    <a:pt x="8999" y="1579"/>
                    <a:pt x="9049" y="1529"/>
                  </a:cubicBezTo>
                  <a:cubicBezTo>
                    <a:pt x="9099" y="1454"/>
                    <a:pt x="9224" y="1304"/>
                    <a:pt x="9274" y="1228"/>
                  </a:cubicBezTo>
                  <a:cubicBezTo>
                    <a:pt x="9324" y="1228"/>
                    <a:pt x="9500" y="1228"/>
                    <a:pt x="9500" y="1178"/>
                  </a:cubicBezTo>
                  <a:cubicBezTo>
                    <a:pt x="9600" y="1128"/>
                    <a:pt x="9600" y="852"/>
                    <a:pt x="9600" y="727"/>
                  </a:cubicBezTo>
                  <a:cubicBezTo>
                    <a:pt x="9600" y="677"/>
                    <a:pt x="9550" y="552"/>
                    <a:pt x="9550" y="502"/>
                  </a:cubicBezTo>
                  <a:cubicBezTo>
                    <a:pt x="9550" y="451"/>
                    <a:pt x="9450" y="376"/>
                    <a:pt x="9450" y="326"/>
                  </a:cubicBezTo>
                  <a:lnTo>
                    <a:pt x="9450" y="151"/>
                  </a:lnTo>
                  <a:cubicBezTo>
                    <a:pt x="9450" y="151"/>
                    <a:pt x="9550" y="101"/>
                    <a:pt x="9600" y="50"/>
                  </a:cubicBezTo>
                  <a:lnTo>
                    <a:pt x="9725" y="101"/>
                  </a:lnTo>
                  <a:cubicBezTo>
                    <a:pt x="9826" y="101"/>
                    <a:pt x="9951" y="101"/>
                    <a:pt x="10001" y="50"/>
                  </a:cubicBezTo>
                  <a:cubicBezTo>
                    <a:pt x="10126" y="50"/>
                    <a:pt x="10227" y="0"/>
                    <a:pt x="10277" y="0"/>
                  </a:cubicBezTo>
                  <a:cubicBezTo>
                    <a:pt x="10402" y="0"/>
                    <a:pt x="10502" y="101"/>
                    <a:pt x="10502" y="151"/>
                  </a:cubicBezTo>
                  <a:cubicBezTo>
                    <a:pt x="10552" y="151"/>
                    <a:pt x="10628" y="276"/>
                    <a:pt x="10628" y="276"/>
                  </a:cubicBezTo>
                  <a:cubicBezTo>
                    <a:pt x="10628" y="326"/>
                    <a:pt x="10552" y="451"/>
                    <a:pt x="10552" y="451"/>
                  </a:cubicBezTo>
                  <a:lnTo>
                    <a:pt x="10552" y="677"/>
                  </a:lnTo>
                  <a:cubicBezTo>
                    <a:pt x="10552" y="727"/>
                    <a:pt x="10552" y="852"/>
                    <a:pt x="10628" y="852"/>
                  </a:cubicBezTo>
                  <a:lnTo>
                    <a:pt x="10778" y="852"/>
                  </a:lnTo>
                  <a:cubicBezTo>
                    <a:pt x="10853" y="777"/>
                    <a:pt x="10728" y="677"/>
                    <a:pt x="10778" y="602"/>
                  </a:cubicBezTo>
                  <a:lnTo>
                    <a:pt x="10853" y="552"/>
                  </a:lnTo>
                  <a:cubicBezTo>
                    <a:pt x="10903" y="552"/>
                    <a:pt x="10903" y="602"/>
                    <a:pt x="10903" y="677"/>
                  </a:cubicBezTo>
                  <a:cubicBezTo>
                    <a:pt x="10953" y="727"/>
                    <a:pt x="10903" y="852"/>
                    <a:pt x="10903" y="903"/>
                  </a:cubicBezTo>
                  <a:cubicBezTo>
                    <a:pt x="10953" y="903"/>
                    <a:pt x="11004" y="1003"/>
                    <a:pt x="11004" y="1003"/>
                  </a:cubicBezTo>
                  <a:cubicBezTo>
                    <a:pt x="11079" y="953"/>
                    <a:pt x="11079" y="852"/>
                    <a:pt x="11129" y="852"/>
                  </a:cubicBezTo>
                  <a:cubicBezTo>
                    <a:pt x="11129" y="777"/>
                    <a:pt x="11229" y="903"/>
                    <a:pt x="11304" y="852"/>
                  </a:cubicBezTo>
                  <a:cubicBezTo>
                    <a:pt x="11354" y="777"/>
                    <a:pt x="11229" y="677"/>
                    <a:pt x="11229" y="677"/>
                  </a:cubicBezTo>
                  <a:cubicBezTo>
                    <a:pt x="11304" y="602"/>
                    <a:pt x="11405" y="602"/>
                    <a:pt x="11455" y="677"/>
                  </a:cubicBezTo>
                  <a:cubicBezTo>
                    <a:pt x="11530" y="677"/>
                    <a:pt x="11580" y="777"/>
                    <a:pt x="11580" y="777"/>
                  </a:cubicBezTo>
                  <a:cubicBezTo>
                    <a:pt x="11630" y="852"/>
                    <a:pt x="11680" y="1003"/>
                    <a:pt x="11755" y="1078"/>
                  </a:cubicBezTo>
                  <a:cubicBezTo>
                    <a:pt x="11806" y="1128"/>
                    <a:pt x="11856" y="1178"/>
                    <a:pt x="11856" y="1178"/>
                  </a:cubicBezTo>
                  <a:cubicBezTo>
                    <a:pt x="11906" y="1228"/>
                    <a:pt x="12131" y="1304"/>
                    <a:pt x="12207" y="1404"/>
                  </a:cubicBezTo>
                  <a:cubicBezTo>
                    <a:pt x="12207" y="1454"/>
                    <a:pt x="12131" y="1529"/>
                    <a:pt x="12081" y="1579"/>
                  </a:cubicBezTo>
                  <a:cubicBezTo>
                    <a:pt x="12081" y="1629"/>
                    <a:pt x="12081" y="1805"/>
                    <a:pt x="12131" y="1855"/>
                  </a:cubicBezTo>
                  <a:cubicBezTo>
                    <a:pt x="12131" y="1905"/>
                    <a:pt x="12257" y="1980"/>
                    <a:pt x="12307" y="1980"/>
                  </a:cubicBezTo>
                  <a:cubicBezTo>
                    <a:pt x="12357" y="1905"/>
                    <a:pt x="12357" y="1805"/>
                    <a:pt x="12357" y="1755"/>
                  </a:cubicBezTo>
                  <a:cubicBezTo>
                    <a:pt x="12357" y="1679"/>
                    <a:pt x="12357" y="1579"/>
                    <a:pt x="12432" y="1529"/>
                  </a:cubicBezTo>
                  <a:cubicBezTo>
                    <a:pt x="12482" y="1454"/>
                    <a:pt x="12708" y="1529"/>
                    <a:pt x="12758" y="1454"/>
                  </a:cubicBezTo>
                  <a:cubicBezTo>
                    <a:pt x="12758" y="1404"/>
                    <a:pt x="12808" y="1304"/>
                    <a:pt x="12808" y="1228"/>
                  </a:cubicBezTo>
                  <a:cubicBezTo>
                    <a:pt x="12858" y="1228"/>
                    <a:pt x="12983" y="1304"/>
                    <a:pt x="12983" y="1304"/>
                  </a:cubicBezTo>
                  <a:cubicBezTo>
                    <a:pt x="13034" y="1354"/>
                    <a:pt x="13159" y="1529"/>
                    <a:pt x="13209" y="1579"/>
                  </a:cubicBezTo>
                  <a:cubicBezTo>
                    <a:pt x="13259" y="1629"/>
                    <a:pt x="13309" y="1805"/>
                    <a:pt x="13309" y="1905"/>
                  </a:cubicBezTo>
                  <a:cubicBezTo>
                    <a:pt x="13309" y="1980"/>
                    <a:pt x="13309" y="2030"/>
                    <a:pt x="13259" y="2080"/>
                  </a:cubicBezTo>
                  <a:cubicBezTo>
                    <a:pt x="13209" y="2131"/>
                    <a:pt x="13034" y="2080"/>
                    <a:pt x="12983" y="2131"/>
                  </a:cubicBezTo>
                  <a:cubicBezTo>
                    <a:pt x="12983" y="2206"/>
                    <a:pt x="13034" y="2306"/>
                    <a:pt x="12983" y="2356"/>
                  </a:cubicBezTo>
                  <a:cubicBezTo>
                    <a:pt x="12983" y="2431"/>
                    <a:pt x="12933" y="2532"/>
                    <a:pt x="12933" y="2532"/>
                  </a:cubicBezTo>
                  <a:cubicBezTo>
                    <a:pt x="12858" y="2582"/>
                    <a:pt x="12808" y="2657"/>
                    <a:pt x="12808" y="2707"/>
                  </a:cubicBezTo>
                  <a:cubicBezTo>
                    <a:pt x="12758" y="2757"/>
                    <a:pt x="12708" y="2983"/>
                    <a:pt x="12758" y="3033"/>
                  </a:cubicBezTo>
                  <a:cubicBezTo>
                    <a:pt x="12808" y="3033"/>
                    <a:pt x="12933" y="2933"/>
                    <a:pt x="12933" y="2933"/>
                  </a:cubicBezTo>
                  <a:cubicBezTo>
                    <a:pt x="12983" y="2883"/>
                    <a:pt x="13084" y="2707"/>
                    <a:pt x="13159" y="2757"/>
                  </a:cubicBezTo>
                  <a:cubicBezTo>
                    <a:pt x="13209" y="2757"/>
                    <a:pt x="13259" y="2883"/>
                    <a:pt x="13259" y="2933"/>
                  </a:cubicBezTo>
                  <a:cubicBezTo>
                    <a:pt x="13209" y="2983"/>
                    <a:pt x="13159" y="3033"/>
                    <a:pt x="13209" y="3033"/>
                  </a:cubicBezTo>
                  <a:cubicBezTo>
                    <a:pt x="13209" y="3108"/>
                    <a:pt x="13309" y="3108"/>
                    <a:pt x="13384" y="3033"/>
                  </a:cubicBezTo>
                  <a:cubicBezTo>
                    <a:pt x="13384" y="3033"/>
                    <a:pt x="13384" y="2933"/>
                    <a:pt x="13435" y="2883"/>
                  </a:cubicBezTo>
                  <a:lnTo>
                    <a:pt x="13760" y="2883"/>
                  </a:lnTo>
                  <a:cubicBezTo>
                    <a:pt x="13836" y="2883"/>
                    <a:pt x="13986" y="2933"/>
                    <a:pt x="14061" y="2983"/>
                  </a:cubicBezTo>
                  <a:cubicBezTo>
                    <a:pt x="14061" y="3033"/>
                    <a:pt x="14111" y="3158"/>
                    <a:pt x="14111" y="3208"/>
                  </a:cubicBezTo>
                  <a:cubicBezTo>
                    <a:pt x="14061" y="3208"/>
                    <a:pt x="14061" y="3258"/>
                    <a:pt x="13986" y="3258"/>
                  </a:cubicBezTo>
                  <a:cubicBezTo>
                    <a:pt x="13936" y="3334"/>
                    <a:pt x="13760" y="3208"/>
                    <a:pt x="13710" y="3208"/>
                  </a:cubicBezTo>
                  <a:cubicBezTo>
                    <a:pt x="13610" y="3208"/>
                    <a:pt x="13485" y="3384"/>
                    <a:pt x="13485" y="3434"/>
                  </a:cubicBezTo>
                  <a:cubicBezTo>
                    <a:pt x="13435" y="3484"/>
                    <a:pt x="13485" y="3659"/>
                    <a:pt x="13435" y="3710"/>
                  </a:cubicBezTo>
                  <a:cubicBezTo>
                    <a:pt x="13435" y="3710"/>
                    <a:pt x="13384" y="3785"/>
                    <a:pt x="13384" y="3835"/>
                  </a:cubicBezTo>
                  <a:cubicBezTo>
                    <a:pt x="13384" y="3885"/>
                    <a:pt x="13435" y="4010"/>
                    <a:pt x="13384" y="4010"/>
                  </a:cubicBezTo>
                  <a:cubicBezTo>
                    <a:pt x="13309" y="4060"/>
                    <a:pt x="13259" y="4010"/>
                    <a:pt x="13209" y="3935"/>
                  </a:cubicBezTo>
                  <a:cubicBezTo>
                    <a:pt x="13084" y="3935"/>
                    <a:pt x="12858" y="3885"/>
                    <a:pt x="12808" y="4010"/>
                  </a:cubicBezTo>
                  <a:cubicBezTo>
                    <a:pt x="12758" y="4010"/>
                    <a:pt x="12758" y="4161"/>
                    <a:pt x="12758" y="4236"/>
                  </a:cubicBezTo>
                  <a:cubicBezTo>
                    <a:pt x="12808" y="4236"/>
                    <a:pt x="12983" y="4161"/>
                    <a:pt x="13034" y="4161"/>
                  </a:cubicBezTo>
                  <a:cubicBezTo>
                    <a:pt x="13159" y="4236"/>
                    <a:pt x="13309" y="4336"/>
                    <a:pt x="13384" y="4336"/>
                  </a:cubicBezTo>
                  <a:cubicBezTo>
                    <a:pt x="13485" y="4286"/>
                    <a:pt x="13535" y="4236"/>
                    <a:pt x="13610" y="4161"/>
                  </a:cubicBezTo>
                  <a:cubicBezTo>
                    <a:pt x="13710" y="4161"/>
                    <a:pt x="13886" y="4060"/>
                    <a:pt x="13936" y="4111"/>
                  </a:cubicBezTo>
                  <a:lnTo>
                    <a:pt x="13936" y="4286"/>
                  </a:lnTo>
                  <a:cubicBezTo>
                    <a:pt x="13936" y="4336"/>
                    <a:pt x="13886" y="4386"/>
                    <a:pt x="13886" y="4386"/>
                  </a:cubicBezTo>
                  <a:cubicBezTo>
                    <a:pt x="13936" y="4461"/>
                    <a:pt x="13986" y="4612"/>
                    <a:pt x="14111" y="4687"/>
                  </a:cubicBezTo>
                  <a:cubicBezTo>
                    <a:pt x="14161" y="4737"/>
                    <a:pt x="14287" y="4687"/>
                    <a:pt x="14337" y="4687"/>
                  </a:cubicBezTo>
                  <a:cubicBezTo>
                    <a:pt x="14387" y="4737"/>
                    <a:pt x="14437" y="4837"/>
                    <a:pt x="14512" y="4913"/>
                  </a:cubicBezTo>
                  <a:lnTo>
                    <a:pt x="14738" y="4913"/>
                  </a:lnTo>
                  <a:cubicBezTo>
                    <a:pt x="14788" y="4963"/>
                    <a:pt x="14888" y="5013"/>
                    <a:pt x="14888" y="5063"/>
                  </a:cubicBezTo>
                  <a:cubicBezTo>
                    <a:pt x="14888" y="5138"/>
                    <a:pt x="14838" y="5188"/>
                    <a:pt x="14788" y="5188"/>
                  </a:cubicBezTo>
                  <a:cubicBezTo>
                    <a:pt x="14738" y="5188"/>
                    <a:pt x="14613" y="5138"/>
                    <a:pt x="14562" y="5138"/>
                  </a:cubicBezTo>
                  <a:cubicBezTo>
                    <a:pt x="14562" y="5138"/>
                    <a:pt x="14512" y="5188"/>
                    <a:pt x="14512" y="5238"/>
                  </a:cubicBezTo>
                  <a:cubicBezTo>
                    <a:pt x="14512" y="5238"/>
                    <a:pt x="14562" y="5289"/>
                    <a:pt x="14562" y="5364"/>
                  </a:cubicBezTo>
                  <a:cubicBezTo>
                    <a:pt x="14562" y="5364"/>
                    <a:pt x="14562" y="5464"/>
                    <a:pt x="14512" y="5464"/>
                  </a:cubicBezTo>
                  <a:lnTo>
                    <a:pt x="14387" y="5464"/>
                  </a:lnTo>
                  <a:cubicBezTo>
                    <a:pt x="14337" y="5464"/>
                    <a:pt x="14337" y="5364"/>
                    <a:pt x="14287" y="5364"/>
                  </a:cubicBezTo>
                  <a:cubicBezTo>
                    <a:pt x="14212" y="5364"/>
                    <a:pt x="14212" y="5414"/>
                    <a:pt x="14212" y="5464"/>
                  </a:cubicBezTo>
                  <a:cubicBezTo>
                    <a:pt x="14161" y="5514"/>
                    <a:pt x="14161" y="5639"/>
                    <a:pt x="14212" y="5690"/>
                  </a:cubicBezTo>
                  <a:cubicBezTo>
                    <a:pt x="14287" y="5740"/>
                    <a:pt x="14512" y="5740"/>
                    <a:pt x="14562" y="5815"/>
                  </a:cubicBezTo>
                  <a:cubicBezTo>
                    <a:pt x="14613" y="5865"/>
                    <a:pt x="14788" y="6091"/>
                    <a:pt x="14788" y="6141"/>
                  </a:cubicBezTo>
                  <a:cubicBezTo>
                    <a:pt x="14788" y="6266"/>
                    <a:pt x="14738" y="6416"/>
                    <a:pt x="14738" y="6542"/>
                  </a:cubicBezTo>
                  <a:cubicBezTo>
                    <a:pt x="14738" y="6592"/>
                    <a:pt x="14788" y="6767"/>
                    <a:pt x="14838" y="6817"/>
                  </a:cubicBezTo>
                  <a:cubicBezTo>
                    <a:pt x="14888" y="6867"/>
                    <a:pt x="15014" y="6867"/>
                    <a:pt x="15014" y="6943"/>
                  </a:cubicBezTo>
                  <a:cubicBezTo>
                    <a:pt x="15064" y="6993"/>
                    <a:pt x="15064" y="7093"/>
                    <a:pt x="15064" y="7168"/>
                  </a:cubicBezTo>
                  <a:cubicBezTo>
                    <a:pt x="15064" y="7218"/>
                    <a:pt x="15014" y="7319"/>
                    <a:pt x="15014" y="7394"/>
                  </a:cubicBezTo>
                  <a:cubicBezTo>
                    <a:pt x="15014" y="7444"/>
                    <a:pt x="14963" y="7494"/>
                    <a:pt x="14963" y="7544"/>
                  </a:cubicBezTo>
                  <a:cubicBezTo>
                    <a:pt x="14888" y="7619"/>
                    <a:pt x="14888" y="7770"/>
                    <a:pt x="14888" y="7845"/>
                  </a:cubicBezTo>
                  <a:cubicBezTo>
                    <a:pt x="14963" y="7945"/>
                    <a:pt x="15064" y="8121"/>
                    <a:pt x="15114" y="8221"/>
                  </a:cubicBezTo>
                  <a:cubicBezTo>
                    <a:pt x="15164" y="8346"/>
                    <a:pt x="15390" y="8446"/>
                    <a:pt x="15465" y="8572"/>
                  </a:cubicBezTo>
                  <a:cubicBezTo>
                    <a:pt x="15465" y="8572"/>
                    <a:pt x="15390" y="8672"/>
                    <a:pt x="15465" y="8747"/>
                  </a:cubicBezTo>
                  <a:cubicBezTo>
                    <a:pt x="15465" y="8797"/>
                    <a:pt x="15615" y="8847"/>
                    <a:pt x="15690" y="8898"/>
                  </a:cubicBezTo>
                  <a:cubicBezTo>
                    <a:pt x="15740" y="8898"/>
                    <a:pt x="15740" y="9023"/>
                    <a:pt x="15740" y="9073"/>
                  </a:cubicBezTo>
                  <a:cubicBezTo>
                    <a:pt x="15740" y="9123"/>
                    <a:pt x="15615" y="9248"/>
                    <a:pt x="15565" y="9299"/>
                  </a:cubicBezTo>
                  <a:cubicBezTo>
                    <a:pt x="15515" y="9474"/>
                    <a:pt x="15515" y="9750"/>
                    <a:pt x="15465" y="9925"/>
                  </a:cubicBezTo>
                  <a:cubicBezTo>
                    <a:pt x="15390" y="9975"/>
                    <a:pt x="15289" y="10025"/>
                    <a:pt x="15239" y="10101"/>
                  </a:cubicBezTo>
                  <a:cubicBezTo>
                    <a:pt x="15164" y="10201"/>
                    <a:pt x="15289" y="10426"/>
                    <a:pt x="15239" y="10552"/>
                  </a:cubicBezTo>
                  <a:cubicBezTo>
                    <a:pt x="15239" y="10652"/>
                    <a:pt x="15064" y="10777"/>
                    <a:pt x="15014" y="10777"/>
                  </a:cubicBezTo>
                  <a:cubicBezTo>
                    <a:pt x="14963" y="10827"/>
                    <a:pt x="14888" y="10827"/>
                    <a:pt x="14838" y="10827"/>
                  </a:cubicBezTo>
                  <a:cubicBezTo>
                    <a:pt x="14663" y="10878"/>
                    <a:pt x="14387" y="11053"/>
                    <a:pt x="14337" y="11178"/>
                  </a:cubicBezTo>
                  <a:cubicBezTo>
                    <a:pt x="14287" y="11228"/>
                    <a:pt x="14212" y="11404"/>
                    <a:pt x="14161" y="11504"/>
                  </a:cubicBezTo>
                  <a:cubicBezTo>
                    <a:pt x="14111" y="11629"/>
                    <a:pt x="13936" y="11780"/>
                    <a:pt x="13886" y="11905"/>
                  </a:cubicBezTo>
                  <a:cubicBezTo>
                    <a:pt x="13836" y="12081"/>
                    <a:pt x="13760" y="12356"/>
                    <a:pt x="13760" y="12532"/>
                  </a:cubicBezTo>
                  <a:cubicBezTo>
                    <a:pt x="13760" y="12682"/>
                    <a:pt x="13936" y="12983"/>
                    <a:pt x="13986" y="13133"/>
                  </a:cubicBezTo>
                  <a:cubicBezTo>
                    <a:pt x="13986" y="13309"/>
                    <a:pt x="14061" y="13660"/>
                    <a:pt x="14161" y="13760"/>
                  </a:cubicBezTo>
                  <a:cubicBezTo>
                    <a:pt x="14212" y="13935"/>
                    <a:pt x="14613" y="14035"/>
                    <a:pt x="14663" y="14211"/>
                  </a:cubicBezTo>
                  <a:cubicBezTo>
                    <a:pt x="14738" y="14336"/>
                    <a:pt x="14788" y="14562"/>
                    <a:pt x="14738" y="14662"/>
                  </a:cubicBezTo>
                  <a:cubicBezTo>
                    <a:pt x="14738" y="14712"/>
                    <a:pt x="14613" y="14787"/>
                    <a:pt x="14613" y="14837"/>
                  </a:cubicBezTo>
                  <a:cubicBezTo>
                    <a:pt x="14613" y="14888"/>
                    <a:pt x="14613" y="15063"/>
                    <a:pt x="14562" y="15113"/>
                  </a:cubicBezTo>
                  <a:cubicBezTo>
                    <a:pt x="14512" y="15238"/>
                    <a:pt x="14337" y="15389"/>
                    <a:pt x="14337" y="15514"/>
                  </a:cubicBezTo>
                  <a:cubicBezTo>
                    <a:pt x="14287" y="15564"/>
                    <a:pt x="14287" y="15740"/>
                    <a:pt x="14287" y="15790"/>
                  </a:cubicBezTo>
                  <a:cubicBezTo>
                    <a:pt x="14337" y="15840"/>
                    <a:pt x="14437" y="15965"/>
                    <a:pt x="14512" y="16015"/>
                  </a:cubicBezTo>
                  <a:cubicBezTo>
                    <a:pt x="14512" y="16066"/>
                    <a:pt x="14562" y="16241"/>
                    <a:pt x="14562" y="16366"/>
                  </a:cubicBezTo>
                  <a:cubicBezTo>
                    <a:pt x="14512" y="16416"/>
                    <a:pt x="14337" y="16467"/>
                    <a:pt x="14337" y="16517"/>
                  </a:cubicBezTo>
                  <a:cubicBezTo>
                    <a:pt x="14287" y="16517"/>
                    <a:pt x="14337" y="16642"/>
                    <a:pt x="14337" y="16692"/>
                  </a:cubicBezTo>
                  <a:cubicBezTo>
                    <a:pt x="14337" y="16742"/>
                    <a:pt x="14437" y="16868"/>
                    <a:pt x="14437" y="16918"/>
                  </a:cubicBezTo>
                  <a:cubicBezTo>
                    <a:pt x="14437" y="17043"/>
                    <a:pt x="14437" y="17319"/>
                    <a:pt x="14387" y="17419"/>
                  </a:cubicBezTo>
                  <a:cubicBezTo>
                    <a:pt x="14387" y="17544"/>
                    <a:pt x="14287" y="17644"/>
                    <a:pt x="14212" y="17770"/>
                  </a:cubicBezTo>
                  <a:cubicBezTo>
                    <a:pt x="14212" y="17820"/>
                    <a:pt x="14161" y="17995"/>
                    <a:pt x="14161" y="18096"/>
                  </a:cubicBezTo>
                  <a:cubicBezTo>
                    <a:pt x="14212" y="18221"/>
                    <a:pt x="14287" y="18446"/>
                    <a:pt x="14337" y="18547"/>
                  </a:cubicBezTo>
                  <a:cubicBezTo>
                    <a:pt x="14337" y="18622"/>
                    <a:pt x="14337" y="18772"/>
                    <a:pt x="14287" y="18847"/>
                  </a:cubicBezTo>
                  <a:cubicBezTo>
                    <a:pt x="14287" y="18948"/>
                    <a:pt x="14161" y="19073"/>
                    <a:pt x="14111" y="19123"/>
                  </a:cubicBezTo>
                  <a:lnTo>
                    <a:pt x="14111" y="19349"/>
                  </a:lnTo>
                  <a:cubicBezTo>
                    <a:pt x="14111" y="19399"/>
                    <a:pt x="14061" y="19449"/>
                    <a:pt x="14061" y="19524"/>
                  </a:cubicBezTo>
                  <a:cubicBezTo>
                    <a:pt x="13986" y="19700"/>
                    <a:pt x="14061" y="19975"/>
                    <a:pt x="14061" y="20076"/>
                  </a:cubicBezTo>
                  <a:cubicBezTo>
                    <a:pt x="14061" y="20301"/>
                    <a:pt x="13986" y="20652"/>
                    <a:pt x="13986" y="20827"/>
                  </a:cubicBezTo>
                  <a:cubicBezTo>
                    <a:pt x="13936" y="20978"/>
                    <a:pt x="13710" y="21203"/>
                    <a:pt x="13760" y="21379"/>
                  </a:cubicBezTo>
                  <a:cubicBezTo>
                    <a:pt x="13760" y="21504"/>
                    <a:pt x="13886" y="21604"/>
                    <a:pt x="13886" y="21730"/>
                  </a:cubicBezTo>
                  <a:cubicBezTo>
                    <a:pt x="13936" y="21880"/>
                    <a:pt x="13886" y="22231"/>
                    <a:pt x="13836" y="22406"/>
                  </a:cubicBezTo>
                  <a:cubicBezTo>
                    <a:pt x="13760" y="22507"/>
                    <a:pt x="13660" y="22732"/>
                    <a:pt x="13610" y="22858"/>
                  </a:cubicBezTo>
                  <a:cubicBezTo>
                    <a:pt x="13610" y="22908"/>
                    <a:pt x="13610" y="23133"/>
                    <a:pt x="13535" y="23183"/>
                  </a:cubicBezTo>
                  <a:lnTo>
                    <a:pt x="13435" y="23183"/>
                  </a:lnTo>
                  <a:cubicBezTo>
                    <a:pt x="13384" y="23233"/>
                    <a:pt x="13384" y="23359"/>
                    <a:pt x="13384" y="23409"/>
                  </a:cubicBezTo>
                  <a:cubicBezTo>
                    <a:pt x="13435" y="23459"/>
                    <a:pt x="13535" y="23459"/>
                    <a:pt x="13610" y="23534"/>
                  </a:cubicBezTo>
                  <a:cubicBezTo>
                    <a:pt x="13610" y="23584"/>
                    <a:pt x="13610" y="23760"/>
                    <a:pt x="13660" y="23810"/>
                  </a:cubicBezTo>
                  <a:cubicBezTo>
                    <a:pt x="13710" y="23860"/>
                    <a:pt x="13886" y="23860"/>
                    <a:pt x="13886" y="23910"/>
                  </a:cubicBezTo>
                  <a:cubicBezTo>
                    <a:pt x="13886" y="23985"/>
                    <a:pt x="13760" y="24035"/>
                    <a:pt x="13710" y="24035"/>
                  </a:cubicBezTo>
                  <a:cubicBezTo>
                    <a:pt x="13660" y="24086"/>
                    <a:pt x="13610" y="24035"/>
                    <a:pt x="13535" y="24035"/>
                  </a:cubicBezTo>
                  <a:cubicBezTo>
                    <a:pt x="13485" y="24086"/>
                    <a:pt x="13435" y="24211"/>
                    <a:pt x="13384" y="24261"/>
                  </a:cubicBezTo>
                  <a:cubicBezTo>
                    <a:pt x="13384" y="24311"/>
                    <a:pt x="13384" y="24487"/>
                    <a:pt x="13309" y="24537"/>
                  </a:cubicBezTo>
                  <a:cubicBezTo>
                    <a:pt x="13309" y="24662"/>
                    <a:pt x="13209" y="24888"/>
                    <a:pt x="13209" y="25038"/>
                  </a:cubicBezTo>
                  <a:cubicBezTo>
                    <a:pt x="13209" y="25113"/>
                    <a:pt x="13309" y="25264"/>
                    <a:pt x="13309" y="25339"/>
                  </a:cubicBezTo>
                  <a:cubicBezTo>
                    <a:pt x="13309" y="25439"/>
                    <a:pt x="13259" y="25564"/>
                    <a:pt x="13259" y="25614"/>
                  </a:cubicBezTo>
                  <a:cubicBezTo>
                    <a:pt x="13209" y="25665"/>
                    <a:pt x="13259" y="25840"/>
                    <a:pt x="13209" y="25890"/>
                  </a:cubicBezTo>
                  <a:cubicBezTo>
                    <a:pt x="13159" y="25940"/>
                    <a:pt x="12983" y="25840"/>
                    <a:pt x="12933" y="25890"/>
                  </a:cubicBezTo>
                  <a:lnTo>
                    <a:pt x="12933" y="26116"/>
                  </a:lnTo>
                  <a:cubicBezTo>
                    <a:pt x="12933" y="26166"/>
                    <a:pt x="12983" y="26291"/>
                    <a:pt x="12933" y="26341"/>
                  </a:cubicBezTo>
                  <a:lnTo>
                    <a:pt x="12708" y="26341"/>
                  </a:lnTo>
                  <a:cubicBezTo>
                    <a:pt x="12708" y="26291"/>
                    <a:pt x="12658" y="26241"/>
                    <a:pt x="12658" y="26166"/>
                  </a:cubicBezTo>
                  <a:cubicBezTo>
                    <a:pt x="12582" y="26116"/>
                    <a:pt x="12658" y="26015"/>
                    <a:pt x="12582" y="26015"/>
                  </a:cubicBezTo>
                  <a:cubicBezTo>
                    <a:pt x="12532" y="25940"/>
                    <a:pt x="12432" y="26066"/>
                    <a:pt x="12307" y="26066"/>
                  </a:cubicBezTo>
                  <a:cubicBezTo>
                    <a:pt x="12257" y="26066"/>
                    <a:pt x="12081" y="26066"/>
                    <a:pt x="11981" y="26015"/>
                  </a:cubicBezTo>
                  <a:cubicBezTo>
                    <a:pt x="11981" y="26015"/>
                    <a:pt x="11906" y="25940"/>
                    <a:pt x="11906" y="25890"/>
                  </a:cubicBezTo>
                  <a:cubicBezTo>
                    <a:pt x="11856" y="25890"/>
                    <a:pt x="11680" y="25940"/>
                    <a:pt x="11630" y="25940"/>
                  </a:cubicBezTo>
                  <a:cubicBezTo>
                    <a:pt x="11580" y="25890"/>
                    <a:pt x="11530" y="25790"/>
                    <a:pt x="11530" y="25715"/>
                  </a:cubicBezTo>
                  <a:cubicBezTo>
                    <a:pt x="11455" y="25665"/>
                    <a:pt x="11405" y="25614"/>
                    <a:pt x="11354" y="25614"/>
                  </a:cubicBezTo>
                  <a:cubicBezTo>
                    <a:pt x="11304" y="25564"/>
                    <a:pt x="11129" y="25564"/>
                    <a:pt x="11079" y="25564"/>
                  </a:cubicBezTo>
                  <a:cubicBezTo>
                    <a:pt x="11004" y="25489"/>
                    <a:pt x="10953" y="25339"/>
                    <a:pt x="10953" y="25264"/>
                  </a:cubicBezTo>
                  <a:cubicBezTo>
                    <a:pt x="10903" y="25213"/>
                    <a:pt x="10953" y="25113"/>
                    <a:pt x="10903" y="25038"/>
                  </a:cubicBezTo>
                  <a:cubicBezTo>
                    <a:pt x="10853" y="24938"/>
                    <a:pt x="10628" y="24888"/>
                    <a:pt x="10452" y="24812"/>
                  </a:cubicBezTo>
                  <a:lnTo>
                    <a:pt x="10126" y="24812"/>
                  </a:lnTo>
                  <a:cubicBezTo>
                    <a:pt x="10001" y="24812"/>
                    <a:pt x="9901" y="24888"/>
                    <a:pt x="9775" y="24938"/>
                  </a:cubicBezTo>
                  <a:lnTo>
                    <a:pt x="9550" y="24938"/>
                  </a:lnTo>
                  <a:lnTo>
                    <a:pt x="9550" y="25163"/>
                  </a:lnTo>
                  <a:cubicBezTo>
                    <a:pt x="9500" y="25163"/>
                    <a:pt x="9450" y="25213"/>
                    <a:pt x="9374" y="25213"/>
                  </a:cubicBezTo>
                  <a:cubicBezTo>
                    <a:pt x="9324" y="25213"/>
                    <a:pt x="9224" y="25113"/>
                    <a:pt x="9149" y="25113"/>
                  </a:cubicBezTo>
                  <a:cubicBezTo>
                    <a:pt x="9099" y="25113"/>
                    <a:pt x="9049" y="25163"/>
                    <a:pt x="8999" y="25163"/>
                  </a:cubicBezTo>
                  <a:lnTo>
                    <a:pt x="8773" y="25163"/>
                  </a:lnTo>
                  <a:cubicBezTo>
                    <a:pt x="8698" y="25163"/>
                    <a:pt x="8547" y="25213"/>
                    <a:pt x="8472" y="25213"/>
                  </a:cubicBezTo>
                  <a:cubicBezTo>
                    <a:pt x="8422" y="25264"/>
                    <a:pt x="8372" y="25389"/>
                    <a:pt x="8322" y="25439"/>
                  </a:cubicBezTo>
                  <a:cubicBezTo>
                    <a:pt x="8196" y="25489"/>
                    <a:pt x="8046" y="25614"/>
                    <a:pt x="7971" y="25715"/>
                  </a:cubicBezTo>
                  <a:cubicBezTo>
                    <a:pt x="7921" y="25840"/>
                    <a:pt x="7871" y="26015"/>
                    <a:pt x="7871" y="26116"/>
                  </a:cubicBezTo>
                  <a:cubicBezTo>
                    <a:pt x="7871" y="26241"/>
                    <a:pt x="7921" y="26467"/>
                    <a:pt x="7971" y="26517"/>
                  </a:cubicBezTo>
                  <a:cubicBezTo>
                    <a:pt x="8046" y="26567"/>
                    <a:pt x="8196" y="26617"/>
                    <a:pt x="8196" y="26692"/>
                  </a:cubicBezTo>
                  <a:cubicBezTo>
                    <a:pt x="8272" y="26742"/>
                    <a:pt x="8372" y="26918"/>
                    <a:pt x="8322" y="27018"/>
                  </a:cubicBezTo>
                  <a:cubicBezTo>
                    <a:pt x="8322" y="27068"/>
                    <a:pt x="8096" y="27068"/>
                    <a:pt x="8046" y="27143"/>
                  </a:cubicBezTo>
                  <a:cubicBezTo>
                    <a:pt x="8046" y="27193"/>
                    <a:pt x="7971" y="27294"/>
                    <a:pt x="7971" y="27294"/>
                  </a:cubicBezTo>
                  <a:cubicBezTo>
                    <a:pt x="7971" y="27369"/>
                    <a:pt x="8046" y="27469"/>
                    <a:pt x="8096" y="27519"/>
                  </a:cubicBezTo>
                  <a:cubicBezTo>
                    <a:pt x="8096" y="27594"/>
                    <a:pt x="8146" y="27745"/>
                    <a:pt x="8096" y="27820"/>
                  </a:cubicBezTo>
                  <a:cubicBezTo>
                    <a:pt x="8096" y="27870"/>
                    <a:pt x="7971" y="27820"/>
                    <a:pt x="7971" y="27820"/>
                  </a:cubicBezTo>
                  <a:cubicBezTo>
                    <a:pt x="7921" y="27820"/>
                    <a:pt x="7871" y="27745"/>
                    <a:pt x="7821" y="27745"/>
                  </a:cubicBezTo>
                  <a:cubicBezTo>
                    <a:pt x="7745" y="27820"/>
                    <a:pt x="7745" y="27920"/>
                    <a:pt x="7695" y="27920"/>
                  </a:cubicBezTo>
                  <a:cubicBezTo>
                    <a:pt x="7645" y="27970"/>
                    <a:pt x="7420" y="28046"/>
                    <a:pt x="7294" y="28096"/>
                  </a:cubicBezTo>
                  <a:cubicBezTo>
                    <a:pt x="7244" y="28146"/>
                    <a:pt x="7144" y="28371"/>
                    <a:pt x="7069" y="28497"/>
                  </a:cubicBezTo>
                  <a:cubicBezTo>
                    <a:pt x="7019" y="28547"/>
                    <a:pt x="6968" y="28647"/>
                    <a:pt x="6918" y="28722"/>
                  </a:cubicBezTo>
                  <a:lnTo>
                    <a:pt x="6743" y="28722"/>
                  </a:lnTo>
                  <a:cubicBezTo>
                    <a:pt x="6743" y="28772"/>
                    <a:pt x="6618" y="28772"/>
                    <a:pt x="6618" y="28822"/>
                  </a:cubicBezTo>
                  <a:cubicBezTo>
                    <a:pt x="6567" y="28822"/>
                    <a:pt x="6567" y="28948"/>
                    <a:pt x="6517" y="28948"/>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04" name="Google Shape;261;p16">
              <a:extLst>
                <a:ext uri="{FF2B5EF4-FFF2-40B4-BE49-F238E27FC236}">
                  <a16:creationId xmlns:a16="http://schemas.microsoft.com/office/drawing/2014/main" id="{5CA8590C-CC65-3E4A-94D3-F414FAF53A36}"/>
                </a:ext>
              </a:extLst>
            </p:cNvPr>
            <p:cNvSpPr/>
            <p:nvPr/>
          </p:nvSpPr>
          <p:spPr>
            <a:xfrm>
              <a:off x="1605395" y="3051767"/>
              <a:ext cx="439331" cy="816256"/>
            </a:xfrm>
            <a:custGeom>
              <a:avLst/>
              <a:gdLst/>
              <a:ahLst/>
              <a:cxnLst/>
              <a:rect l="l" t="t" r="r" b="b"/>
              <a:pathLst>
                <a:path w="15741" h="29246" extrusionOk="0">
                  <a:moveTo>
                    <a:pt x="10277" y="0"/>
                  </a:moveTo>
                  <a:cubicBezTo>
                    <a:pt x="10227" y="0"/>
                    <a:pt x="10126" y="50"/>
                    <a:pt x="10001" y="50"/>
                  </a:cubicBezTo>
                  <a:cubicBezTo>
                    <a:pt x="9951" y="101"/>
                    <a:pt x="9826" y="101"/>
                    <a:pt x="9725" y="101"/>
                  </a:cubicBezTo>
                  <a:lnTo>
                    <a:pt x="9600" y="50"/>
                  </a:lnTo>
                  <a:cubicBezTo>
                    <a:pt x="9550" y="101"/>
                    <a:pt x="9450" y="151"/>
                    <a:pt x="9450" y="151"/>
                  </a:cubicBezTo>
                  <a:lnTo>
                    <a:pt x="9450" y="326"/>
                  </a:lnTo>
                  <a:cubicBezTo>
                    <a:pt x="9450" y="376"/>
                    <a:pt x="9550" y="451"/>
                    <a:pt x="9550" y="502"/>
                  </a:cubicBezTo>
                  <a:cubicBezTo>
                    <a:pt x="9550" y="552"/>
                    <a:pt x="9600" y="677"/>
                    <a:pt x="9600" y="727"/>
                  </a:cubicBezTo>
                  <a:cubicBezTo>
                    <a:pt x="9600" y="852"/>
                    <a:pt x="9600" y="1128"/>
                    <a:pt x="9500" y="1178"/>
                  </a:cubicBezTo>
                  <a:cubicBezTo>
                    <a:pt x="9500" y="1228"/>
                    <a:pt x="9324" y="1228"/>
                    <a:pt x="9274" y="1228"/>
                  </a:cubicBezTo>
                  <a:cubicBezTo>
                    <a:pt x="9224" y="1304"/>
                    <a:pt x="9099" y="1454"/>
                    <a:pt x="9049" y="1529"/>
                  </a:cubicBezTo>
                  <a:cubicBezTo>
                    <a:pt x="8999" y="1579"/>
                    <a:pt x="8823" y="1579"/>
                    <a:pt x="8773" y="1579"/>
                  </a:cubicBezTo>
                  <a:cubicBezTo>
                    <a:pt x="8648" y="1579"/>
                    <a:pt x="8547" y="1529"/>
                    <a:pt x="8422" y="1529"/>
                  </a:cubicBezTo>
                  <a:cubicBezTo>
                    <a:pt x="8272" y="1579"/>
                    <a:pt x="8046" y="1980"/>
                    <a:pt x="7921" y="2080"/>
                  </a:cubicBezTo>
                  <a:cubicBezTo>
                    <a:pt x="7871" y="2131"/>
                    <a:pt x="7695" y="2256"/>
                    <a:pt x="7645" y="2306"/>
                  </a:cubicBezTo>
                  <a:cubicBezTo>
                    <a:pt x="7520" y="2431"/>
                    <a:pt x="7420" y="2582"/>
                    <a:pt x="7294" y="2657"/>
                  </a:cubicBezTo>
                  <a:cubicBezTo>
                    <a:pt x="7244" y="2707"/>
                    <a:pt x="7069" y="2707"/>
                    <a:pt x="7019" y="2757"/>
                  </a:cubicBezTo>
                  <a:cubicBezTo>
                    <a:pt x="6968" y="2807"/>
                    <a:pt x="6918" y="2983"/>
                    <a:pt x="6843" y="3033"/>
                  </a:cubicBezTo>
                  <a:cubicBezTo>
                    <a:pt x="6843" y="3108"/>
                    <a:pt x="6793" y="3334"/>
                    <a:pt x="6793" y="3384"/>
                  </a:cubicBezTo>
                  <a:cubicBezTo>
                    <a:pt x="6743" y="3484"/>
                    <a:pt x="6567" y="3710"/>
                    <a:pt x="6467" y="3835"/>
                  </a:cubicBezTo>
                  <a:cubicBezTo>
                    <a:pt x="6392" y="3885"/>
                    <a:pt x="6292" y="4010"/>
                    <a:pt x="6242" y="4060"/>
                  </a:cubicBezTo>
                  <a:cubicBezTo>
                    <a:pt x="6181" y="4060"/>
                    <a:pt x="6041" y="4125"/>
                    <a:pt x="5923" y="4125"/>
                  </a:cubicBezTo>
                  <a:cubicBezTo>
                    <a:pt x="5894" y="4125"/>
                    <a:pt x="5866" y="4121"/>
                    <a:pt x="5841" y="4111"/>
                  </a:cubicBezTo>
                  <a:cubicBezTo>
                    <a:pt x="5790" y="4111"/>
                    <a:pt x="5615" y="4010"/>
                    <a:pt x="5565" y="4010"/>
                  </a:cubicBezTo>
                  <a:cubicBezTo>
                    <a:pt x="5440" y="4010"/>
                    <a:pt x="5389" y="4060"/>
                    <a:pt x="5339" y="4111"/>
                  </a:cubicBezTo>
                  <a:cubicBezTo>
                    <a:pt x="5164" y="4161"/>
                    <a:pt x="4838" y="4336"/>
                    <a:pt x="4713" y="4461"/>
                  </a:cubicBezTo>
                  <a:cubicBezTo>
                    <a:pt x="4613" y="4562"/>
                    <a:pt x="4537" y="4787"/>
                    <a:pt x="4437" y="4913"/>
                  </a:cubicBezTo>
                  <a:cubicBezTo>
                    <a:pt x="4312" y="4963"/>
                    <a:pt x="4086" y="5013"/>
                    <a:pt x="3986" y="5063"/>
                  </a:cubicBezTo>
                  <a:cubicBezTo>
                    <a:pt x="3811" y="5063"/>
                    <a:pt x="3585" y="5188"/>
                    <a:pt x="3435" y="5188"/>
                  </a:cubicBezTo>
                  <a:cubicBezTo>
                    <a:pt x="3359" y="5188"/>
                    <a:pt x="3209" y="5188"/>
                    <a:pt x="3084" y="5138"/>
                  </a:cubicBezTo>
                  <a:cubicBezTo>
                    <a:pt x="3034" y="5063"/>
                    <a:pt x="2983" y="4913"/>
                    <a:pt x="2908" y="4913"/>
                  </a:cubicBezTo>
                  <a:cubicBezTo>
                    <a:pt x="2808" y="4837"/>
                    <a:pt x="2582" y="4787"/>
                    <a:pt x="2457" y="4787"/>
                  </a:cubicBezTo>
                  <a:cubicBezTo>
                    <a:pt x="2407" y="4787"/>
                    <a:pt x="2307" y="4837"/>
                    <a:pt x="2232" y="4837"/>
                  </a:cubicBezTo>
                  <a:cubicBezTo>
                    <a:pt x="2131" y="4837"/>
                    <a:pt x="2006" y="4737"/>
                    <a:pt x="1906" y="4737"/>
                  </a:cubicBezTo>
                  <a:cubicBezTo>
                    <a:pt x="1872" y="4737"/>
                    <a:pt x="1783" y="4759"/>
                    <a:pt x="1698" y="4759"/>
                  </a:cubicBezTo>
                  <a:cubicBezTo>
                    <a:pt x="1655" y="4759"/>
                    <a:pt x="1613" y="4754"/>
                    <a:pt x="1580" y="4737"/>
                  </a:cubicBezTo>
                  <a:cubicBezTo>
                    <a:pt x="1505" y="4737"/>
                    <a:pt x="1455" y="4612"/>
                    <a:pt x="1404" y="4562"/>
                  </a:cubicBezTo>
                  <a:cubicBezTo>
                    <a:pt x="1354" y="4461"/>
                    <a:pt x="1229" y="4336"/>
                    <a:pt x="1179" y="4236"/>
                  </a:cubicBezTo>
                  <a:lnTo>
                    <a:pt x="1179" y="4010"/>
                  </a:lnTo>
                  <a:cubicBezTo>
                    <a:pt x="1129" y="3935"/>
                    <a:pt x="1003" y="3835"/>
                    <a:pt x="1003" y="3785"/>
                  </a:cubicBezTo>
                  <a:cubicBezTo>
                    <a:pt x="1003" y="3710"/>
                    <a:pt x="1129" y="3609"/>
                    <a:pt x="1129" y="3559"/>
                  </a:cubicBezTo>
                  <a:cubicBezTo>
                    <a:pt x="1054" y="3484"/>
                    <a:pt x="903" y="3434"/>
                    <a:pt x="828" y="3434"/>
                  </a:cubicBezTo>
                  <a:cubicBezTo>
                    <a:pt x="789" y="3395"/>
                    <a:pt x="674" y="3310"/>
                    <a:pt x="601" y="3310"/>
                  </a:cubicBezTo>
                  <a:cubicBezTo>
                    <a:pt x="581" y="3310"/>
                    <a:pt x="563" y="3317"/>
                    <a:pt x="552" y="3334"/>
                  </a:cubicBezTo>
                  <a:cubicBezTo>
                    <a:pt x="502" y="3334"/>
                    <a:pt x="502" y="3434"/>
                    <a:pt x="502" y="3484"/>
                  </a:cubicBezTo>
                  <a:cubicBezTo>
                    <a:pt x="452" y="3609"/>
                    <a:pt x="377" y="3785"/>
                    <a:pt x="452" y="3885"/>
                  </a:cubicBezTo>
                  <a:cubicBezTo>
                    <a:pt x="452" y="3935"/>
                    <a:pt x="502" y="4060"/>
                    <a:pt x="552" y="4060"/>
                  </a:cubicBezTo>
                  <a:cubicBezTo>
                    <a:pt x="602" y="4111"/>
                    <a:pt x="728" y="4111"/>
                    <a:pt x="828" y="4161"/>
                  </a:cubicBezTo>
                  <a:cubicBezTo>
                    <a:pt x="828" y="4161"/>
                    <a:pt x="953" y="4286"/>
                    <a:pt x="953" y="4336"/>
                  </a:cubicBezTo>
                  <a:cubicBezTo>
                    <a:pt x="953" y="4386"/>
                    <a:pt x="778" y="4512"/>
                    <a:pt x="778" y="4562"/>
                  </a:cubicBezTo>
                  <a:cubicBezTo>
                    <a:pt x="728" y="4687"/>
                    <a:pt x="678" y="4837"/>
                    <a:pt x="602" y="4963"/>
                  </a:cubicBezTo>
                  <a:lnTo>
                    <a:pt x="602" y="5238"/>
                  </a:lnTo>
                  <a:cubicBezTo>
                    <a:pt x="552" y="5289"/>
                    <a:pt x="327" y="5289"/>
                    <a:pt x="327" y="5289"/>
                  </a:cubicBezTo>
                  <a:cubicBezTo>
                    <a:pt x="227" y="5414"/>
                    <a:pt x="277" y="5639"/>
                    <a:pt x="277" y="5690"/>
                  </a:cubicBezTo>
                  <a:cubicBezTo>
                    <a:pt x="227" y="5815"/>
                    <a:pt x="277" y="5965"/>
                    <a:pt x="227" y="6040"/>
                  </a:cubicBezTo>
                  <a:cubicBezTo>
                    <a:pt x="227" y="6091"/>
                    <a:pt x="51" y="6191"/>
                    <a:pt x="51" y="6266"/>
                  </a:cubicBezTo>
                  <a:cubicBezTo>
                    <a:pt x="51" y="6266"/>
                    <a:pt x="101" y="6366"/>
                    <a:pt x="101" y="6416"/>
                  </a:cubicBezTo>
                  <a:cubicBezTo>
                    <a:pt x="151" y="6492"/>
                    <a:pt x="277" y="6592"/>
                    <a:pt x="377" y="6642"/>
                  </a:cubicBezTo>
                  <a:cubicBezTo>
                    <a:pt x="452" y="6642"/>
                    <a:pt x="602" y="6717"/>
                    <a:pt x="602" y="6767"/>
                  </a:cubicBezTo>
                  <a:cubicBezTo>
                    <a:pt x="602" y="6817"/>
                    <a:pt x="502" y="6867"/>
                    <a:pt x="502" y="6943"/>
                  </a:cubicBezTo>
                  <a:cubicBezTo>
                    <a:pt x="452" y="6993"/>
                    <a:pt x="452" y="7168"/>
                    <a:pt x="452" y="7218"/>
                  </a:cubicBezTo>
                  <a:cubicBezTo>
                    <a:pt x="377" y="7268"/>
                    <a:pt x="327" y="7394"/>
                    <a:pt x="327" y="7444"/>
                  </a:cubicBezTo>
                  <a:lnTo>
                    <a:pt x="151" y="7444"/>
                  </a:lnTo>
                  <a:cubicBezTo>
                    <a:pt x="101" y="7494"/>
                    <a:pt x="51" y="7544"/>
                    <a:pt x="51" y="7619"/>
                  </a:cubicBezTo>
                  <a:cubicBezTo>
                    <a:pt x="1" y="7669"/>
                    <a:pt x="51" y="7895"/>
                    <a:pt x="51" y="7995"/>
                  </a:cubicBezTo>
                  <a:cubicBezTo>
                    <a:pt x="51" y="8121"/>
                    <a:pt x="51" y="8346"/>
                    <a:pt x="101" y="8396"/>
                  </a:cubicBezTo>
                  <a:lnTo>
                    <a:pt x="277" y="8396"/>
                  </a:lnTo>
                  <a:cubicBezTo>
                    <a:pt x="327" y="8346"/>
                    <a:pt x="227" y="8171"/>
                    <a:pt x="277" y="8121"/>
                  </a:cubicBezTo>
                  <a:cubicBezTo>
                    <a:pt x="277" y="8070"/>
                    <a:pt x="377" y="8070"/>
                    <a:pt x="377" y="7995"/>
                  </a:cubicBezTo>
                  <a:cubicBezTo>
                    <a:pt x="452" y="7945"/>
                    <a:pt x="377" y="7770"/>
                    <a:pt x="452" y="7669"/>
                  </a:cubicBezTo>
                  <a:cubicBezTo>
                    <a:pt x="502" y="7669"/>
                    <a:pt x="602" y="7619"/>
                    <a:pt x="678" y="7619"/>
                  </a:cubicBezTo>
                  <a:lnTo>
                    <a:pt x="678" y="7720"/>
                  </a:lnTo>
                  <a:cubicBezTo>
                    <a:pt x="678" y="7770"/>
                    <a:pt x="602" y="7845"/>
                    <a:pt x="602" y="7845"/>
                  </a:cubicBezTo>
                  <a:cubicBezTo>
                    <a:pt x="602" y="7895"/>
                    <a:pt x="552" y="8070"/>
                    <a:pt x="602" y="8121"/>
                  </a:cubicBezTo>
                  <a:cubicBezTo>
                    <a:pt x="602" y="8171"/>
                    <a:pt x="678" y="8221"/>
                    <a:pt x="728" y="8221"/>
                  </a:cubicBezTo>
                  <a:lnTo>
                    <a:pt x="953" y="8221"/>
                  </a:lnTo>
                  <a:cubicBezTo>
                    <a:pt x="1003" y="8171"/>
                    <a:pt x="953" y="8070"/>
                    <a:pt x="1003" y="7995"/>
                  </a:cubicBezTo>
                  <a:cubicBezTo>
                    <a:pt x="1054" y="7995"/>
                    <a:pt x="1129" y="8070"/>
                    <a:pt x="1179" y="8070"/>
                  </a:cubicBezTo>
                  <a:cubicBezTo>
                    <a:pt x="1229" y="8070"/>
                    <a:pt x="1279" y="7995"/>
                    <a:pt x="1354" y="7995"/>
                  </a:cubicBezTo>
                  <a:cubicBezTo>
                    <a:pt x="1455" y="7995"/>
                    <a:pt x="1680" y="8121"/>
                    <a:pt x="1680" y="8171"/>
                  </a:cubicBezTo>
                  <a:cubicBezTo>
                    <a:pt x="1730" y="8221"/>
                    <a:pt x="1680" y="8396"/>
                    <a:pt x="1680" y="8446"/>
                  </a:cubicBezTo>
                  <a:cubicBezTo>
                    <a:pt x="1680" y="8522"/>
                    <a:pt x="1730" y="8622"/>
                    <a:pt x="1780" y="8672"/>
                  </a:cubicBezTo>
                  <a:lnTo>
                    <a:pt x="1780" y="9023"/>
                  </a:lnTo>
                  <a:cubicBezTo>
                    <a:pt x="1856" y="9073"/>
                    <a:pt x="1906" y="9073"/>
                    <a:pt x="1906" y="9123"/>
                  </a:cubicBezTo>
                  <a:cubicBezTo>
                    <a:pt x="1956" y="9198"/>
                    <a:pt x="2131" y="9198"/>
                    <a:pt x="2181" y="9248"/>
                  </a:cubicBezTo>
                  <a:cubicBezTo>
                    <a:pt x="2232" y="9349"/>
                    <a:pt x="2131" y="9574"/>
                    <a:pt x="2181" y="9750"/>
                  </a:cubicBezTo>
                  <a:cubicBezTo>
                    <a:pt x="2181" y="9875"/>
                    <a:pt x="2357" y="10025"/>
                    <a:pt x="2357" y="10201"/>
                  </a:cubicBezTo>
                  <a:cubicBezTo>
                    <a:pt x="2357" y="10251"/>
                    <a:pt x="2307" y="10426"/>
                    <a:pt x="2307" y="10552"/>
                  </a:cubicBezTo>
                  <a:cubicBezTo>
                    <a:pt x="2307" y="10652"/>
                    <a:pt x="2232" y="10878"/>
                    <a:pt x="2232" y="11003"/>
                  </a:cubicBezTo>
                  <a:cubicBezTo>
                    <a:pt x="2307" y="11003"/>
                    <a:pt x="2307" y="11103"/>
                    <a:pt x="2307" y="11103"/>
                  </a:cubicBezTo>
                  <a:cubicBezTo>
                    <a:pt x="2332" y="11141"/>
                    <a:pt x="2401" y="11141"/>
                    <a:pt x="2470" y="11141"/>
                  </a:cubicBezTo>
                  <a:cubicBezTo>
                    <a:pt x="2539" y="11141"/>
                    <a:pt x="2607" y="11141"/>
                    <a:pt x="2633" y="11178"/>
                  </a:cubicBezTo>
                  <a:cubicBezTo>
                    <a:pt x="2683" y="11228"/>
                    <a:pt x="2683" y="11279"/>
                    <a:pt x="2683" y="11329"/>
                  </a:cubicBezTo>
                  <a:cubicBezTo>
                    <a:pt x="2758" y="11404"/>
                    <a:pt x="2908" y="11404"/>
                    <a:pt x="2983" y="11454"/>
                  </a:cubicBezTo>
                  <a:cubicBezTo>
                    <a:pt x="3034" y="11504"/>
                    <a:pt x="3134" y="11680"/>
                    <a:pt x="3134" y="11780"/>
                  </a:cubicBezTo>
                  <a:lnTo>
                    <a:pt x="3134" y="11955"/>
                  </a:lnTo>
                  <a:lnTo>
                    <a:pt x="3134" y="12306"/>
                  </a:lnTo>
                  <a:cubicBezTo>
                    <a:pt x="3134" y="12356"/>
                    <a:pt x="3034" y="12356"/>
                    <a:pt x="3034" y="12406"/>
                  </a:cubicBezTo>
                  <a:cubicBezTo>
                    <a:pt x="2983" y="12456"/>
                    <a:pt x="3084" y="12632"/>
                    <a:pt x="3084" y="12682"/>
                  </a:cubicBezTo>
                  <a:cubicBezTo>
                    <a:pt x="3034" y="12757"/>
                    <a:pt x="2983" y="12857"/>
                    <a:pt x="2983" y="12908"/>
                  </a:cubicBezTo>
                  <a:cubicBezTo>
                    <a:pt x="2983" y="12983"/>
                    <a:pt x="2858" y="13033"/>
                    <a:pt x="2858" y="13083"/>
                  </a:cubicBezTo>
                  <a:cubicBezTo>
                    <a:pt x="2858" y="13133"/>
                    <a:pt x="2983" y="13208"/>
                    <a:pt x="2983" y="13309"/>
                  </a:cubicBezTo>
                  <a:cubicBezTo>
                    <a:pt x="2983" y="13359"/>
                    <a:pt x="2908" y="13584"/>
                    <a:pt x="2983" y="13710"/>
                  </a:cubicBezTo>
                  <a:cubicBezTo>
                    <a:pt x="2983" y="13760"/>
                    <a:pt x="3034" y="13810"/>
                    <a:pt x="3084" y="13885"/>
                  </a:cubicBezTo>
                  <a:cubicBezTo>
                    <a:pt x="3084" y="13985"/>
                    <a:pt x="3134" y="14211"/>
                    <a:pt x="3134" y="14336"/>
                  </a:cubicBezTo>
                  <a:cubicBezTo>
                    <a:pt x="3084" y="14386"/>
                    <a:pt x="3034" y="14436"/>
                    <a:pt x="3034" y="14436"/>
                  </a:cubicBezTo>
                  <a:cubicBezTo>
                    <a:pt x="2908" y="14487"/>
                    <a:pt x="2808" y="14612"/>
                    <a:pt x="2683" y="14612"/>
                  </a:cubicBezTo>
                  <a:cubicBezTo>
                    <a:pt x="2672" y="14622"/>
                    <a:pt x="2659" y="14626"/>
                    <a:pt x="2645" y="14626"/>
                  </a:cubicBezTo>
                  <a:cubicBezTo>
                    <a:pt x="2606" y="14626"/>
                    <a:pt x="2555" y="14597"/>
                    <a:pt x="2507" y="14597"/>
                  </a:cubicBezTo>
                  <a:cubicBezTo>
                    <a:pt x="2490" y="14597"/>
                    <a:pt x="2473" y="14601"/>
                    <a:pt x="2457" y="14612"/>
                  </a:cubicBezTo>
                  <a:cubicBezTo>
                    <a:pt x="2357" y="14612"/>
                    <a:pt x="2181" y="14662"/>
                    <a:pt x="2131" y="14712"/>
                  </a:cubicBezTo>
                  <a:cubicBezTo>
                    <a:pt x="2081" y="14787"/>
                    <a:pt x="2131" y="14888"/>
                    <a:pt x="2181" y="14938"/>
                  </a:cubicBezTo>
                  <a:cubicBezTo>
                    <a:pt x="2181" y="14975"/>
                    <a:pt x="2225" y="14975"/>
                    <a:pt x="2275" y="14975"/>
                  </a:cubicBezTo>
                  <a:cubicBezTo>
                    <a:pt x="2326" y="14975"/>
                    <a:pt x="2382" y="14975"/>
                    <a:pt x="2407" y="15013"/>
                  </a:cubicBezTo>
                  <a:cubicBezTo>
                    <a:pt x="2407" y="15063"/>
                    <a:pt x="2457" y="15163"/>
                    <a:pt x="2407" y="15238"/>
                  </a:cubicBezTo>
                  <a:cubicBezTo>
                    <a:pt x="2407" y="15289"/>
                    <a:pt x="2307" y="15339"/>
                    <a:pt x="2307" y="15389"/>
                  </a:cubicBezTo>
                  <a:cubicBezTo>
                    <a:pt x="2232" y="15464"/>
                    <a:pt x="2232" y="15614"/>
                    <a:pt x="2232" y="15690"/>
                  </a:cubicBezTo>
                  <a:cubicBezTo>
                    <a:pt x="2232" y="15840"/>
                    <a:pt x="2181" y="16141"/>
                    <a:pt x="2232" y="16241"/>
                  </a:cubicBezTo>
                  <a:cubicBezTo>
                    <a:pt x="2232" y="16291"/>
                    <a:pt x="2307" y="16416"/>
                    <a:pt x="2307" y="16416"/>
                  </a:cubicBezTo>
                  <a:cubicBezTo>
                    <a:pt x="2357" y="16467"/>
                    <a:pt x="2532" y="16467"/>
                    <a:pt x="2582" y="16467"/>
                  </a:cubicBezTo>
                  <a:cubicBezTo>
                    <a:pt x="2582" y="16517"/>
                    <a:pt x="2582" y="16742"/>
                    <a:pt x="2633" y="16742"/>
                  </a:cubicBezTo>
                  <a:cubicBezTo>
                    <a:pt x="2633" y="16765"/>
                    <a:pt x="2644" y="16774"/>
                    <a:pt x="2662" y="16774"/>
                  </a:cubicBezTo>
                  <a:cubicBezTo>
                    <a:pt x="2702" y="16774"/>
                    <a:pt x="2773" y="16727"/>
                    <a:pt x="2808" y="16692"/>
                  </a:cubicBezTo>
                  <a:cubicBezTo>
                    <a:pt x="2808" y="16692"/>
                    <a:pt x="2858" y="16592"/>
                    <a:pt x="2858" y="16517"/>
                  </a:cubicBezTo>
                  <a:lnTo>
                    <a:pt x="2758" y="16467"/>
                  </a:lnTo>
                  <a:cubicBezTo>
                    <a:pt x="2758" y="16416"/>
                    <a:pt x="2908" y="16366"/>
                    <a:pt x="2983" y="16366"/>
                  </a:cubicBezTo>
                  <a:cubicBezTo>
                    <a:pt x="3008" y="16329"/>
                    <a:pt x="3065" y="16310"/>
                    <a:pt x="3121" y="16310"/>
                  </a:cubicBezTo>
                  <a:cubicBezTo>
                    <a:pt x="3178" y="16310"/>
                    <a:pt x="3234" y="16329"/>
                    <a:pt x="3259" y="16366"/>
                  </a:cubicBezTo>
                  <a:cubicBezTo>
                    <a:pt x="3309" y="16366"/>
                    <a:pt x="3359" y="16467"/>
                    <a:pt x="3359" y="16517"/>
                  </a:cubicBezTo>
                  <a:cubicBezTo>
                    <a:pt x="3435" y="16592"/>
                    <a:pt x="3535" y="16642"/>
                    <a:pt x="3585" y="16642"/>
                  </a:cubicBezTo>
                  <a:cubicBezTo>
                    <a:pt x="3660" y="16642"/>
                    <a:pt x="3660" y="16517"/>
                    <a:pt x="3660" y="16517"/>
                  </a:cubicBezTo>
                  <a:cubicBezTo>
                    <a:pt x="3660" y="16467"/>
                    <a:pt x="3585" y="16291"/>
                    <a:pt x="3660" y="16291"/>
                  </a:cubicBezTo>
                  <a:cubicBezTo>
                    <a:pt x="3660" y="16274"/>
                    <a:pt x="3677" y="16269"/>
                    <a:pt x="3702" y="16269"/>
                  </a:cubicBezTo>
                  <a:cubicBezTo>
                    <a:pt x="3752" y="16269"/>
                    <a:pt x="3836" y="16291"/>
                    <a:pt x="3886" y="16291"/>
                  </a:cubicBezTo>
                  <a:cubicBezTo>
                    <a:pt x="3936" y="16291"/>
                    <a:pt x="4036" y="16291"/>
                    <a:pt x="4036" y="16366"/>
                  </a:cubicBezTo>
                  <a:cubicBezTo>
                    <a:pt x="4086" y="16416"/>
                    <a:pt x="4036" y="16592"/>
                    <a:pt x="4086" y="16642"/>
                  </a:cubicBezTo>
                  <a:cubicBezTo>
                    <a:pt x="4086" y="16692"/>
                    <a:pt x="4212" y="16742"/>
                    <a:pt x="4262" y="16817"/>
                  </a:cubicBezTo>
                  <a:cubicBezTo>
                    <a:pt x="4262" y="16868"/>
                    <a:pt x="4212" y="16968"/>
                    <a:pt x="4161" y="16968"/>
                  </a:cubicBezTo>
                  <a:cubicBezTo>
                    <a:pt x="4136" y="16993"/>
                    <a:pt x="4108" y="17001"/>
                    <a:pt x="4081" y="17001"/>
                  </a:cubicBezTo>
                  <a:cubicBezTo>
                    <a:pt x="4025" y="17001"/>
                    <a:pt x="3969" y="16968"/>
                    <a:pt x="3936" y="16968"/>
                  </a:cubicBezTo>
                  <a:cubicBezTo>
                    <a:pt x="3886" y="16918"/>
                    <a:pt x="3811" y="16742"/>
                    <a:pt x="3760" y="16742"/>
                  </a:cubicBezTo>
                  <a:cubicBezTo>
                    <a:pt x="3710" y="16742"/>
                    <a:pt x="3660" y="16918"/>
                    <a:pt x="3660" y="16968"/>
                  </a:cubicBezTo>
                  <a:cubicBezTo>
                    <a:pt x="3585" y="17043"/>
                    <a:pt x="3585" y="17193"/>
                    <a:pt x="3585" y="17269"/>
                  </a:cubicBezTo>
                  <a:cubicBezTo>
                    <a:pt x="3660" y="17319"/>
                    <a:pt x="3760" y="17319"/>
                    <a:pt x="3811" y="17369"/>
                  </a:cubicBezTo>
                  <a:cubicBezTo>
                    <a:pt x="3811" y="17419"/>
                    <a:pt x="3811" y="17544"/>
                    <a:pt x="3760" y="17544"/>
                  </a:cubicBezTo>
                  <a:cubicBezTo>
                    <a:pt x="3710" y="17544"/>
                    <a:pt x="3660" y="17419"/>
                    <a:pt x="3660" y="17419"/>
                  </a:cubicBezTo>
                  <a:cubicBezTo>
                    <a:pt x="3585" y="17494"/>
                    <a:pt x="3585" y="17594"/>
                    <a:pt x="3535" y="17644"/>
                  </a:cubicBezTo>
                  <a:cubicBezTo>
                    <a:pt x="3535" y="17770"/>
                    <a:pt x="3485" y="17870"/>
                    <a:pt x="3485" y="17945"/>
                  </a:cubicBezTo>
                  <a:cubicBezTo>
                    <a:pt x="3485" y="17995"/>
                    <a:pt x="3585" y="18045"/>
                    <a:pt x="3585" y="18096"/>
                  </a:cubicBezTo>
                  <a:cubicBezTo>
                    <a:pt x="3585" y="18171"/>
                    <a:pt x="3359" y="18221"/>
                    <a:pt x="3359" y="18271"/>
                  </a:cubicBezTo>
                  <a:cubicBezTo>
                    <a:pt x="3309" y="18321"/>
                    <a:pt x="3309" y="18497"/>
                    <a:pt x="3359" y="18547"/>
                  </a:cubicBezTo>
                  <a:cubicBezTo>
                    <a:pt x="3359" y="18622"/>
                    <a:pt x="3435" y="18722"/>
                    <a:pt x="3485" y="18722"/>
                  </a:cubicBezTo>
                  <a:cubicBezTo>
                    <a:pt x="3485" y="18772"/>
                    <a:pt x="3585" y="18847"/>
                    <a:pt x="3660" y="18847"/>
                  </a:cubicBezTo>
                  <a:lnTo>
                    <a:pt x="3710" y="18772"/>
                  </a:lnTo>
                  <a:cubicBezTo>
                    <a:pt x="3760" y="18772"/>
                    <a:pt x="3811" y="18898"/>
                    <a:pt x="3811" y="18898"/>
                  </a:cubicBezTo>
                  <a:cubicBezTo>
                    <a:pt x="3811" y="18948"/>
                    <a:pt x="3760" y="19073"/>
                    <a:pt x="3710" y="19073"/>
                  </a:cubicBezTo>
                  <a:cubicBezTo>
                    <a:pt x="3696" y="19087"/>
                    <a:pt x="3672" y="19093"/>
                    <a:pt x="3644" y="19093"/>
                  </a:cubicBezTo>
                  <a:cubicBezTo>
                    <a:pt x="3572" y="19093"/>
                    <a:pt x="3471" y="19052"/>
                    <a:pt x="3435" y="18998"/>
                  </a:cubicBezTo>
                  <a:cubicBezTo>
                    <a:pt x="3359" y="18998"/>
                    <a:pt x="3359" y="18898"/>
                    <a:pt x="3309" y="18847"/>
                  </a:cubicBezTo>
                  <a:cubicBezTo>
                    <a:pt x="3259" y="18772"/>
                    <a:pt x="3084" y="18772"/>
                    <a:pt x="3034" y="18722"/>
                  </a:cubicBezTo>
                  <a:cubicBezTo>
                    <a:pt x="3034" y="18672"/>
                    <a:pt x="3084" y="18497"/>
                    <a:pt x="3084" y="18446"/>
                  </a:cubicBezTo>
                  <a:cubicBezTo>
                    <a:pt x="3034" y="18321"/>
                    <a:pt x="2908" y="18096"/>
                    <a:pt x="2858" y="18045"/>
                  </a:cubicBezTo>
                  <a:cubicBezTo>
                    <a:pt x="2808" y="18045"/>
                    <a:pt x="2683" y="18096"/>
                    <a:pt x="2633" y="18171"/>
                  </a:cubicBezTo>
                  <a:cubicBezTo>
                    <a:pt x="2582" y="18221"/>
                    <a:pt x="2633" y="18396"/>
                    <a:pt x="2633" y="18446"/>
                  </a:cubicBezTo>
                  <a:cubicBezTo>
                    <a:pt x="2683" y="18622"/>
                    <a:pt x="2758" y="18847"/>
                    <a:pt x="2758" y="18948"/>
                  </a:cubicBezTo>
                  <a:cubicBezTo>
                    <a:pt x="2758" y="18998"/>
                    <a:pt x="2683" y="19123"/>
                    <a:pt x="2683" y="19173"/>
                  </a:cubicBezTo>
                  <a:cubicBezTo>
                    <a:pt x="2683" y="19223"/>
                    <a:pt x="2758" y="19349"/>
                    <a:pt x="2758" y="19399"/>
                  </a:cubicBezTo>
                  <a:cubicBezTo>
                    <a:pt x="2808" y="19449"/>
                    <a:pt x="2758" y="19624"/>
                    <a:pt x="2758" y="19750"/>
                  </a:cubicBezTo>
                  <a:cubicBezTo>
                    <a:pt x="2758" y="19800"/>
                    <a:pt x="2683" y="19925"/>
                    <a:pt x="2683" y="19975"/>
                  </a:cubicBezTo>
                  <a:cubicBezTo>
                    <a:pt x="2758" y="20076"/>
                    <a:pt x="2858" y="20201"/>
                    <a:pt x="2858" y="20251"/>
                  </a:cubicBezTo>
                  <a:cubicBezTo>
                    <a:pt x="2858" y="20301"/>
                    <a:pt x="2758" y="20426"/>
                    <a:pt x="2758" y="20477"/>
                  </a:cubicBezTo>
                  <a:cubicBezTo>
                    <a:pt x="2758" y="20602"/>
                    <a:pt x="2808" y="20752"/>
                    <a:pt x="2758" y="20827"/>
                  </a:cubicBezTo>
                  <a:cubicBezTo>
                    <a:pt x="2758" y="20878"/>
                    <a:pt x="2683" y="20878"/>
                    <a:pt x="2633" y="20928"/>
                  </a:cubicBezTo>
                  <a:cubicBezTo>
                    <a:pt x="2582" y="21053"/>
                    <a:pt x="2457" y="21203"/>
                    <a:pt x="2357" y="21329"/>
                  </a:cubicBezTo>
                  <a:cubicBezTo>
                    <a:pt x="2307" y="21379"/>
                    <a:pt x="2131" y="21554"/>
                    <a:pt x="2081" y="21604"/>
                  </a:cubicBezTo>
                  <a:cubicBezTo>
                    <a:pt x="2006" y="21655"/>
                    <a:pt x="1906" y="21780"/>
                    <a:pt x="1956" y="21830"/>
                  </a:cubicBezTo>
                  <a:cubicBezTo>
                    <a:pt x="1956" y="21955"/>
                    <a:pt x="2081" y="21955"/>
                    <a:pt x="2131" y="22005"/>
                  </a:cubicBezTo>
                  <a:cubicBezTo>
                    <a:pt x="2181" y="22056"/>
                    <a:pt x="2232" y="22106"/>
                    <a:pt x="2232" y="22181"/>
                  </a:cubicBezTo>
                  <a:cubicBezTo>
                    <a:pt x="2307" y="22281"/>
                    <a:pt x="2181" y="22457"/>
                    <a:pt x="2131" y="22507"/>
                  </a:cubicBezTo>
                  <a:cubicBezTo>
                    <a:pt x="2131" y="22557"/>
                    <a:pt x="1956" y="22632"/>
                    <a:pt x="1906" y="22682"/>
                  </a:cubicBezTo>
                  <a:lnTo>
                    <a:pt x="1906" y="22958"/>
                  </a:lnTo>
                  <a:cubicBezTo>
                    <a:pt x="1906" y="23008"/>
                    <a:pt x="1856" y="23133"/>
                    <a:pt x="1906" y="23183"/>
                  </a:cubicBezTo>
                  <a:lnTo>
                    <a:pt x="2081" y="23183"/>
                  </a:lnTo>
                  <a:cubicBezTo>
                    <a:pt x="2181" y="23233"/>
                    <a:pt x="2232" y="23459"/>
                    <a:pt x="2307" y="23534"/>
                  </a:cubicBezTo>
                  <a:cubicBezTo>
                    <a:pt x="2357" y="23584"/>
                    <a:pt x="2457" y="23760"/>
                    <a:pt x="2532" y="23810"/>
                  </a:cubicBezTo>
                  <a:cubicBezTo>
                    <a:pt x="2532" y="23860"/>
                    <a:pt x="2532" y="24035"/>
                    <a:pt x="2457" y="24035"/>
                  </a:cubicBezTo>
                  <a:cubicBezTo>
                    <a:pt x="2407" y="24086"/>
                    <a:pt x="2307" y="24086"/>
                    <a:pt x="2232" y="24086"/>
                  </a:cubicBezTo>
                  <a:cubicBezTo>
                    <a:pt x="2131" y="24136"/>
                    <a:pt x="1906" y="24311"/>
                    <a:pt x="1856" y="24487"/>
                  </a:cubicBezTo>
                  <a:cubicBezTo>
                    <a:pt x="1780" y="24537"/>
                    <a:pt x="1780" y="24762"/>
                    <a:pt x="1780" y="24888"/>
                  </a:cubicBezTo>
                  <a:cubicBezTo>
                    <a:pt x="1856" y="24988"/>
                    <a:pt x="1956" y="25038"/>
                    <a:pt x="2006" y="25113"/>
                  </a:cubicBezTo>
                  <a:cubicBezTo>
                    <a:pt x="2081" y="25163"/>
                    <a:pt x="2232" y="25264"/>
                    <a:pt x="2307" y="25339"/>
                  </a:cubicBezTo>
                  <a:cubicBezTo>
                    <a:pt x="2357" y="25389"/>
                    <a:pt x="2407" y="25614"/>
                    <a:pt x="2457" y="25715"/>
                  </a:cubicBezTo>
                  <a:cubicBezTo>
                    <a:pt x="2457" y="25790"/>
                    <a:pt x="2457" y="25890"/>
                    <a:pt x="2532" y="25940"/>
                  </a:cubicBezTo>
                  <a:lnTo>
                    <a:pt x="2758" y="25940"/>
                  </a:lnTo>
                  <a:cubicBezTo>
                    <a:pt x="2808" y="26015"/>
                    <a:pt x="2808" y="26116"/>
                    <a:pt x="2858" y="26166"/>
                  </a:cubicBezTo>
                  <a:cubicBezTo>
                    <a:pt x="2858" y="26241"/>
                    <a:pt x="2908" y="26291"/>
                    <a:pt x="2983" y="26291"/>
                  </a:cubicBezTo>
                  <a:cubicBezTo>
                    <a:pt x="2983" y="26341"/>
                    <a:pt x="3084" y="26341"/>
                    <a:pt x="3084" y="26341"/>
                  </a:cubicBezTo>
                  <a:cubicBezTo>
                    <a:pt x="3084" y="26391"/>
                    <a:pt x="3084" y="26467"/>
                    <a:pt x="3134" y="26517"/>
                  </a:cubicBezTo>
                  <a:cubicBezTo>
                    <a:pt x="3134" y="26567"/>
                    <a:pt x="3309" y="26567"/>
                    <a:pt x="3309" y="26617"/>
                  </a:cubicBezTo>
                  <a:cubicBezTo>
                    <a:pt x="3359" y="26692"/>
                    <a:pt x="3309" y="26792"/>
                    <a:pt x="3359" y="26843"/>
                  </a:cubicBezTo>
                  <a:cubicBezTo>
                    <a:pt x="3359" y="26880"/>
                    <a:pt x="3403" y="26880"/>
                    <a:pt x="3453" y="26880"/>
                  </a:cubicBezTo>
                  <a:cubicBezTo>
                    <a:pt x="3503" y="26880"/>
                    <a:pt x="3560" y="26880"/>
                    <a:pt x="3585" y="26918"/>
                  </a:cubicBezTo>
                  <a:cubicBezTo>
                    <a:pt x="3660" y="26968"/>
                    <a:pt x="3585" y="27193"/>
                    <a:pt x="3585" y="27244"/>
                  </a:cubicBezTo>
                  <a:cubicBezTo>
                    <a:pt x="3585" y="27419"/>
                    <a:pt x="3585" y="27695"/>
                    <a:pt x="3660" y="27820"/>
                  </a:cubicBezTo>
                  <a:cubicBezTo>
                    <a:pt x="3660" y="27870"/>
                    <a:pt x="3760" y="27920"/>
                    <a:pt x="3760" y="27920"/>
                  </a:cubicBezTo>
                  <a:cubicBezTo>
                    <a:pt x="3811" y="27970"/>
                    <a:pt x="3886" y="28096"/>
                    <a:pt x="3936" y="28096"/>
                  </a:cubicBezTo>
                  <a:cubicBezTo>
                    <a:pt x="3936" y="28096"/>
                    <a:pt x="3986" y="27970"/>
                    <a:pt x="3986" y="27920"/>
                  </a:cubicBezTo>
                  <a:cubicBezTo>
                    <a:pt x="3986" y="27870"/>
                    <a:pt x="3936" y="27745"/>
                    <a:pt x="3986" y="27695"/>
                  </a:cubicBezTo>
                  <a:cubicBezTo>
                    <a:pt x="4036" y="27695"/>
                    <a:pt x="4161" y="27745"/>
                    <a:pt x="4161" y="27745"/>
                  </a:cubicBezTo>
                  <a:cubicBezTo>
                    <a:pt x="4212" y="27820"/>
                    <a:pt x="4262" y="27920"/>
                    <a:pt x="4262" y="27970"/>
                  </a:cubicBezTo>
                  <a:lnTo>
                    <a:pt x="4161" y="28046"/>
                  </a:lnTo>
                  <a:cubicBezTo>
                    <a:pt x="4086" y="28146"/>
                    <a:pt x="4036" y="28321"/>
                    <a:pt x="4036" y="28371"/>
                  </a:cubicBezTo>
                  <a:cubicBezTo>
                    <a:pt x="3986" y="28497"/>
                    <a:pt x="4036" y="28647"/>
                    <a:pt x="4036" y="28722"/>
                  </a:cubicBezTo>
                  <a:cubicBezTo>
                    <a:pt x="4036" y="28772"/>
                    <a:pt x="4086" y="28822"/>
                    <a:pt x="4086" y="28873"/>
                  </a:cubicBezTo>
                  <a:cubicBezTo>
                    <a:pt x="4146" y="28873"/>
                    <a:pt x="4223" y="28808"/>
                    <a:pt x="4276" y="28808"/>
                  </a:cubicBezTo>
                  <a:cubicBezTo>
                    <a:pt x="4290" y="28808"/>
                    <a:pt x="4302" y="28812"/>
                    <a:pt x="4312" y="28822"/>
                  </a:cubicBezTo>
                  <a:cubicBezTo>
                    <a:pt x="4387" y="28873"/>
                    <a:pt x="4262" y="28998"/>
                    <a:pt x="4262" y="29048"/>
                  </a:cubicBezTo>
                  <a:cubicBezTo>
                    <a:pt x="4262" y="29048"/>
                    <a:pt x="4312" y="29173"/>
                    <a:pt x="4387" y="29223"/>
                  </a:cubicBezTo>
                  <a:cubicBezTo>
                    <a:pt x="4387" y="29223"/>
                    <a:pt x="4432" y="29246"/>
                    <a:pt x="4476" y="29246"/>
                  </a:cubicBezTo>
                  <a:cubicBezTo>
                    <a:pt x="4498" y="29246"/>
                    <a:pt x="4521" y="29240"/>
                    <a:pt x="4537" y="29223"/>
                  </a:cubicBezTo>
                  <a:cubicBezTo>
                    <a:pt x="4537" y="29223"/>
                    <a:pt x="4613" y="29098"/>
                    <a:pt x="4613" y="29048"/>
                  </a:cubicBezTo>
                  <a:cubicBezTo>
                    <a:pt x="4613" y="28998"/>
                    <a:pt x="4487" y="28948"/>
                    <a:pt x="4487" y="28873"/>
                  </a:cubicBezTo>
                  <a:cubicBezTo>
                    <a:pt x="4487" y="28822"/>
                    <a:pt x="4537" y="28772"/>
                    <a:pt x="4537" y="28772"/>
                  </a:cubicBezTo>
                  <a:cubicBezTo>
                    <a:pt x="4613" y="28722"/>
                    <a:pt x="4613" y="28597"/>
                    <a:pt x="4663" y="28597"/>
                  </a:cubicBezTo>
                  <a:cubicBezTo>
                    <a:pt x="4713" y="28547"/>
                    <a:pt x="4838" y="28497"/>
                    <a:pt x="4888" y="28497"/>
                  </a:cubicBezTo>
                  <a:cubicBezTo>
                    <a:pt x="4913" y="28459"/>
                    <a:pt x="4957" y="28459"/>
                    <a:pt x="4995" y="28459"/>
                  </a:cubicBezTo>
                  <a:cubicBezTo>
                    <a:pt x="5032" y="28459"/>
                    <a:pt x="5064" y="28459"/>
                    <a:pt x="5064" y="28421"/>
                  </a:cubicBezTo>
                  <a:cubicBezTo>
                    <a:pt x="5114" y="28421"/>
                    <a:pt x="5164" y="28271"/>
                    <a:pt x="5214" y="28271"/>
                  </a:cubicBezTo>
                  <a:cubicBezTo>
                    <a:pt x="5289" y="28271"/>
                    <a:pt x="5339" y="28371"/>
                    <a:pt x="5389" y="28421"/>
                  </a:cubicBezTo>
                  <a:cubicBezTo>
                    <a:pt x="5440" y="28421"/>
                    <a:pt x="5615" y="28421"/>
                    <a:pt x="5615" y="28497"/>
                  </a:cubicBezTo>
                  <a:cubicBezTo>
                    <a:pt x="5665" y="28547"/>
                    <a:pt x="5665" y="28647"/>
                    <a:pt x="5665" y="28722"/>
                  </a:cubicBezTo>
                  <a:cubicBezTo>
                    <a:pt x="5740" y="28772"/>
                    <a:pt x="5790" y="28873"/>
                    <a:pt x="5841" y="28873"/>
                  </a:cubicBezTo>
                  <a:cubicBezTo>
                    <a:pt x="5891" y="28873"/>
                    <a:pt x="5891" y="28772"/>
                    <a:pt x="5966" y="28772"/>
                  </a:cubicBezTo>
                  <a:lnTo>
                    <a:pt x="6066" y="28772"/>
                  </a:lnTo>
                  <a:cubicBezTo>
                    <a:pt x="6116" y="28822"/>
                    <a:pt x="6116" y="28873"/>
                    <a:pt x="6116" y="28948"/>
                  </a:cubicBezTo>
                  <a:cubicBezTo>
                    <a:pt x="6166" y="28948"/>
                    <a:pt x="6292" y="28998"/>
                    <a:pt x="6342" y="28998"/>
                  </a:cubicBezTo>
                  <a:cubicBezTo>
                    <a:pt x="6392" y="28998"/>
                    <a:pt x="6517" y="28998"/>
                    <a:pt x="6517" y="28948"/>
                  </a:cubicBezTo>
                  <a:cubicBezTo>
                    <a:pt x="6567" y="28948"/>
                    <a:pt x="6567" y="28822"/>
                    <a:pt x="6618" y="28822"/>
                  </a:cubicBezTo>
                  <a:cubicBezTo>
                    <a:pt x="6618" y="28772"/>
                    <a:pt x="6743" y="28772"/>
                    <a:pt x="6743" y="28722"/>
                  </a:cubicBezTo>
                  <a:lnTo>
                    <a:pt x="6918" y="28722"/>
                  </a:lnTo>
                  <a:cubicBezTo>
                    <a:pt x="6968" y="28647"/>
                    <a:pt x="7019" y="28547"/>
                    <a:pt x="7069" y="28497"/>
                  </a:cubicBezTo>
                  <a:cubicBezTo>
                    <a:pt x="7144" y="28371"/>
                    <a:pt x="7244" y="28146"/>
                    <a:pt x="7294" y="28096"/>
                  </a:cubicBezTo>
                  <a:cubicBezTo>
                    <a:pt x="7420" y="28046"/>
                    <a:pt x="7645" y="27970"/>
                    <a:pt x="7695" y="27920"/>
                  </a:cubicBezTo>
                  <a:cubicBezTo>
                    <a:pt x="7745" y="27920"/>
                    <a:pt x="7745" y="27820"/>
                    <a:pt x="7821" y="27745"/>
                  </a:cubicBezTo>
                  <a:cubicBezTo>
                    <a:pt x="7871" y="27745"/>
                    <a:pt x="7921" y="27820"/>
                    <a:pt x="7971" y="27820"/>
                  </a:cubicBezTo>
                  <a:cubicBezTo>
                    <a:pt x="7971" y="27820"/>
                    <a:pt x="8027" y="27842"/>
                    <a:pt x="8064" y="27842"/>
                  </a:cubicBezTo>
                  <a:cubicBezTo>
                    <a:pt x="8082" y="27842"/>
                    <a:pt x="8096" y="27837"/>
                    <a:pt x="8096" y="27820"/>
                  </a:cubicBezTo>
                  <a:cubicBezTo>
                    <a:pt x="8146" y="27745"/>
                    <a:pt x="8096" y="27594"/>
                    <a:pt x="8096" y="27519"/>
                  </a:cubicBezTo>
                  <a:cubicBezTo>
                    <a:pt x="8046" y="27469"/>
                    <a:pt x="7971" y="27369"/>
                    <a:pt x="7971" y="27294"/>
                  </a:cubicBezTo>
                  <a:cubicBezTo>
                    <a:pt x="7971" y="27294"/>
                    <a:pt x="8046" y="27193"/>
                    <a:pt x="8046" y="27143"/>
                  </a:cubicBezTo>
                  <a:cubicBezTo>
                    <a:pt x="8096" y="27068"/>
                    <a:pt x="8322" y="27068"/>
                    <a:pt x="8322" y="27018"/>
                  </a:cubicBezTo>
                  <a:cubicBezTo>
                    <a:pt x="8372" y="26918"/>
                    <a:pt x="8272" y="26742"/>
                    <a:pt x="8196" y="26692"/>
                  </a:cubicBezTo>
                  <a:cubicBezTo>
                    <a:pt x="8196" y="26617"/>
                    <a:pt x="8046" y="26567"/>
                    <a:pt x="7971" y="26517"/>
                  </a:cubicBezTo>
                  <a:cubicBezTo>
                    <a:pt x="7921" y="26467"/>
                    <a:pt x="7871" y="26241"/>
                    <a:pt x="7871" y="26116"/>
                  </a:cubicBezTo>
                  <a:cubicBezTo>
                    <a:pt x="7871" y="26015"/>
                    <a:pt x="7921" y="25840"/>
                    <a:pt x="7971" y="25715"/>
                  </a:cubicBezTo>
                  <a:cubicBezTo>
                    <a:pt x="8046" y="25614"/>
                    <a:pt x="8196" y="25489"/>
                    <a:pt x="8322" y="25439"/>
                  </a:cubicBezTo>
                  <a:cubicBezTo>
                    <a:pt x="8372" y="25389"/>
                    <a:pt x="8422" y="25264"/>
                    <a:pt x="8472" y="25213"/>
                  </a:cubicBezTo>
                  <a:cubicBezTo>
                    <a:pt x="8547" y="25213"/>
                    <a:pt x="8698" y="25163"/>
                    <a:pt x="8773" y="25163"/>
                  </a:cubicBezTo>
                  <a:lnTo>
                    <a:pt x="8999" y="25163"/>
                  </a:lnTo>
                  <a:cubicBezTo>
                    <a:pt x="9049" y="25163"/>
                    <a:pt x="9099" y="25113"/>
                    <a:pt x="9149" y="25113"/>
                  </a:cubicBezTo>
                  <a:cubicBezTo>
                    <a:pt x="9224" y="25113"/>
                    <a:pt x="9324" y="25213"/>
                    <a:pt x="9374" y="25213"/>
                  </a:cubicBezTo>
                  <a:cubicBezTo>
                    <a:pt x="9450" y="25213"/>
                    <a:pt x="9500" y="25163"/>
                    <a:pt x="9550" y="25163"/>
                  </a:cubicBezTo>
                  <a:lnTo>
                    <a:pt x="9550" y="24938"/>
                  </a:lnTo>
                  <a:lnTo>
                    <a:pt x="9775" y="24938"/>
                  </a:lnTo>
                  <a:cubicBezTo>
                    <a:pt x="9901" y="24888"/>
                    <a:pt x="10001" y="24812"/>
                    <a:pt x="10126" y="24812"/>
                  </a:cubicBezTo>
                  <a:lnTo>
                    <a:pt x="10452" y="24812"/>
                  </a:lnTo>
                  <a:cubicBezTo>
                    <a:pt x="10628" y="24888"/>
                    <a:pt x="10853" y="24938"/>
                    <a:pt x="10903" y="25038"/>
                  </a:cubicBezTo>
                  <a:cubicBezTo>
                    <a:pt x="10953" y="25113"/>
                    <a:pt x="10903" y="25213"/>
                    <a:pt x="10953" y="25264"/>
                  </a:cubicBezTo>
                  <a:cubicBezTo>
                    <a:pt x="10953" y="25339"/>
                    <a:pt x="11004" y="25489"/>
                    <a:pt x="11079" y="25564"/>
                  </a:cubicBezTo>
                  <a:cubicBezTo>
                    <a:pt x="11129" y="25564"/>
                    <a:pt x="11304" y="25564"/>
                    <a:pt x="11354" y="25614"/>
                  </a:cubicBezTo>
                  <a:cubicBezTo>
                    <a:pt x="11405" y="25614"/>
                    <a:pt x="11455" y="25665"/>
                    <a:pt x="11530" y="25715"/>
                  </a:cubicBezTo>
                  <a:cubicBezTo>
                    <a:pt x="11530" y="25790"/>
                    <a:pt x="11580" y="25890"/>
                    <a:pt x="11630" y="25940"/>
                  </a:cubicBezTo>
                  <a:cubicBezTo>
                    <a:pt x="11680" y="25940"/>
                    <a:pt x="11856" y="25890"/>
                    <a:pt x="11906" y="25890"/>
                  </a:cubicBezTo>
                  <a:cubicBezTo>
                    <a:pt x="11906" y="25940"/>
                    <a:pt x="11981" y="26015"/>
                    <a:pt x="11981" y="26015"/>
                  </a:cubicBezTo>
                  <a:cubicBezTo>
                    <a:pt x="12081" y="26066"/>
                    <a:pt x="12257" y="26066"/>
                    <a:pt x="12307" y="26066"/>
                  </a:cubicBezTo>
                  <a:cubicBezTo>
                    <a:pt x="12403" y="26066"/>
                    <a:pt x="12485" y="25991"/>
                    <a:pt x="12540" y="25991"/>
                  </a:cubicBezTo>
                  <a:cubicBezTo>
                    <a:pt x="12557" y="25991"/>
                    <a:pt x="12571" y="25998"/>
                    <a:pt x="12582" y="26015"/>
                  </a:cubicBezTo>
                  <a:cubicBezTo>
                    <a:pt x="12658" y="26015"/>
                    <a:pt x="12582" y="26116"/>
                    <a:pt x="12658" y="26166"/>
                  </a:cubicBezTo>
                  <a:cubicBezTo>
                    <a:pt x="12658" y="26241"/>
                    <a:pt x="12708" y="26291"/>
                    <a:pt x="12708" y="26341"/>
                  </a:cubicBezTo>
                  <a:lnTo>
                    <a:pt x="12933" y="26341"/>
                  </a:lnTo>
                  <a:cubicBezTo>
                    <a:pt x="12983" y="26291"/>
                    <a:pt x="12933" y="26166"/>
                    <a:pt x="12933" y="26116"/>
                  </a:cubicBezTo>
                  <a:lnTo>
                    <a:pt x="12933" y="25890"/>
                  </a:lnTo>
                  <a:cubicBezTo>
                    <a:pt x="12944" y="25880"/>
                    <a:pt x="12960" y="25876"/>
                    <a:pt x="12980" y="25876"/>
                  </a:cubicBezTo>
                  <a:cubicBezTo>
                    <a:pt x="13033" y="25876"/>
                    <a:pt x="13110" y="25905"/>
                    <a:pt x="13163" y="25905"/>
                  </a:cubicBezTo>
                  <a:cubicBezTo>
                    <a:pt x="13182" y="25905"/>
                    <a:pt x="13198" y="25901"/>
                    <a:pt x="13209" y="25890"/>
                  </a:cubicBezTo>
                  <a:cubicBezTo>
                    <a:pt x="13259" y="25840"/>
                    <a:pt x="13209" y="25665"/>
                    <a:pt x="13259" y="25614"/>
                  </a:cubicBezTo>
                  <a:cubicBezTo>
                    <a:pt x="13259" y="25564"/>
                    <a:pt x="13309" y="25439"/>
                    <a:pt x="13309" y="25339"/>
                  </a:cubicBezTo>
                  <a:cubicBezTo>
                    <a:pt x="13309" y="25264"/>
                    <a:pt x="13209" y="25113"/>
                    <a:pt x="13209" y="25038"/>
                  </a:cubicBezTo>
                  <a:cubicBezTo>
                    <a:pt x="13209" y="24888"/>
                    <a:pt x="13309" y="24662"/>
                    <a:pt x="13309" y="24537"/>
                  </a:cubicBezTo>
                  <a:cubicBezTo>
                    <a:pt x="13384" y="24487"/>
                    <a:pt x="13384" y="24311"/>
                    <a:pt x="13384" y="24261"/>
                  </a:cubicBezTo>
                  <a:cubicBezTo>
                    <a:pt x="13435" y="24211"/>
                    <a:pt x="13485" y="24086"/>
                    <a:pt x="13535" y="24035"/>
                  </a:cubicBezTo>
                  <a:cubicBezTo>
                    <a:pt x="13585" y="24035"/>
                    <a:pt x="13624" y="24058"/>
                    <a:pt x="13659" y="24058"/>
                  </a:cubicBezTo>
                  <a:cubicBezTo>
                    <a:pt x="13677" y="24058"/>
                    <a:pt x="13694" y="24052"/>
                    <a:pt x="13710" y="24035"/>
                  </a:cubicBezTo>
                  <a:cubicBezTo>
                    <a:pt x="13760" y="24035"/>
                    <a:pt x="13886" y="23985"/>
                    <a:pt x="13886" y="23910"/>
                  </a:cubicBezTo>
                  <a:cubicBezTo>
                    <a:pt x="13886" y="23860"/>
                    <a:pt x="13710" y="23860"/>
                    <a:pt x="13660" y="23810"/>
                  </a:cubicBezTo>
                  <a:cubicBezTo>
                    <a:pt x="13610" y="23760"/>
                    <a:pt x="13610" y="23584"/>
                    <a:pt x="13610" y="23534"/>
                  </a:cubicBezTo>
                  <a:cubicBezTo>
                    <a:pt x="13535" y="23459"/>
                    <a:pt x="13435" y="23459"/>
                    <a:pt x="13384" y="23409"/>
                  </a:cubicBezTo>
                  <a:cubicBezTo>
                    <a:pt x="13384" y="23359"/>
                    <a:pt x="13384" y="23233"/>
                    <a:pt x="13435" y="23183"/>
                  </a:cubicBezTo>
                  <a:lnTo>
                    <a:pt x="13535" y="23183"/>
                  </a:lnTo>
                  <a:cubicBezTo>
                    <a:pt x="13610" y="23133"/>
                    <a:pt x="13610" y="22908"/>
                    <a:pt x="13610" y="22858"/>
                  </a:cubicBezTo>
                  <a:cubicBezTo>
                    <a:pt x="13660" y="22732"/>
                    <a:pt x="13760" y="22507"/>
                    <a:pt x="13836" y="22406"/>
                  </a:cubicBezTo>
                  <a:cubicBezTo>
                    <a:pt x="13886" y="22231"/>
                    <a:pt x="13936" y="21880"/>
                    <a:pt x="13886" y="21730"/>
                  </a:cubicBezTo>
                  <a:cubicBezTo>
                    <a:pt x="13886" y="21604"/>
                    <a:pt x="13760" y="21504"/>
                    <a:pt x="13760" y="21379"/>
                  </a:cubicBezTo>
                  <a:cubicBezTo>
                    <a:pt x="13710" y="21203"/>
                    <a:pt x="13936" y="20978"/>
                    <a:pt x="13986" y="20827"/>
                  </a:cubicBezTo>
                  <a:cubicBezTo>
                    <a:pt x="13986" y="20652"/>
                    <a:pt x="14061" y="20301"/>
                    <a:pt x="14061" y="20076"/>
                  </a:cubicBezTo>
                  <a:cubicBezTo>
                    <a:pt x="14061" y="19975"/>
                    <a:pt x="13986" y="19700"/>
                    <a:pt x="14061" y="19524"/>
                  </a:cubicBezTo>
                  <a:cubicBezTo>
                    <a:pt x="14061" y="19449"/>
                    <a:pt x="14111" y="19399"/>
                    <a:pt x="14111" y="19349"/>
                  </a:cubicBezTo>
                  <a:lnTo>
                    <a:pt x="14111" y="19123"/>
                  </a:lnTo>
                  <a:cubicBezTo>
                    <a:pt x="14161" y="19073"/>
                    <a:pt x="14287" y="18948"/>
                    <a:pt x="14287" y="18847"/>
                  </a:cubicBezTo>
                  <a:cubicBezTo>
                    <a:pt x="14337" y="18772"/>
                    <a:pt x="14337" y="18622"/>
                    <a:pt x="14337" y="18547"/>
                  </a:cubicBezTo>
                  <a:cubicBezTo>
                    <a:pt x="14287" y="18446"/>
                    <a:pt x="14212" y="18221"/>
                    <a:pt x="14161" y="18096"/>
                  </a:cubicBezTo>
                  <a:cubicBezTo>
                    <a:pt x="14161" y="17995"/>
                    <a:pt x="14212" y="17820"/>
                    <a:pt x="14212" y="17770"/>
                  </a:cubicBezTo>
                  <a:cubicBezTo>
                    <a:pt x="14287" y="17644"/>
                    <a:pt x="14387" y="17544"/>
                    <a:pt x="14387" y="17419"/>
                  </a:cubicBezTo>
                  <a:cubicBezTo>
                    <a:pt x="14437" y="17319"/>
                    <a:pt x="14437" y="17043"/>
                    <a:pt x="14437" y="16918"/>
                  </a:cubicBezTo>
                  <a:cubicBezTo>
                    <a:pt x="14437" y="16868"/>
                    <a:pt x="14337" y="16742"/>
                    <a:pt x="14337" y="16692"/>
                  </a:cubicBezTo>
                  <a:cubicBezTo>
                    <a:pt x="14337" y="16642"/>
                    <a:pt x="14287" y="16517"/>
                    <a:pt x="14337" y="16517"/>
                  </a:cubicBezTo>
                  <a:cubicBezTo>
                    <a:pt x="14337" y="16467"/>
                    <a:pt x="14512" y="16416"/>
                    <a:pt x="14562" y="16366"/>
                  </a:cubicBezTo>
                  <a:cubicBezTo>
                    <a:pt x="14562" y="16241"/>
                    <a:pt x="14512" y="16066"/>
                    <a:pt x="14512" y="16015"/>
                  </a:cubicBezTo>
                  <a:cubicBezTo>
                    <a:pt x="14437" y="15965"/>
                    <a:pt x="14337" y="15840"/>
                    <a:pt x="14287" y="15790"/>
                  </a:cubicBezTo>
                  <a:cubicBezTo>
                    <a:pt x="14287" y="15740"/>
                    <a:pt x="14287" y="15564"/>
                    <a:pt x="14337" y="15514"/>
                  </a:cubicBezTo>
                  <a:cubicBezTo>
                    <a:pt x="14337" y="15389"/>
                    <a:pt x="14512" y="15238"/>
                    <a:pt x="14562" y="15113"/>
                  </a:cubicBezTo>
                  <a:cubicBezTo>
                    <a:pt x="14613" y="15063"/>
                    <a:pt x="14613" y="14888"/>
                    <a:pt x="14613" y="14837"/>
                  </a:cubicBezTo>
                  <a:cubicBezTo>
                    <a:pt x="14613" y="14787"/>
                    <a:pt x="14738" y="14712"/>
                    <a:pt x="14738" y="14662"/>
                  </a:cubicBezTo>
                  <a:cubicBezTo>
                    <a:pt x="14788" y="14562"/>
                    <a:pt x="14738" y="14336"/>
                    <a:pt x="14663" y="14211"/>
                  </a:cubicBezTo>
                  <a:cubicBezTo>
                    <a:pt x="14613" y="14035"/>
                    <a:pt x="14212" y="13935"/>
                    <a:pt x="14161" y="13760"/>
                  </a:cubicBezTo>
                  <a:cubicBezTo>
                    <a:pt x="14061" y="13660"/>
                    <a:pt x="13986" y="13309"/>
                    <a:pt x="13986" y="13133"/>
                  </a:cubicBezTo>
                  <a:cubicBezTo>
                    <a:pt x="13936" y="12983"/>
                    <a:pt x="13760" y="12682"/>
                    <a:pt x="13760" y="12532"/>
                  </a:cubicBezTo>
                  <a:cubicBezTo>
                    <a:pt x="13760" y="12356"/>
                    <a:pt x="13836" y="12081"/>
                    <a:pt x="13886" y="11905"/>
                  </a:cubicBezTo>
                  <a:cubicBezTo>
                    <a:pt x="13936" y="11780"/>
                    <a:pt x="14111" y="11629"/>
                    <a:pt x="14161" y="11504"/>
                  </a:cubicBezTo>
                  <a:cubicBezTo>
                    <a:pt x="14212" y="11404"/>
                    <a:pt x="14287" y="11228"/>
                    <a:pt x="14337" y="11178"/>
                  </a:cubicBezTo>
                  <a:cubicBezTo>
                    <a:pt x="14387" y="11053"/>
                    <a:pt x="14663" y="10878"/>
                    <a:pt x="14838" y="10827"/>
                  </a:cubicBezTo>
                  <a:cubicBezTo>
                    <a:pt x="14888" y="10827"/>
                    <a:pt x="14963" y="10827"/>
                    <a:pt x="15014" y="10777"/>
                  </a:cubicBezTo>
                  <a:cubicBezTo>
                    <a:pt x="15064" y="10777"/>
                    <a:pt x="15239" y="10652"/>
                    <a:pt x="15239" y="10552"/>
                  </a:cubicBezTo>
                  <a:cubicBezTo>
                    <a:pt x="15289" y="10426"/>
                    <a:pt x="15164" y="10201"/>
                    <a:pt x="15239" y="10101"/>
                  </a:cubicBezTo>
                  <a:cubicBezTo>
                    <a:pt x="15289" y="10025"/>
                    <a:pt x="15390" y="9975"/>
                    <a:pt x="15465" y="9925"/>
                  </a:cubicBezTo>
                  <a:cubicBezTo>
                    <a:pt x="15515" y="9750"/>
                    <a:pt x="15515" y="9474"/>
                    <a:pt x="15565" y="9299"/>
                  </a:cubicBezTo>
                  <a:cubicBezTo>
                    <a:pt x="15615" y="9248"/>
                    <a:pt x="15740" y="9123"/>
                    <a:pt x="15740" y="9073"/>
                  </a:cubicBezTo>
                  <a:cubicBezTo>
                    <a:pt x="15740" y="9023"/>
                    <a:pt x="15740" y="8898"/>
                    <a:pt x="15690" y="8898"/>
                  </a:cubicBezTo>
                  <a:cubicBezTo>
                    <a:pt x="15615" y="8847"/>
                    <a:pt x="15465" y="8797"/>
                    <a:pt x="15465" y="8747"/>
                  </a:cubicBezTo>
                  <a:cubicBezTo>
                    <a:pt x="15390" y="8672"/>
                    <a:pt x="15465" y="8572"/>
                    <a:pt x="15465" y="8572"/>
                  </a:cubicBezTo>
                  <a:cubicBezTo>
                    <a:pt x="15390" y="8446"/>
                    <a:pt x="15164" y="8346"/>
                    <a:pt x="15114" y="8221"/>
                  </a:cubicBezTo>
                  <a:cubicBezTo>
                    <a:pt x="15064" y="8121"/>
                    <a:pt x="14963" y="7945"/>
                    <a:pt x="14888" y="7845"/>
                  </a:cubicBezTo>
                  <a:cubicBezTo>
                    <a:pt x="14888" y="7770"/>
                    <a:pt x="14888" y="7619"/>
                    <a:pt x="14963" y="7544"/>
                  </a:cubicBezTo>
                  <a:cubicBezTo>
                    <a:pt x="14963" y="7494"/>
                    <a:pt x="15014" y="7444"/>
                    <a:pt x="15014" y="7394"/>
                  </a:cubicBezTo>
                  <a:cubicBezTo>
                    <a:pt x="15014" y="7319"/>
                    <a:pt x="15064" y="7218"/>
                    <a:pt x="15064" y="7168"/>
                  </a:cubicBezTo>
                  <a:cubicBezTo>
                    <a:pt x="15064" y="7093"/>
                    <a:pt x="15064" y="6993"/>
                    <a:pt x="15014" y="6943"/>
                  </a:cubicBezTo>
                  <a:cubicBezTo>
                    <a:pt x="15014" y="6867"/>
                    <a:pt x="14888" y="6867"/>
                    <a:pt x="14838" y="6817"/>
                  </a:cubicBezTo>
                  <a:cubicBezTo>
                    <a:pt x="14788" y="6767"/>
                    <a:pt x="14738" y="6592"/>
                    <a:pt x="14738" y="6542"/>
                  </a:cubicBezTo>
                  <a:cubicBezTo>
                    <a:pt x="14738" y="6416"/>
                    <a:pt x="14788" y="6266"/>
                    <a:pt x="14788" y="6141"/>
                  </a:cubicBezTo>
                  <a:cubicBezTo>
                    <a:pt x="14788" y="6091"/>
                    <a:pt x="14613" y="5865"/>
                    <a:pt x="14562" y="5815"/>
                  </a:cubicBezTo>
                  <a:cubicBezTo>
                    <a:pt x="14512" y="5740"/>
                    <a:pt x="14287" y="5740"/>
                    <a:pt x="14212" y="5690"/>
                  </a:cubicBezTo>
                  <a:cubicBezTo>
                    <a:pt x="14161" y="5639"/>
                    <a:pt x="14161" y="5514"/>
                    <a:pt x="14212" y="5464"/>
                  </a:cubicBezTo>
                  <a:cubicBezTo>
                    <a:pt x="14212" y="5414"/>
                    <a:pt x="14212" y="5364"/>
                    <a:pt x="14287" y="5364"/>
                  </a:cubicBezTo>
                  <a:cubicBezTo>
                    <a:pt x="14337" y="5364"/>
                    <a:pt x="14337" y="5464"/>
                    <a:pt x="14387" y="5464"/>
                  </a:cubicBezTo>
                  <a:lnTo>
                    <a:pt x="14512" y="5464"/>
                  </a:lnTo>
                  <a:cubicBezTo>
                    <a:pt x="14562" y="5464"/>
                    <a:pt x="14562" y="5364"/>
                    <a:pt x="14562" y="5364"/>
                  </a:cubicBezTo>
                  <a:cubicBezTo>
                    <a:pt x="14562" y="5289"/>
                    <a:pt x="14512" y="5238"/>
                    <a:pt x="14512" y="5238"/>
                  </a:cubicBezTo>
                  <a:cubicBezTo>
                    <a:pt x="14512" y="5188"/>
                    <a:pt x="14562" y="5138"/>
                    <a:pt x="14562" y="5138"/>
                  </a:cubicBezTo>
                  <a:cubicBezTo>
                    <a:pt x="14613" y="5138"/>
                    <a:pt x="14738" y="5188"/>
                    <a:pt x="14788" y="5188"/>
                  </a:cubicBezTo>
                  <a:cubicBezTo>
                    <a:pt x="14838" y="5188"/>
                    <a:pt x="14888" y="5138"/>
                    <a:pt x="14888" y="5063"/>
                  </a:cubicBezTo>
                  <a:cubicBezTo>
                    <a:pt x="14888" y="5013"/>
                    <a:pt x="14788" y="4963"/>
                    <a:pt x="14738" y="4913"/>
                  </a:cubicBezTo>
                  <a:lnTo>
                    <a:pt x="14512" y="4913"/>
                  </a:lnTo>
                  <a:cubicBezTo>
                    <a:pt x="14437" y="4837"/>
                    <a:pt x="14387" y="4737"/>
                    <a:pt x="14337" y="4687"/>
                  </a:cubicBezTo>
                  <a:cubicBezTo>
                    <a:pt x="14303" y="4687"/>
                    <a:pt x="14237" y="4709"/>
                    <a:pt x="14181" y="4709"/>
                  </a:cubicBezTo>
                  <a:cubicBezTo>
                    <a:pt x="14153" y="4709"/>
                    <a:pt x="14128" y="4704"/>
                    <a:pt x="14111" y="4687"/>
                  </a:cubicBezTo>
                  <a:cubicBezTo>
                    <a:pt x="13986" y="4612"/>
                    <a:pt x="13936" y="4461"/>
                    <a:pt x="13886" y="4386"/>
                  </a:cubicBezTo>
                  <a:cubicBezTo>
                    <a:pt x="13886" y="4386"/>
                    <a:pt x="13936" y="4336"/>
                    <a:pt x="13936" y="4286"/>
                  </a:cubicBezTo>
                  <a:lnTo>
                    <a:pt x="13936" y="4111"/>
                  </a:lnTo>
                  <a:cubicBezTo>
                    <a:pt x="13926" y="4101"/>
                    <a:pt x="13911" y="4097"/>
                    <a:pt x="13892" y="4097"/>
                  </a:cubicBezTo>
                  <a:cubicBezTo>
                    <a:pt x="13819" y="4097"/>
                    <a:pt x="13690" y="4161"/>
                    <a:pt x="13610" y="4161"/>
                  </a:cubicBezTo>
                  <a:cubicBezTo>
                    <a:pt x="13535" y="4236"/>
                    <a:pt x="13485" y="4286"/>
                    <a:pt x="13384" y="4336"/>
                  </a:cubicBezTo>
                  <a:cubicBezTo>
                    <a:pt x="13309" y="4336"/>
                    <a:pt x="13159" y="4236"/>
                    <a:pt x="13034" y="4161"/>
                  </a:cubicBezTo>
                  <a:cubicBezTo>
                    <a:pt x="12983" y="4161"/>
                    <a:pt x="12808" y="4236"/>
                    <a:pt x="12758" y="4236"/>
                  </a:cubicBezTo>
                  <a:cubicBezTo>
                    <a:pt x="12758" y="4161"/>
                    <a:pt x="12758" y="4010"/>
                    <a:pt x="12808" y="4010"/>
                  </a:cubicBezTo>
                  <a:cubicBezTo>
                    <a:pt x="12836" y="3941"/>
                    <a:pt x="12918" y="3925"/>
                    <a:pt x="13007" y="3925"/>
                  </a:cubicBezTo>
                  <a:cubicBezTo>
                    <a:pt x="13078" y="3925"/>
                    <a:pt x="13153" y="3935"/>
                    <a:pt x="13209" y="3935"/>
                  </a:cubicBezTo>
                  <a:cubicBezTo>
                    <a:pt x="13245" y="3989"/>
                    <a:pt x="13281" y="4031"/>
                    <a:pt x="13327" y="4031"/>
                  </a:cubicBezTo>
                  <a:cubicBezTo>
                    <a:pt x="13344" y="4031"/>
                    <a:pt x="13363" y="4024"/>
                    <a:pt x="13384" y="4010"/>
                  </a:cubicBezTo>
                  <a:cubicBezTo>
                    <a:pt x="13435" y="4010"/>
                    <a:pt x="13384" y="3885"/>
                    <a:pt x="13384" y="3835"/>
                  </a:cubicBezTo>
                  <a:cubicBezTo>
                    <a:pt x="13384" y="3785"/>
                    <a:pt x="13435" y="3710"/>
                    <a:pt x="13435" y="3710"/>
                  </a:cubicBezTo>
                  <a:cubicBezTo>
                    <a:pt x="13485" y="3659"/>
                    <a:pt x="13435" y="3484"/>
                    <a:pt x="13485" y="3434"/>
                  </a:cubicBezTo>
                  <a:cubicBezTo>
                    <a:pt x="13485" y="3384"/>
                    <a:pt x="13610" y="3208"/>
                    <a:pt x="13710" y="3208"/>
                  </a:cubicBezTo>
                  <a:cubicBezTo>
                    <a:pt x="13749" y="3208"/>
                    <a:pt x="13862" y="3282"/>
                    <a:pt x="13934" y="3282"/>
                  </a:cubicBezTo>
                  <a:cubicBezTo>
                    <a:pt x="13956" y="3282"/>
                    <a:pt x="13974" y="3276"/>
                    <a:pt x="13986" y="3258"/>
                  </a:cubicBezTo>
                  <a:cubicBezTo>
                    <a:pt x="14061" y="3258"/>
                    <a:pt x="14061" y="3208"/>
                    <a:pt x="14111" y="3208"/>
                  </a:cubicBezTo>
                  <a:cubicBezTo>
                    <a:pt x="14111" y="3158"/>
                    <a:pt x="14061" y="3033"/>
                    <a:pt x="14061" y="2983"/>
                  </a:cubicBezTo>
                  <a:cubicBezTo>
                    <a:pt x="13986" y="2933"/>
                    <a:pt x="13836" y="2883"/>
                    <a:pt x="13760" y="2883"/>
                  </a:cubicBezTo>
                  <a:lnTo>
                    <a:pt x="13435" y="2883"/>
                  </a:lnTo>
                  <a:cubicBezTo>
                    <a:pt x="13384" y="2933"/>
                    <a:pt x="13384" y="3033"/>
                    <a:pt x="13384" y="3033"/>
                  </a:cubicBezTo>
                  <a:cubicBezTo>
                    <a:pt x="13347" y="3070"/>
                    <a:pt x="13303" y="3089"/>
                    <a:pt x="13269" y="3089"/>
                  </a:cubicBezTo>
                  <a:cubicBezTo>
                    <a:pt x="13234" y="3089"/>
                    <a:pt x="13209" y="3070"/>
                    <a:pt x="13209" y="3033"/>
                  </a:cubicBezTo>
                  <a:cubicBezTo>
                    <a:pt x="13159" y="3033"/>
                    <a:pt x="13209" y="2983"/>
                    <a:pt x="13259" y="2933"/>
                  </a:cubicBezTo>
                  <a:cubicBezTo>
                    <a:pt x="13259" y="2883"/>
                    <a:pt x="13209" y="2757"/>
                    <a:pt x="13159" y="2757"/>
                  </a:cubicBezTo>
                  <a:cubicBezTo>
                    <a:pt x="13150" y="2751"/>
                    <a:pt x="13140" y="2748"/>
                    <a:pt x="13130" y="2748"/>
                  </a:cubicBezTo>
                  <a:cubicBezTo>
                    <a:pt x="13060" y="2748"/>
                    <a:pt x="12977" y="2889"/>
                    <a:pt x="12933" y="2933"/>
                  </a:cubicBezTo>
                  <a:cubicBezTo>
                    <a:pt x="12933" y="2933"/>
                    <a:pt x="12808" y="3033"/>
                    <a:pt x="12758" y="3033"/>
                  </a:cubicBezTo>
                  <a:cubicBezTo>
                    <a:pt x="12708" y="2983"/>
                    <a:pt x="12758" y="2757"/>
                    <a:pt x="12808" y="2707"/>
                  </a:cubicBezTo>
                  <a:cubicBezTo>
                    <a:pt x="12808" y="2657"/>
                    <a:pt x="12858" y="2582"/>
                    <a:pt x="12933" y="2532"/>
                  </a:cubicBezTo>
                  <a:cubicBezTo>
                    <a:pt x="12933" y="2532"/>
                    <a:pt x="12983" y="2431"/>
                    <a:pt x="12983" y="2356"/>
                  </a:cubicBezTo>
                  <a:cubicBezTo>
                    <a:pt x="13034" y="2306"/>
                    <a:pt x="12983" y="2206"/>
                    <a:pt x="12983" y="2131"/>
                  </a:cubicBezTo>
                  <a:cubicBezTo>
                    <a:pt x="13009" y="2106"/>
                    <a:pt x="13065" y="2106"/>
                    <a:pt x="13121" y="2106"/>
                  </a:cubicBezTo>
                  <a:cubicBezTo>
                    <a:pt x="13178" y="2106"/>
                    <a:pt x="13234" y="2106"/>
                    <a:pt x="13259" y="2080"/>
                  </a:cubicBezTo>
                  <a:cubicBezTo>
                    <a:pt x="13309" y="2030"/>
                    <a:pt x="13309" y="1980"/>
                    <a:pt x="13309" y="1905"/>
                  </a:cubicBezTo>
                  <a:cubicBezTo>
                    <a:pt x="13309" y="1805"/>
                    <a:pt x="13259" y="1629"/>
                    <a:pt x="13209" y="1579"/>
                  </a:cubicBezTo>
                  <a:cubicBezTo>
                    <a:pt x="13159" y="1529"/>
                    <a:pt x="13034" y="1354"/>
                    <a:pt x="12983" y="1304"/>
                  </a:cubicBezTo>
                  <a:cubicBezTo>
                    <a:pt x="12983" y="1304"/>
                    <a:pt x="12858" y="1228"/>
                    <a:pt x="12808" y="1228"/>
                  </a:cubicBezTo>
                  <a:cubicBezTo>
                    <a:pt x="12808" y="1304"/>
                    <a:pt x="12758" y="1404"/>
                    <a:pt x="12758" y="1454"/>
                  </a:cubicBezTo>
                  <a:cubicBezTo>
                    <a:pt x="12733" y="1492"/>
                    <a:pt x="12664" y="1492"/>
                    <a:pt x="12595" y="1492"/>
                  </a:cubicBezTo>
                  <a:cubicBezTo>
                    <a:pt x="12526" y="1492"/>
                    <a:pt x="12457" y="1492"/>
                    <a:pt x="12432" y="1529"/>
                  </a:cubicBezTo>
                  <a:cubicBezTo>
                    <a:pt x="12357" y="1579"/>
                    <a:pt x="12357" y="1679"/>
                    <a:pt x="12357" y="1755"/>
                  </a:cubicBezTo>
                  <a:cubicBezTo>
                    <a:pt x="12357" y="1805"/>
                    <a:pt x="12357" y="1905"/>
                    <a:pt x="12307" y="1980"/>
                  </a:cubicBezTo>
                  <a:cubicBezTo>
                    <a:pt x="12257" y="1980"/>
                    <a:pt x="12131" y="1905"/>
                    <a:pt x="12131" y="1855"/>
                  </a:cubicBezTo>
                  <a:cubicBezTo>
                    <a:pt x="12081" y="1805"/>
                    <a:pt x="12081" y="1629"/>
                    <a:pt x="12081" y="1579"/>
                  </a:cubicBezTo>
                  <a:cubicBezTo>
                    <a:pt x="12131" y="1529"/>
                    <a:pt x="12207" y="1454"/>
                    <a:pt x="12207" y="1404"/>
                  </a:cubicBezTo>
                  <a:cubicBezTo>
                    <a:pt x="12131" y="1304"/>
                    <a:pt x="11906" y="1228"/>
                    <a:pt x="11856" y="1178"/>
                  </a:cubicBezTo>
                  <a:cubicBezTo>
                    <a:pt x="11856" y="1178"/>
                    <a:pt x="11806" y="1128"/>
                    <a:pt x="11755" y="1078"/>
                  </a:cubicBezTo>
                  <a:cubicBezTo>
                    <a:pt x="11680" y="1003"/>
                    <a:pt x="11630" y="852"/>
                    <a:pt x="11580" y="777"/>
                  </a:cubicBezTo>
                  <a:cubicBezTo>
                    <a:pt x="11580" y="777"/>
                    <a:pt x="11530" y="677"/>
                    <a:pt x="11455" y="677"/>
                  </a:cubicBezTo>
                  <a:cubicBezTo>
                    <a:pt x="11430" y="639"/>
                    <a:pt x="11392" y="621"/>
                    <a:pt x="11351" y="621"/>
                  </a:cubicBezTo>
                  <a:cubicBezTo>
                    <a:pt x="11311" y="621"/>
                    <a:pt x="11267" y="639"/>
                    <a:pt x="11229" y="677"/>
                  </a:cubicBezTo>
                  <a:cubicBezTo>
                    <a:pt x="11229" y="677"/>
                    <a:pt x="11354" y="777"/>
                    <a:pt x="11304" y="852"/>
                  </a:cubicBezTo>
                  <a:cubicBezTo>
                    <a:pt x="11291" y="861"/>
                    <a:pt x="11277" y="865"/>
                    <a:pt x="11263" y="865"/>
                  </a:cubicBezTo>
                  <a:cubicBezTo>
                    <a:pt x="11216" y="865"/>
                    <a:pt x="11169" y="828"/>
                    <a:pt x="11145" y="828"/>
                  </a:cubicBezTo>
                  <a:cubicBezTo>
                    <a:pt x="11135" y="828"/>
                    <a:pt x="11129" y="834"/>
                    <a:pt x="11129" y="852"/>
                  </a:cubicBezTo>
                  <a:cubicBezTo>
                    <a:pt x="11079" y="852"/>
                    <a:pt x="11079" y="953"/>
                    <a:pt x="11004" y="1003"/>
                  </a:cubicBezTo>
                  <a:cubicBezTo>
                    <a:pt x="11004" y="1003"/>
                    <a:pt x="10953" y="903"/>
                    <a:pt x="10903" y="903"/>
                  </a:cubicBezTo>
                  <a:cubicBezTo>
                    <a:pt x="10903" y="852"/>
                    <a:pt x="10953" y="727"/>
                    <a:pt x="10903" y="677"/>
                  </a:cubicBezTo>
                  <a:cubicBezTo>
                    <a:pt x="10903" y="602"/>
                    <a:pt x="10903" y="552"/>
                    <a:pt x="10853" y="552"/>
                  </a:cubicBezTo>
                  <a:lnTo>
                    <a:pt x="10778" y="602"/>
                  </a:lnTo>
                  <a:cubicBezTo>
                    <a:pt x="10728" y="677"/>
                    <a:pt x="10853" y="777"/>
                    <a:pt x="10778" y="852"/>
                  </a:cubicBezTo>
                  <a:lnTo>
                    <a:pt x="10628" y="852"/>
                  </a:lnTo>
                  <a:cubicBezTo>
                    <a:pt x="10552" y="852"/>
                    <a:pt x="10552" y="727"/>
                    <a:pt x="10552" y="677"/>
                  </a:cubicBezTo>
                  <a:lnTo>
                    <a:pt x="10552" y="451"/>
                  </a:lnTo>
                  <a:cubicBezTo>
                    <a:pt x="10552" y="451"/>
                    <a:pt x="10628" y="326"/>
                    <a:pt x="10628" y="276"/>
                  </a:cubicBezTo>
                  <a:cubicBezTo>
                    <a:pt x="10628" y="276"/>
                    <a:pt x="10552" y="151"/>
                    <a:pt x="10502" y="151"/>
                  </a:cubicBezTo>
                  <a:cubicBezTo>
                    <a:pt x="10502" y="101"/>
                    <a:pt x="10402" y="0"/>
                    <a:pt x="10277" y="0"/>
                  </a:cubicBezTo>
                  <a:close/>
                </a:path>
              </a:pathLst>
            </a:custGeom>
            <a:solidFill>
              <a:schemeClr val="bg1"/>
            </a:solidFill>
            <a:ln>
              <a:noFill/>
            </a:ln>
          </p:spPr>
          <p:txBody>
            <a:bodyPr spcFirstLastPara="1" wrap="square" lIns="121900" tIns="121900" rIns="121900" bIns="121900" anchor="ctr" anchorCtr="0">
              <a:noAutofit/>
            </a:bodyPr>
            <a:lstStyle/>
            <a:p>
              <a:endParaRPr sz="2400"/>
            </a:p>
          </p:txBody>
        </p:sp>
        <p:sp>
          <p:nvSpPr>
            <p:cNvPr id="205" name="Google Shape;262;p16">
              <a:extLst>
                <a:ext uri="{FF2B5EF4-FFF2-40B4-BE49-F238E27FC236}">
                  <a16:creationId xmlns:a16="http://schemas.microsoft.com/office/drawing/2014/main" id="{EE2F1C26-639A-802E-391C-57DEF3EBE02A}"/>
                </a:ext>
              </a:extLst>
            </p:cNvPr>
            <p:cNvSpPr/>
            <p:nvPr/>
          </p:nvSpPr>
          <p:spPr>
            <a:xfrm>
              <a:off x="1605395" y="3051767"/>
              <a:ext cx="439331" cy="817037"/>
            </a:xfrm>
            <a:custGeom>
              <a:avLst/>
              <a:gdLst/>
              <a:ahLst/>
              <a:cxnLst/>
              <a:rect l="l" t="t" r="r" b="b"/>
              <a:pathLst>
                <a:path w="15741" h="29274" fill="none" extrusionOk="0">
                  <a:moveTo>
                    <a:pt x="6517" y="28948"/>
                  </a:moveTo>
                  <a:cubicBezTo>
                    <a:pt x="6517" y="28998"/>
                    <a:pt x="6392" y="28998"/>
                    <a:pt x="6342" y="28998"/>
                  </a:cubicBezTo>
                  <a:cubicBezTo>
                    <a:pt x="6292" y="28998"/>
                    <a:pt x="6166" y="28948"/>
                    <a:pt x="6116" y="28948"/>
                  </a:cubicBezTo>
                  <a:cubicBezTo>
                    <a:pt x="6116" y="28873"/>
                    <a:pt x="6116" y="28822"/>
                    <a:pt x="6066" y="28772"/>
                  </a:cubicBezTo>
                  <a:lnTo>
                    <a:pt x="5966" y="28772"/>
                  </a:lnTo>
                  <a:cubicBezTo>
                    <a:pt x="5891" y="28772"/>
                    <a:pt x="5891" y="28873"/>
                    <a:pt x="5841" y="28873"/>
                  </a:cubicBezTo>
                  <a:cubicBezTo>
                    <a:pt x="5790" y="28873"/>
                    <a:pt x="5740" y="28772"/>
                    <a:pt x="5665" y="28722"/>
                  </a:cubicBezTo>
                  <a:cubicBezTo>
                    <a:pt x="5665" y="28647"/>
                    <a:pt x="5665" y="28547"/>
                    <a:pt x="5615" y="28497"/>
                  </a:cubicBezTo>
                  <a:cubicBezTo>
                    <a:pt x="5615" y="28421"/>
                    <a:pt x="5440" y="28421"/>
                    <a:pt x="5389" y="28421"/>
                  </a:cubicBezTo>
                  <a:cubicBezTo>
                    <a:pt x="5339" y="28371"/>
                    <a:pt x="5289" y="28271"/>
                    <a:pt x="5214" y="28271"/>
                  </a:cubicBezTo>
                  <a:cubicBezTo>
                    <a:pt x="5164" y="28271"/>
                    <a:pt x="5114" y="28421"/>
                    <a:pt x="5064" y="28421"/>
                  </a:cubicBezTo>
                  <a:cubicBezTo>
                    <a:pt x="5064" y="28497"/>
                    <a:pt x="4938" y="28421"/>
                    <a:pt x="4888" y="28497"/>
                  </a:cubicBezTo>
                  <a:cubicBezTo>
                    <a:pt x="4838" y="28497"/>
                    <a:pt x="4713" y="28547"/>
                    <a:pt x="4663" y="28597"/>
                  </a:cubicBezTo>
                  <a:cubicBezTo>
                    <a:pt x="4613" y="28597"/>
                    <a:pt x="4613" y="28722"/>
                    <a:pt x="4537" y="28772"/>
                  </a:cubicBezTo>
                  <a:cubicBezTo>
                    <a:pt x="4537" y="28772"/>
                    <a:pt x="4487" y="28822"/>
                    <a:pt x="4487" y="28873"/>
                  </a:cubicBezTo>
                  <a:cubicBezTo>
                    <a:pt x="4487" y="28948"/>
                    <a:pt x="4613" y="28998"/>
                    <a:pt x="4613" y="29048"/>
                  </a:cubicBezTo>
                  <a:cubicBezTo>
                    <a:pt x="4613" y="29098"/>
                    <a:pt x="4537" y="29223"/>
                    <a:pt x="4537" y="29223"/>
                  </a:cubicBezTo>
                  <a:cubicBezTo>
                    <a:pt x="4487" y="29274"/>
                    <a:pt x="4387" y="29223"/>
                    <a:pt x="4387" y="29223"/>
                  </a:cubicBezTo>
                  <a:cubicBezTo>
                    <a:pt x="4312" y="29173"/>
                    <a:pt x="4262" y="29048"/>
                    <a:pt x="4262" y="29048"/>
                  </a:cubicBezTo>
                  <a:cubicBezTo>
                    <a:pt x="4262" y="28998"/>
                    <a:pt x="4387" y="28873"/>
                    <a:pt x="4312" y="28822"/>
                  </a:cubicBezTo>
                  <a:cubicBezTo>
                    <a:pt x="4262" y="28772"/>
                    <a:pt x="4161" y="28873"/>
                    <a:pt x="4086" y="28873"/>
                  </a:cubicBezTo>
                  <a:cubicBezTo>
                    <a:pt x="4086" y="28822"/>
                    <a:pt x="4036" y="28772"/>
                    <a:pt x="4036" y="28722"/>
                  </a:cubicBezTo>
                  <a:cubicBezTo>
                    <a:pt x="4036" y="28647"/>
                    <a:pt x="3986" y="28497"/>
                    <a:pt x="4036" y="28371"/>
                  </a:cubicBezTo>
                  <a:cubicBezTo>
                    <a:pt x="4036" y="28321"/>
                    <a:pt x="4086" y="28146"/>
                    <a:pt x="4161" y="28046"/>
                  </a:cubicBezTo>
                  <a:lnTo>
                    <a:pt x="4262" y="27970"/>
                  </a:lnTo>
                  <a:cubicBezTo>
                    <a:pt x="4262" y="27920"/>
                    <a:pt x="4212" y="27820"/>
                    <a:pt x="4161" y="27745"/>
                  </a:cubicBezTo>
                  <a:cubicBezTo>
                    <a:pt x="4161" y="27745"/>
                    <a:pt x="4036" y="27695"/>
                    <a:pt x="3986" y="27695"/>
                  </a:cubicBezTo>
                  <a:cubicBezTo>
                    <a:pt x="3936" y="27745"/>
                    <a:pt x="3986" y="27870"/>
                    <a:pt x="3986" y="27920"/>
                  </a:cubicBezTo>
                  <a:cubicBezTo>
                    <a:pt x="3986" y="27970"/>
                    <a:pt x="3936" y="28096"/>
                    <a:pt x="3936" y="28096"/>
                  </a:cubicBezTo>
                  <a:cubicBezTo>
                    <a:pt x="3886" y="28096"/>
                    <a:pt x="3811" y="27970"/>
                    <a:pt x="3760" y="27920"/>
                  </a:cubicBezTo>
                  <a:cubicBezTo>
                    <a:pt x="3760" y="27920"/>
                    <a:pt x="3660" y="27870"/>
                    <a:pt x="3660" y="27820"/>
                  </a:cubicBezTo>
                  <a:cubicBezTo>
                    <a:pt x="3585" y="27695"/>
                    <a:pt x="3585" y="27419"/>
                    <a:pt x="3585" y="27244"/>
                  </a:cubicBezTo>
                  <a:cubicBezTo>
                    <a:pt x="3585" y="27193"/>
                    <a:pt x="3660" y="26968"/>
                    <a:pt x="3585" y="26918"/>
                  </a:cubicBezTo>
                  <a:cubicBezTo>
                    <a:pt x="3535" y="26843"/>
                    <a:pt x="3359" y="26918"/>
                    <a:pt x="3359" y="26843"/>
                  </a:cubicBezTo>
                  <a:cubicBezTo>
                    <a:pt x="3309" y="26792"/>
                    <a:pt x="3359" y="26692"/>
                    <a:pt x="3309" y="26617"/>
                  </a:cubicBezTo>
                  <a:cubicBezTo>
                    <a:pt x="3309" y="26567"/>
                    <a:pt x="3134" y="26567"/>
                    <a:pt x="3134" y="26517"/>
                  </a:cubicBezTo>
                  <a:cubicBezTo>
                    <a:pt x="3084" y="26467"/>
                    <a:pt x="3084" y="26391"/>
                    <a:pt x="3084" y="26341"/>
                  </a:cubicBezTo>
                  <a:cubicBezTo>
                    <a:pt x="3084" y="26341"/>
                    <a:pt x="2983" y="26341"/>
                    <a:pt x="2983" y="26291"/>
                  </a:cubicBezTo>
                  <a:cubicBezTo>
                    <a:pt x="2908" y="26291"/>
                    <a:pt x="2858" y="26241"/>
                    <a:pt x="2858" y="26166"/>
                  </a:cubicBezTo>
                  <a:cubicBezTo>
                    <a:pt x="2808" y="26116"/>
                    <a:pt x="2808" y="26015"/>
                    <a:pt x="2758" y="25940"/>
                  </a:cubicBezTo>
                  <a:lnTo>
                    <a:pt x="2532" y="25940"/>
                  </a:lnTo>
                  <a:cubicBezTo>
                    <a:pt x="2457" y="25890"/>
                    <a:pt x="2457" y="25790"/>
                    <a:pt x="2457" y="25715"/>
                  </a:cubicBezTo>
                  <a:cubicBezTo>
                    <a:pt x="2407" y="25614"/>
                    <a:pt x="2357" y="25389"/>
                    <a:pt x="2307" y="25339"/>
                  </a:cubicBezTo>
                  <a:cubicBezTo>
                    <a:pt x="2232" y="25264"/>
                    <a:pt x="2081" y="25163"/>
                    <a:pt x="2006" y="25113"/>
                  </a:cubicBezTo>
                  <a:cubicBezTo>
                    <a:pt x="1956" y="25038"/>
                    <a:pt x="1856" y="24988"/>
                    <a:pt x="1780" y="24888"/>
                  </a:cubicBezTo>
                  <a:cubicBezTo>
                    <a:pt x="1780" y="24762"/>
                    <a:pt x="1780" y="24537"/>
                    <a:pt x="1856" y="24487"/>
                  </a:cubicBezTo>
                  <a:cubicBezTo>
                    <a:pt x="1906" y="24311"/>
                    <a:pt x="2131" y="24136"/>
                    <a:pt x="2232" y="24086"/>
                  </a:cubicBezTo>
                  <a:cubicBezTo>
                    <a:pt x="2307" y="24086"/>
                    <a:pt x="2407" y="24086"/>
                    <a:pt x="2457" y="24035"/>
                  </a:cubicBezTo>
                  <a:cubicBezTo>
                    <a:pt x="2532" y="24035"/>
                    <a:pt x="2532" y="23860"/>
                    <a:pt x="2532" y="23810"/>
                  </a:cubicBezTo>
                  <a:cubicBezTo>
                    <a:pt x="2457" y="23760"/>
                    <a:pt x="2357" y="23584"/>
                    <a:pt x="2307" y="23534"/>
                  </a:cubicBezTo>
                  <a:cubicBezTo>
                    <a:pt x="2232" y="23459"/>
                    <a:pt x="2181" y="23233"/>
                    <a:pt x="2081" y="23183"/>
                  </a:cubicBezTo>
                  <a:lnTo>
                    <a:pt x="1906" y="23183"/>
                  </a:lnTo>
                  <a:cubicBezTo>
                    <a:pt x="1856" y="23133"/>
                    <a:pt x="1906" y="23008"/>
                    <a:pt x="1906" y="22958"/>
                  </a:cubicBezTo>
                  <a:lnTo>
                    <a:pt x="1906" y="22682"/>
                  </a:lnTo>
                  <a:cubicBezTo>
                    <a:pt x="1956" y="22632"/>
                    <a:pt x="2131" y="22557"/>
                    <a:pt x="2131" y="22507"/>
                  </a:cubicBezTo>
                  <a:cubicBezTo>
                    <a:pt x="2181" y="22457"/>
                    <a:pt x="2307" y="22281"/>
                    <a:pt x="2232" y="22181"/>
                  </a:cubicBezTo>
                  <a:cubicBezTo>
                    <a:pt x="2232" y="22106"/>
                    <a:pt x="2181" y="22056"/>
                    <a:pt x="2131" y="22005"/>
                  </a:cubicBezTo>
                  <a:cubicBezTo>
                    <a:pt x="2081" y="21955"/>
                    <a:pt x="1956" y="21955"/>
                    <a:pt x="1956" y="21830"/>
                  </a:cubicBezTo>
                  <a:cubicBezTo>
                    <a:pt x="1906" y="21780"/>
                    <a:pt x="2006" y="21655"/>
                    <a:pt x="2081" y="21604"/>
                  </a:cubicBezTo>
                  <a:cubicBezTo>
                    <a:pt x="2131" y="21554"/>
                    <a:pt x="2307" y="21379"/>
                    <a:pt x="2357" y="21329"/>
                  </a:cubicBezTo>
                  <a:cubicBezTo>
                    <a:pt x="2457" y="21203"/>
                    <a:pt x="2582" y="21053"/>
                    <a:pt x="2633" y="20928"/>
                  </a:cubicBezTo>
                  <a:cubicBezTo>
                    <a:pt x="2683" y="20878"/>
                    <a:pt x="2758" y="20878"/>
                    <a:pt x="2758" y="20827"/>
                  </a:cubicBezTo>
                  <a:cubicBezTo>
                    <a:pt x="2808" y="20752"/>
                    <a:pt x="2758" y="20602"/>
                    <a:pt x="2758" y="20477"/>
                  </a:cubicBezTo>
                  <a:cubicBezTo>
                    <a:pt x="2758" y="20426"/>
                    <a:pt x="2858" y="20301"/>
                    <a:pt x="2858" y="20251"/>
                  </a:cubicBezTo>
                  <a:cubicBezTo>
                    <a:pt x="2858" y="20201"/>
                    <a:pt x="2758" y="20076"/>
                    <a:pt x="2683" y="19975"/>
                  </a:cubicBezTo>
                  <a:cubicBezTo>
                    <a:pt x="2683" y="19925"/>
                    <a:pt x="2758" y="19800"/>
                    <a:pt x="2758" y="19750"/>
                  </a:cubicBezTo>
                  <a:cubicBezTo>
                    <a:pt x="2758" y="19624"/>
                    <a:pt x="2808" y="19449"/>
                    <a:pt x="2758" y="19399"/>
                  </a:cubicBezTo>
                  <a:cubicBezTo>
                    <a:pt x="2758" y="19349"/>
                    <a:pt x="2683" y="19223"/>
                    <a:pt x="2683" y="19173"/>
                  </a:cubicBezTo>
                  <a:cubicBezTo>
                    <a:pt x="2683" y="19123"/>
                    <a:pt x="2758" y="18998"/>
                    <a:pt x="2758" y="18948"/>
                  </a:cubicBezTo>
                  <a:cubicBezTo>
                    <a:pt x="2758" y="18847"/>
                    <a:pt x="2683" y="18622"/>
                    <a:pt x="2633" y="18446"/>
                  </a:cubicBezTo>
                  <a:cubicBezTo>
                    <a:pt x="2633" y="18396"/>
                    <a:pt x="2582" y="18221"/>
                    <a:pt x="2633" y="18171"/>
                  </a:cubicBezTo>
                  <a:cubicBezTo>
                    <a:pt x="2683" y="18096"/>
                    <a:pt x="2808" y="18045"/>
                    <a:pt x="2858" y="18045"/>
                  </a:cubicBezTo>
                  <a:cubicBezTo>
                    <a:pt x="2908" y="18096"/>
                    <a:pt x="3034" y="18321"/>
                    <a:pt x="3084" y="18446"/>
                  </a:cubicBezTo>
                  <a:cubicBezTo>
                    <a:pt x="3084" y="18497"/>
                    <a:pt x="3034" y="18672"/>
                    <a:pt x="3034" y="18722"/>
                  </a:cubicBezTo>
                  <a:cubicBezTo>
                    <a:pt x="3084" y="18772"/>
                    <a:pt x="3259" y="18772"/>
                    <a:pt x="3309" y="18847"/>
                  </a:cubicBezTo>
                  <a:cubicBezTo>
                    <a:pt x="3359" y="18898"/>
                    <a:pt x="3359" y="18998"/>
                    <a:pt x="3435" y="18998"/>
                  </a:cubicBezTo>
                  <a:cubicBezTo>
                    <a:pt x="3485" y="19073"/>
                    <a:pt x="3660" y="19123"/>
                    <a:pt x="3710" y="19073"/>
                  </a:cubicBezTo>
                  <a:cubicBezTo>
                    <a:pt x="3760" y="19073"/>
                    <a:pt x="3811" y="18948"/>
                    <a:pt x="3811" y="18898"/>
                  </a:cubicBezTo>
                  <a:cubicBezTo>
                    <a:pt x="3811" y="18898"/>
                    <a:pt x="3760" y="18772"/>
                    <a:pt x="3710" y="18772"/>
                  </a:cubicBezTo>
                  <a:lnTo>
                    <a:pt x="3660" y="18847"/>
                  </a:lnTo>
                  <a:cubicBezTo>
                    <a:pt x="3585" y="18847"/>
                    <a:pt x="3485" y="18772"/>
                    <a:pt x="3485" y="18722"/>
                  </a:cubicBezTo>
                  <a:cubicBezTo>
                    <a:pt x="3435" y="18722"/>
                    <a:pt x="3359" y="18622"/>
                    <a:pt x="3359" y="18547"/>
                  </a:cubicBezTo>
                  <a:cubicBezTo>
                    <a:pt x="3309" y="18497"/>
                    <a:pt x="3309" y="18321"/>
                    <a:pt x="3359" y="18271"/>
                  </a:cubicBezTo>
                  <a:cubicBezTo>
                    <a:pt x="3359" y="18221"/>
                    <a:pt x="3585" y="18171"/>
                    <a:pt x="3585" y="18096"/>
                  </a:cubicBezTo>
                  <a:cubicBezTo>
                    <a:pt x="3585" y="18045"/>
                    <a:pt x="3485" y="17995"/>
                    <a:pt x="3485" y="17945"/>
                  </a:cubicBezTo>
                  <a:cubicBezTo>
                    <a:pt x="3485" y="17870"/>
                    <a:pt x="3535" y="17770"/>
                    <a:pt x="3535" y="17644"/>
                  </a:cubicBezTo>
                  <a:cubicBezTo>
                    <a:pt x="3585" y="17594"/>
                    <a:pt x="3585" y="17494"/>
                    <a:pt x="3660" y="17419"/>
                  </a:cubicBezTo>
                  <a:cubicBezTo>
                    <a:pt x="3660" y="17419"/>
                    <a:pt x="3710" y="17544"/>
                    <a:pt x="3760" y="17544"/>
                  </a:cubicBezTo>
                  <a:cubicBezTo>
                    <a:pt x="3811" y="17544"/>
                    <a:pt x="3811" y="17419"/>
                    <a:pt x="3811" y="17369"/>
                  </a:cubicBezTo>
                  <a:cubicBezTo>
                    <a:pt x="3760" y="17319"/>
                    <a:pt x="3660" y="17319"/>
                    <a:pt x="3585" y="17269"/>
                  </a:cubicBezTo>
                  <a:cubicBezTo>
                    <a:pt x="3585" y="17193"/>
                    <a:pt x="3585" y="17043"/>
                    <a:pt x="3660" y="16968"/>
                  </a:cubicBezTo>
                  <a:cubicBezTo>
                    <a:pt x="3660" y="16918"/>
                    <a:pt x="3710" y="16742"/>
                    <a:pt x="3760" y="16742"/>
                  </a:cubicBezTo>
                  <a:cubicBezTo>
                    <a:pt x="3811" y="16742"/>
                    <a:pt x="3886" y="16918"/>
                    <a:pt x="3936" y="16968"/>
                  </a:cubicBezTo>
                  <a:cubicBezTo>
                    <a:pt x="3986" y="16968"/>
                    <a:pt x="4086" y="17043"/>
                    <a:pt x="4161" y="16968"/>
                  </a:cubicBezTo>
                  <a:cubicBezTo>
                    <a:pt x="4212" y="16968"/>
                    <a:pt x="4262" y="16868"/>
                    <a:pt x="4262" y="16817"/>
                  </a:cubicBezTo>
                  <a:cubicBezTo>
                    <a:pt x="4212" y="16742"/>
                    <a:pt x="4086" y="16692"/>
                    <a:pt x="4086" y="16642"/>
                  </a:cubicBezTo>
                  <a:cubicBezTo>
                    <a:pt x="4036" y="16592"/>
                    <a:pt x="4086" y="16416"/>
                    <a:pt x="4036" y="16366"/>
                  </a:cubicBezTo>
                  <a:cubicBezTo>
                    <a:pt x="4036" y="16291"/>
                    <a:pt x="3936" y="16291"/>
                    <a:pt x="3886" y="16291"/>
                  </a:cubicBezTo>
                  <a:cubicBezTo>
                    <a:pt x="3811" y="16291"/>
                    <a:pt x="3660" y="16241"/>
                    <a:pt x="3660" y="16291"/>
                  </a:cubicBezTo>
                  <a:cubicBezTo>
                    <a:pt x="3585" y="16291"/>
                    <a:pt x="3660" y="16467"/>
                    <a:pt x="3660" y="16517"/>
                  </a:cubicBezTo>
                  <a:cubicBezTo>
                    <a:pt x="3660" y="16517"/>
                    <a:pt x="3660" y="16642"/>
                    <a:pt x="3585" y="16642"/>
                  </a:cubicBezTo>
                  <a:cubicBezTo>
                    <a:pt x="3535" y="16642"/>
                    <a:pt x="3435" y="16592"/>
                    <a:pt x="3359" y="16517"/>
                  </a:cubicBezTo>
                  <a:cubicBezTo>
                    <a:pt x="3359" y="16467"/>
                    <a:pt x="3309" y="16366"/>
                    <a:pt x="3259" y="16366"/>
                  </a:cubicBezTo>
                  <a:cubicBezTo>
                    <a:pt x="3209" y="16291"/>
                    <a:pt x="3034" y="16291"/>
                    <a:pt x="2983" y="16366"/>
                  </a:cubicBezTo>
                  <a:cubicBezTo>
                    <a:pt x="2908" y="16366"/>
                    <a:pt x="2758" y="16416"/>
                    <a:pt x="2758" y="16467"/>
                  </a:cubicBezTo>
                  <a:lnTo>
                    <a:pt x="2858" y="16517"/>
                  </a:lnTo>
                  <a:cubicBezTo>
                    <a:pt x="2858" y="16592"/>
                    <a:pt x="2808" y="16692"/>
                    <a:pt x="2808" y="16692"/>
                  </a:cubicBezTo>
                  <a:cubicBezTo>
                    <a:pt x="2758" y="16742"/>
                    <a:pt x="2633" y="16817"/>
                    <a:pt x="2633" y="16742"/>
                  </a:cubicBezTo>
                  <a:cubicBezTo>
                    <a:pt x="2582" y="16742"/>
                    <a:pt x="2582" y="16517"/>
                    <a:pt x="2582" y="16467"/>
                  </a:cubicBezTo>
                  <a:cubicBezTo>
                    <a:pt x="2532" y="16467"/>
                    <a:pt x="2357" y="16467"/>
                    <a:pt x="2307" y="16416"/>
                  </a:cubicBezTo>
                  <a:cubicBezTo>
                    <a:pt x="2307" y="16416"/>
                    <a:pt x="2232" y="16291"/>
                    <a:pt x="2232" y="16241"/>
                  </a:cubicBezTo>
                  <a:cubicBezTo>
                    <a:pt x="2181" y="16141"/>
                    <a:pt x="2232" y="15840"/>
                    <a:pt x="2232" y="15690"/>
                  </a:cubicBezTo>
                  <a:cubicBezTo>
                    <a:pt x="2232" y="15614"/>
                    <a:pt x="2232" y="15464"/>
                    <a:pt x="2307" y="15389"/>
                  </a:cubicBezTo>
                  <a:cubicBezTo>
                    <a:pt x="2307" y="15339"/>
                    <a:pt x="2407" y="15289"/>
                    <a:pt x="2407" y="15238"/>
                  </a:cubicBezTo>
                  <a:cubicBezTo>
                    <a:pt x="2457" y="15163"/>
                    <a:pt x="2407" y="15063"/>
                    <a:pt x="2407" y="15013"/>
                  </a:cubicBezTo>
                  <a:cubicBezTo>
                    <a:pt x="2357" y="14938"/>
                    <a:pt x="2181" y="15013"/>
                    <a:pt x="2181" y="14938"/>
                  </a:cubicBezTo>
                  <a:cubicBezTo>
                    <a:pt x="2131" y="14888"/>
                    <a:pt x="2081" y="14787"/>
                    <a:pt x="2131" y="14712"/>
                  </a:cubicBezTo>
                  <a:cubicBezTo>
                    <a:pt x="2181" y="14662"/>
                    <a:pt x="2357" y="14612"/>
                    <a:pt x="2457" y="14612"/>
                  </a:cubicBezTo>
                  <a:cubicBezTo>
                    <a:pt x="2532" y="14562"/>
                    <a:pt x="2633" y="14662"/>
                    <a:pt x="2683" y="14612"/>
                  </a:cubicBezTo>
                  <a:cubicBezTo>
                    <a:pt x="2808" y="14612"/>
                    <a:pt x="2908" y="14487"/>
                    <a:pt x="3034" y="14436"/>
                  </a:cubicBezTo>
                  <a:cubicBezTo>
                    <a:pt x="3034" y="14436"/>
                    <a:pt x="3084" y="14386"/>
                    <a:pt x="3134" y="14336"/>
                  </a:cubicBezTo>
                  <a:cubicBezTo>
                    <a:pt x="3134" y="14211"/>
                    <a:pt x="3084" y="13985"/>
                    <a:pt x="3084" y="13885"/>
                  </a:cubicBezTo>
                  <a:cubicBezTo>
                    <a:pt x="3034" y="13810"/>
                    <a:pt x="2983" y="13760"/>
                    <a:pt x="2983" y="13710"/>
                  </a:cubicBezTo>
                  <a:cubicBezTo>
                    <a:pt x="2908" y="13584"/>
                    <a:pt x="2983" y="13359"/>
                    <a:pt x="2983" y="13309"/>
                  </a:cubicBezTo>
                  <a:cubicBezTo>
                    <a:pt x="2983" y="13208"/>
                    <a:pt x="2858" y="13133"/>
                    <a:pt x="2858" y="13083"/>
                  </a:cubicBezTo>
                  <a:cubicBezTo>
                    <a:pt x="2858" y="13033"/>
                    <a:pt x="2983" y="12983"/>
                    <a:pt x="2983" y="12908"/>
                  </a:cubicBezTo>
                  <a:cubicBezTo>
                    <a:pt x="2983" y="12857"/>
                    <a:pt x="3034" y="12757"/>
                    <a:pt x="3084" y="12682"/>
                  </a:cubicBezTo>
                  <a:cubicBezTo>
                    <a:pt x="3084" y="12632"/>
                    <a:pt x="2983" y="12456"/>
                    <a:pt x="3034" y="12406"/>
                  </a:cubicBezTo>
                  <a:cubicBezTo>
                    <a:pt x="3034" y="12356"/>
                    <a:pt x="3134" y="12356"/>
                    <a:pt x="3134" y="12306"/>
                  </a:cubicBezTo>
                  <a:lnTo>
                    <a:pt x="3134" y="11955"/>
                  </a:lnTo>
                  <a:lnTo>
                    <a:pt x="3134" y="11780"/>
                  </a:lnTo>
                  <a:cubicBezTo>
                    <a:pt x="3134" y="11680"/>
                    <a:pt x="3034" y="11504"/>
                    <a:pt x="2983" y="11454"/>
                  </a:cubicBezTo>
                  <a:cubicBezTo>
                    <a:pt x="2908" y="11404"/>
                    <a:pt x="2758" y="11404"/>
                    <a:pt x="2683" y="11329"/>
                  </a:cubicBezTo>
                  <a:cubicBezTo>
                    <a:pt x="2683" y="11279"/>
                    <a:pt x="2683" y="11228"/>
                    <a:pt x="2633" y="11178"/>
                  </a:cubicBezTo>
                  <a:cubicBezTo>
                    <a:pt x="2582" y="11103"/>
                    <a:pt x="2357" y="11178"/>
                    <a:pt x="2307" y="11103"/>
                  </a:cubicBezTo>
                  <a:cubicBezTo>
                    <a:pt x="2307" y="11103"/>
                    <a:pt x="2307" y="11003"/>
                    <a:pt x="2232" y="11003"/>
                  </a:cubicBezTo>
                  <a:cubicBezTo>
                    <a:pt x="2232" y="10878"/>
                    <a:pt x="2307" y="10652"/>
                    <a:pt x="2307" y="10552"/>
                  </a:cubicBezTo>
                  <a:cubicBezTo>
                    <a:pt x="2307" y="10426"/>
                    <a:pt x="2357" y="10251"/>
                    <a:pt x="2357" y="10201"/>
                  </a:cubicBezTo>
                  <a:cubicBezTo>
                    <a:pt x="2357" y="10025"/>
                    <a:pt x="2181" y="9875"/>
                    <a:pt x="2181" y="9750"/>
                  </a:cubicBezTo>
                  <a:cubicBezTo>
                    <a:pt x="2131" y="9574"/>
                    <a:pt x="2232" y="9349"/>
                    <a:pt x="2181" y="9248"/>
                  </a:cubicBezTo>
                  <a:cubicBezTo>
                    <a:pt x="2131" y="9198"/>
                    <a:pt x="1956" y="9198"/>
                    <a:pt x="1906" y="9123"/>
                  </a:cubicBezTo>
                  <a:cubicBezTo>
                    <a:pt x="1906" y="9073"/>
                    <a:pt x="1856" y="9073"/>
                    <a:pt x="1780" y="9023"/>
                  </a:cubicBezTo>
                  <a:lnTo>
                    <a:pt x="1780" y="8672"/>
                  </a:lnTo>
                  <a:cubicBezTo>
                    <a:pt x="1730" y="8622"/>
                    <a:pt x="1680" y="8522"/>
                    <a:pt x="1680" y="8446"/>
                  </a:cubicBezTo>
                  <a:cubicBezTo>
                    <a:pt x="1680" y="8396"/>
                    <a:pt x="1730" y="8221"/>
                    <a:pt x="1680" y="8171"/>
                  </a:cubicBezTo>
                  <a:cubicBezTo>
                    <a:pt x="1680" y="8121"/>
                    <a:pt x="1455" y="7995"/>
                    <a:pt x="1354" y="7995"/>
                  </a:cubicBezTo>
                  <a:cubicBezTo>
                    <a:pt x="1279" y="7995"/>
                    <a:pt x="1229" y="8070"/>
                    <a:pt x="1179" y="8070"/>
                  </a:cubicBezTo>
                  <a:cubicBezTo>
                    <a:pt x="1129" y="8070"/>
                    <a:pt x="1054" y="7995"/>
                    <a:pt x="1003" y="7995"/>
                  </a:cubicBezTo>
                  <a:cubicBezTo>
                    <a:pt x="953" y="8070"/>
                    <a:pt x="1003" y="8171"/>
                    <a:pt x="953" y="8221"/>
                  </a:cubicBezTo>
                  <a:lnTo>
                    <a:pt x="728" y="8221"/>
                  </a:lnTo>
                  <a:cubicBezTo>
                    <a:pt x="678" y="8221"/>
                    <a:pt x="602" y="8171"/>
                    <a:pt x="602" y="8121"/>
                  </a:cubicBezTo>
                  <a:cubicBezTo>
                    <a:pt x="552" y="8070"/>
                    <a:pt x="602" y="7895"/>
                    <a:pt x="602" y="7845"/>
                  </a:cubicBezTo>
                  <a:cubicBezTo>
                    <a:pt x="602" y="7845"/>
                    <a:pt x="678" y="7770"/>
                    <a:pt x="678" y="7720"/>
                  </a:cubicBezTo>
                  <a:lnTo>
                    <a:pt x="678" y="7619"/>
                  </a:lnTo>
                  <a:cubicBezTo>
                    <a:pt x="602" y="7619"/>
                    <a:pt x="502" y="7669"/>
                    <a:pt x="452" y="7669"/>
                  </a:cubicBezTo>
                  <a:cubicBezTo>
                    <a:pt x="377" y="7770"/>
                    <a:pt x="452" y="7945"/>
                    <a:pt x="377" y="7995"/>
                  </a:cubicBezTo>
                  <a:cubicBezTo>
                    <a:pt x="377" y="8070"/>
                    <a:pt x="277" y="8070"/>
                    <a:pt x="277" y="8121"/>
                  </a:cubicBezTo>
                  <a:cubicBezTo>
                    <a:pt x="227" y="8171"/>
                    <a:pt x="327" y="8346"/>
                    <a:pt x="277" y="8396"/>
                  </a:cubicBezTo>
                  <a:lnTo>
                    <a:pt x="101" y="8396"/>
                  </a:lnTo>
                  <a:cubicBezTo>
                    <a:pt x="51" y="8346"/>
                    <a:pt x="51" y="8121"/>
                    <a:pt x="51" y="7995"/>
                  </a:cubicBezTo>
                  <a:cubicBezTo>
                    <a:pt x="51" y="7895"/>
                    <a:pt x="1" y="7669"/>
                    <a:pt x="51" y="7619"/>
                  </a:cubicBezTo>
                  <a:cubicBezTo>
                    <a:pt x="51" y="7544"/>
                    <a:pt x="101" y="7494"/>
                    <a:pt x="151" y="7444"/>
                  </a:cubicBezTo>
                  <a:lnTo>
                    <a:pt x="327" y="7444"/>
                  </a:lnTo>
                  <a:cubicBezTo>
                    <a:pt x="327" y="7394"/>
                    <a:pt x="377" y="7268"/>
                    <a:pt x="452" y="7218"/>
                  </a:cubicBezTo>
                  <a:cubicBezTo>
                    <a:pt x="452" y="7168"/>
                    <a:pt x="452" y="6993"/>
                    <a:pt x="502" y="6943"/>
                  </a:cubicBezTo>
                  <a:cubicBezTo>
                    <a:pt x="502" y="6867"/>
                    <a:pt x="602" y="6817"/>
                    <a:pt x="602" y="6767"/>
                  </a:cubicBezTo>
                  <a:cubicBezTo>
                    <a:pt x="602" y="6717"/>
                    <a:pt x="452" y="6642"/>
                    <a:pt x="377" y="6642"/>
                  </a:cubicBezTo>
                  <a:cubicBezTo>
                    <a:pt x="277" y="6592"/>
                    <a:pt x="151" y="6492"/>
                    <a:pt x="101" y="6416"/>
                  </a:cubicBezTo>
                  <a:cubicBezTo>
                    <a:pt x="101" y="6366"/>
                    <a:pt x="51" y="6266"/>
                    <a:pt x="51" y="6266"/>
                  </a:cubicBezTo>
                  <a:cubicBezTo>
                    <a:pt x="51" y="6191"/>
                    <a:pt x="227" y="6091"/>
                    <a:pt x="227" y="6040"/>
                  </a:cubicBezTo>
                  <a:cubicBezTo>
                    <a:pt x="277" y="5965"/>
                    <a:pt x="227" y="5815"/>
                    <a:pt x="277" y="5690"/>
                  </a:cubicBezTo>
                  <a:cubicBezTo>
                    <a:pt x="277" y="5639"/>
                    <a:pt x="227" y="5414"/>
                    <a:pt x="327" y="5289"/>
                  </a:cubicBezTo>
                  <a:cubicBezTo>
                    <a:pt x="327" y="5289"/>
                    <a:pt x="552" y="5289"/>
                    <a:pt x="602" y="5238"/>
                  </a:cubicBezTo>
                  <a:lnTo>
                    <a:pt x="602" y="4963"/>
                  </a:lnTo>
                  <a:cubicBezTo>
                    <a:pt x="678" y="4837"/>
                    <a:pt x="728" y="4687"/>
                    <a:pt x="778" y="4562"/>
                  </a:cubicBezTo>
                  <a:cubicBezTo>
                    <a:pt x="778" y="4512"/>
                    <a:pt x="953" y="4386"/>
                    <a:pt x="953" y="4336"/>
                  </a:cubicBezTo>
                  <a:cubicBezTo>
                    <a:pt x="953" y="4286"/>
                    <a:pt x="828" y="4161"/>
                    <a:pt x="828" y="4161"/>
                  </a:cubicBezTo>
                  <a:cubicBezTo>
                    <a:pt x="728" y="4111"/>
                    <a:pt x="602" y="4111"/>
                    <a:pt x="552" y="4060"/>
                  </a:cubicBezTo>
                  <a:cubicBezTo>
                    <a:pt x="502" y="4060"/>
                    <a:pt x="452" y="3935"/>
                    <a:pt x="452" y="3885"/>
                  </a:cubicBezTo>
                  <a:cubicBezTo>
                    <a:pt x="377" y="3785"/>
                    <a:pt x="452" y="3609"/>
                    <a:pt x="502" y="3484"/>
                  </a:cubicBezTo>
                  <a:cubicBezTo>
                    <a:pt x="502" y="3434"/>
                    <a:pt x="502" y="3334"/>
                    <a:pt x="552" y="3334"/>
                  </a:cubicBezTo>
                  <a:cubicBezTo>
                    <a:pt x="602" y="3258"/>
                    <a:pt x="778" y="3384"/>
                    <a:pt x="828" y="3434"/>
                  </a:cubicBezTo>
                  <a:cubicBezTo>
                    <a:pt x="903" y="3434"/>
                    <a:pt x="1054" y="3484"/>
                    <a:pt x="1129" y="3559"/>
                  </a:cubicBezTo>
                  <a:cubicBezTo>
                    <a:pt x="1129" y="3609"/>
                    <a:pt x="1003" y="3710"/>
                    <a:pt x="1003" y="3785"/>
                  </a:cubicBezTo>
                  <a:cubicBezTo>
                    <a:pt x="1003" y="3835"/>
                    <a:pt x="1129" y="3935"/>
                    <a:pt x="1179" y="4010"/>
                  </a:cubicBezTo>
                  <a:lnTo>
                    <a:pt x="1179" y="4236"/>
                  </a:lnTo>
                  <a:cubicBezTo>
                    <a:pt x="1229" y="4336"/>
                    <a:pt x="1354" y="4461"/>
                    <a:pt x="1404" y="4562"/>
                  </a:cubicBezTo>
                  <a:cubicBezTo>
                    <a:pt x="1455" y="4612"/>
                    <a:pt x="1505" y="4737"/>
                    <a:pt x="1580" y="4737"/>
                  </a:cubicBezTo>
                  <a:cubicBezTo>
                    <a:pt x="1680" y="4787"/>
                    <a:pt x="1856" y="4737"/>
                    <a:pt x="1906" y="4737"/>
                  </a:cubicBezTo>
                  <a:cubicBezTo>
                    <a:pt x="2006" y="4737"/>
                    <a:pt x="2131" y="4837"/>
                    <a:pt x="2232" y="4837"/>
                  </a:cubicBezTo>
                  <a:cubicBezTo>
                    <a:pt x="2307" y="4837"/>
                    <a:pt x="2407" y="4787"/>
                    <a:pt x="2457" y="4787"/>
                  </a:cubicBezTo>
                  <a:cubicBezTo>
                    <a:pt x="2582" y="4787"/>
                    <a:pt x="2808" y="4837"/>
                    <a:pt x="2908" y="4913"/>
                  </a:cubicBezTo>
                  <a:cubicBezTo>
                    <a:pt x="2983" y="4913"/>
                    <a:pt x="3034" y="5063"/>
                    <a:pt x="3084" y="5138"/>
                  </a:cubicBezTo>
                  <a:cubicBezTo>
                    <a:pt x="3209" y="5188"/>
                    <a:pt x="3359" y="5188"/>
                    <a:pt x="3435" y="5188"/>
                  </a:cubicBezTo>
                  <a:cubicBezTo>
                    <a:pt x="3585" y="5188"/>
                    <a:pt x="3811" y="5063"/>
                    <a:pt x="3986" y="5063"/>
                  </a:cubicBezTo>
                  <a:cubicBezTo>
                    <a:pt x="4086" y="5013"/>
                    <a:pt x="4312" y="4963"/>
                    <a:pt x="4437" y="4913"/>
                  </a:cubicBezTo>
                  <a:cubicBezTo>
                    <a:pt x="4537" y="4787"/>
                    <a:pt x="4613" y="4562"/>
                    <a:pt x="4713" y="4461"/>
                  </a:cubicBezTo>
                  <a:cubicBezTo>
                    <a:pt x="4838" y="4336"/>
                    <a:pt x="5164" y="4161"/>
                    <a:pt x="5339" y="4111"/>
                  </a:cubicBezTo>
                  <a:cubicBezTo>
                    <a:pt x="5389" y="4060"/>
                    <a:pt x="5440" y="4010"/>
                    <a:pt x="5565" y="4010"/>
                  </a:cubicBezTo>
                  <a:cubicBezTo>
                    <a:pt x="5615" y="4010"/>
                    <a:pt x="5790" y="4111"/>
                    <a:pt x="5841" y="4111"/>
                  </a:cubicBezTo>
                  <a:cubicBezTo>
                    <a:pt x="5966" y="4161"/>
                    <a:pt x="6166" y="4060"/>
                    <a:pt x="6242" y="4060"/>
                  </a:cubicBezTo>
                  <a:cubicBezTo>
                    <a:pt x="6292" y="4010"/>
                    <a:pt x="6392" y="3885"/>
                    <a:pt x="6467" y="3835"/>
                  </a:cubicBezTo>
                  <a:cubicBezTo>
                    <a:pt x="6567" y="3710"/>
                    <a:pt x="6743" y="3484"/>
                    <a:pt x="6793" y="3384"/>
                  </a:cubicBezTo>
                  <a:cubicBezTo>
                    <a:pt x="6793" y="3334"/>
                    <a:pt x="6843" y="3108"/>
                    <a:pt x="6843" y="3033"/>
                  </a:cubicBezTo>
                  <a:cubicBezTo>
                    <a:pt x="6918" y="2983"/>
                    <a:pt x="6968" y="2807"/>
                    <a:pt x="7019" y="2757"/>
                  </a:cubicBezTo>
                  <a:cubicBezTo>
                    <a:pt x="7069" y="2707"/>
                    <a:pt x="7244" y="2707"/>
                    <a:pt x="7294" y="2657"/>
                  </a:cubicBezTo>
                  <a:cubicBezTo>
                    <a:pt x="7420" y="2582"/>
                    <a:pt x="7520" y="2431"/>
                    <a:pt x="7645" y="2306"/>
                  </a:cubicBezTo>
                  <a:cubicBezTo>
                    <a:pt x="7695" y="2256"/>
                    <a:pt x="7871" y="2131"/>
                    <a:pt x="7921" y="2080"/>
                  </a:cubicBezTo>
                  <a:cubicBezTo>
                    <a:pt x="8046" y="1980"/>
                    <a:pt x="8272" y="1579"/>
                    <a:pt x="8422" y="1529"/>
                  </a:cubicBezTo>
                  <a:cubicBezTo>
                    <a:pt x="8547" y="1529"/>
                    <a:pt x="8648" y="1579"/>
                    <a:pt x="8773" y="1579"/>
                  </a:cubicBezTo>
                  <a:cubicBezTo>
                    <a:pt x="8823" y="1579"/>
                    <a:pt x="8999" y="1579"/>
                    <a:pt x="9049" y="1529"/>
                  </a:cubicBezTo>
                  <a:cubicBezTo>
                    <a:pt x="9099" y="1454"/>
                    <a:pt x="9224" y="1304"/>
                    <a:pt x="9274" y="1228"/>
                  </a:cubicBezTo>
                  <a:cubicBezTo>
                    <a:pt x="9324" y="1228"/>
                    <a:pt x="9500" y="1228"/>
                    <a:pt x="9500" y="1178"/>
                  </a:cubicBezTo>
                  <a:cubicBezTo>
                    <a:pt x="9600" y="1128"/>
                    <a:pt x="9600" y="852"/>
                    <a:pt x="9600" y="727"/>
                  </a:cubicBezTo>
                  <a:cubicBezTo>
                    <a:pt x="9600" y="677"/>
                    <a:pt x="9550" y="552"/>
                    <a:pt x="9550" y="502"/>
                  </a:cubicBezTo>
                  <a:cubicBezTo>
                    <a:pt x="9550" y="451"/>
                    <a:pt x="9450" y="376"/>
                    <a:pt x="9450" y="326"/>
                  </a:cubicBezTo>
                  <a:lnTo>
                    <a:pt x="9450" y="151"/>
                  </a:lnTo>
                  <a:cubicBezTo>
                    <a:pt x="9450" y="151"/>
                    <a:pt x="9550" y="101"/>
                    <a:pt x="9600" y="50"/>
                  </a:cubicBezTo>
                  <a:lnTo>
                    <a:pt x="9725" y="101"/>
                  </a:lnTo>
                  <a:cubicBezTo>
                    <a:pt x="9826" y="101"/>
                    <a:pt x="9951" y="101"/>
                    <a:pt x="10001" y="50"/>
                  </a:cubicBezTo>
                  <a:cubicBezTo>
                    <a:pt x="10126" y="50"/>
                    <a:pt x="10227" y="0"/>
                    <a:pt x="10277" y="0"/>
                  </a:cubicBezTo>
                  <a:cubicBezTo>
                    <a:pt x="10402" y="0"/>
                    <a:pt x="10502" y="101"/>
                    <a:pt x="10502" y="151"/>
                  </a:cubicBezTo>
                  <a:cubicBezTo>
                    <a:pt x="10552" y="151"/>
                    <a:pt x="10628" y="276"/>
                    <a:pt x="10628" y="276"/>
                  </a:cubicBezTo>
                  <a:cubicBezTo>
                    <a:pt x="10628" y="326"/>
                    <a:pt x="10552" y="451"/>
                    <a:pt x="10552" y="451"/>
                  </a:cubicBezTo>
                  <a:lnTo>
                    <a:pt x="10552" y="677"/>
                  </a:lnTo>
                  <a:cubicBezTo>
                    <a:pt x="10552" y="727"/>
                    <a:pt x="10552" y="852"/>
                    <a:pt x="10628" y="852"/>
                  </a:cubicBezTo>
                  <a:lnTo>
                    <a:pt x="10778" y="852"/>
                  </a:lnTo>
                  <a:cubicBezTo>
                    <a:pt x="10853" y="777"/>
                    <a:pt x="10728" y="677"/>
                    <a:pt x="10778" y="602"/>
                  </a:cubicBezTo>
                  <a:lnTo>
                    <a:pt x="10853" y="552"/>
                  </a:lnTo>
                  <a:cubicBezTo>
                    <a:pt x="10903" y="552"/>
                    <a:pt x="10903" y="602"/>
                    <a:pt x="10903" y="677"/>
                  </a:cubicBezTo>
                  <a:cubicBezTo>
                    <a:pt x="10953" y="727"/>
                    <a:pt x="10903" y="852"/>
                    <a:pt x="10903" y="903"/>
                  </a:cubicBezTo>
                  <a:cubicBezTo>
                    <a:pt x="10953" y="903"/>
                    <a:pt x="11004" y="1003"/>
                    <a:pt x="11004" y="1003"/>
                  </a:cubicBezTo>
                  <a:cubicBezTo>
                    <a:pt x="11079" y="953"/>
                    <a:pt x="11079" y="852"/>
                    <a:pt x="11129" y="852"/>
                  </a:cubicBezTo>
                  <a:cubicBezTo>
                    <a:pt x="11129" y="777"/>
                    <a:pt x="11229" y="903"/>
                    <a:pt x="11304" y="852"/>
                  </a:cubicBezTo>
                  <a:cubicBezTo>
                    <a:pt x="11354" y="777"/>
                    <a:pt x="11229" y="677"/>
                    <a:pt x="11229" y="677"/>
                  </a:cubicBezTo>
                  <a:cubicBezTo>
                    <a:pt x="11304" y="602"/>
                    <a:pt x="11405" y="602"/>
                    <a:pt x="11455" y="677"/>
                  </a:cubicBezTo>
                  <a:cubicBezTo>
                    <a:pt x="11530" y="677"/>
                    <a:pt x="11580" y="777"/>
                    <a:pt x="11580" y="777"/>
                  </a:cubicBezTo>
                  <a:cubicBezTo>
                    <a:pt x="11630" y="852"/>
                    <a:pt x="11680" y="1003"/>
                    <a:pt x="11755" y="1078"/>
                  </a:cubicBezTo>
                  <a:cubicBezTo>
                    <a:pt x="11806" y="1128"/>
                    <a:pt x="11856" y="1178"/>
                    <a:pt x="11856" y="1178"/>
                  </a:cubicBezTo>
                  <a:cubicBezTo>
                    <a:pt x="11906" y="1228"/>
                    <a:pt x="12131" y="1304"/>
                    <a:pt x="12207" y="1404"/>
                  </a:cubicBezTo>
                  <a:cubicBezTo>
                    <a:pt x="12207" y="1454"/>
                    <a:pt x="12131" y="1529"/>
                    <a:pt x="12081" y="1579"/>
                  </a:cubicBezTo>
                  <a:cubicBezTo>
                    <a:pt x="12081" y="1629"/>
                    <a:pt x="12081" y="1805"/>
                    <a:pt x="12131" y="1855"/>
                  </a:cubicBezTo>
                  <a:cubicBezTo>
                    <a:pt x="12131" y="1905"/>
                    <a:pt x="12257" y="1980"/>
                    <a:pt x="12307" y="1980"/>
                  </a:cubicBezTo>
                  <a:cubicBezTo>
                    <a:pt x="12357" y="1905"/>
                    <a:pt x="12357" y="1805"/>
                    <a:pt x="12357" y="1755"/>
                  </a:cubicBezTo>
                  <a:cubicBezTo>
                    <a:pt x="12357" y="1679"/>
                    <a:pt x="12357" y="1579"/>
                    <a:pt x="12432" y="1529"/>
                  </a:cubicBezTo>
                  <a:cubicBezTo>
                    <a:pt x="12482" y="1454"/>
                    <a:pt x="12708" y="1529"/>
                    <a:pt x="12758" y="1454"/>
                  </a:cubicBezTo>
                  <a:cubicBezTo>
                    <a:pt x="12758" y="1404"/>
                    <a:pt x="12808" y="1304"/>
                    <a:pt x="12808" y="1228"/>
                  </a:cubicBezTo>
                  <a:cubicBezTo>
                    <a:pt x="12858" y="1228"/>
                    <a:pt x="12983" y="1304"/>
                    <a:pt x="12983" y="1304"/>
                  </a:cubicBezTo>
                  <a:cubicBezTo>
                    <a:pt x="13034" y="1354"/>
                    <a:pt x="13159" y="1529"/>
                    <a:pt x="13209" y="1579"/>
                  </a:cubicBezTo>
                  <a:cubicBezTo>
                    <a:pt x="13259" y="1629"/>
                    <a:pt x="13309" y="1805"/>
                    <a:pt x="13309" y="1905"/>
                  </a:cubicBezTo>
                  <a:cubicBezTo>
                    <a:pt x="13309" y="1980"/>
                    <a:pt x="13309" y="2030"/>
                    <a:pt x="13259" y="2080"/>
                  </a:cubicBezTo>
                  <a:cubicBezTo>
                    <a:pt x="13209" y="2131"/>
                    <a:pt x="13034" y="2080"/>
                    <a:pt x="12983" y="2131"/>
                  </a:cubicBezTo>
                  <a:cubicBezTo>
                    <a:pt x="12983" y="2206"/>
                    <a:pt x="13034" y="2306"/>
                    <a:pt x="12983" y="2356"/>
                  </a:cubicBezTo>
                  <a:cubicBezTo>
                    <a:pt x="12983" y="2431"/>
                    <a:pt x="12933" y="2532"/>
                    <a:pt x="12933" y="2532"/>
                  </a:cubicBezTo>
                  <a:cubicBezTo>
                    <a:pt x="12858" y="2582"/>
                    <a:pt x="12808" y="2657"/>
                    <a:pt x="12808" y="2707"/>
                  </a:cubicBezTo>
                  <a:cubicBezTo>
                    <a:pt x="12758" y="2757"/>
                    <a:pt x="12708" y="2983"/>
                    <a:pt x="12758" y="3033"/>
                  </a:cubicBezTo>
                  <a:cubicBezTo>
                    <a:pt x="12808" y="3033"/>
                    <a:pt x="12933" y="2933"/>
                    <a:pt x="12933" y="2933"/>
                  </a:cubicBezTo>
                  <a:cubicBezTo>
                    <a:pt x="12983" y="2883"/>
                    <a:pt x="13084" y="2707"/>
                    <a:pt x="13159" y="2757"/>
                  </a:cubicBezTo>
                  <a:cubicBezTo>
                    <a:pt x="13209" y="2757"/>
                    <a:pt x="13259" y="2883"/>
                    <a:pt x="13259" y="2933"/>
                  </a:cubicBezTo>
                  <a:cubicBezTo>
                    <a:pt x="13209" y="2983"/>
                    <a:pt x="13159" y="3033"/>
                    <a:pt x="13209" y="3033"/>
                  </a:cubicBezTo>
                  <a:cubicBezTo>
                    <a:pt x="13209" y="3108"/>
                    <a:pt x="13309" y="3108"/>
                    <a:pt x="13384" y="3033"/>
                  </a:cubicBezTo>
                  <a:cubicBezTo>
                    <a:pt x="13384" y="3033"/>
                    <a:pt x="13384" y="2933"/>
                    <a:pt x="13435" y="2883"/>
                  </a:cubicBezTo>
                  <a:lnTo>
                    <a:pt x="13760" y="2883"/>
                  </a:lnTo>
                  <a:cubicBezTo>
                    <a:pt x="13836" y="2883"/>
                    <a:pt x="13986" y="2933"/>
                    <a:pt x="14061" y="2983"/>
                  </a:cubicBezTo>
                  <a:cubicBezTo>
                    <a:pt x="14061" y="3033"/>
                    <a:pt x="14111" y="3158"/>
                    <a:pt x="14111" y="3208"/>
                  </a:cubicBezTo>
                  <a:cubicBezTo>
                    <a:pt x="14061" y="3208"/>
                    <a:pt x="14061" y="3258"/>
                    <a:pt x="13986" y="3258"/>
                  </a:cubicBezTo>
                  <a:cubicBezTo>
                    <a:pt x="13936" y="3334"/>
                    <a:pt x="13760" y="3208"/>
                    <a:pt x="13710" y="3208"/>
                  </a:cubicBezTo>
                  <a:cubicBezTo>
                    <a:pt x="13610" y="3208"/>
                    <a:pt x="13485" y="3384"/>
                    <a:pt x="13485" y="3434"/>
                  </a:cubicBezTo>
                  <a:cubicBezTo>
                    <a:pt x="13435" y="3484"/>
                    <a:pt x="13485" y="3659"/>
                    <a:pt x="13435" y="3710"/>
                  </a:cubicBezTo>
                  <a:cubicBezTo>
                    <a:pt x="13435" y="3710"/>
                    <a:pt x="13384" y="3785"/>
                    <a:pt x="13384" y="3835"/>
                  </a:cubicBezTo>
                  <a:cubicBezTo>
                    <a:pt x="13384" y="3885"/>
                    <a:pt x="13435" y="4010"/>
                    <a:pt x="13384" y="4010"/>
                  </a:cubicBezTo>
                  <a:cubicBezTo>
                    <a:pt x="13309" y="4060"/>
                    <a:pt x="13259" y="4010"/>
                    <a:pt x="13209" y="3935"/>
                  </a:cubicBezTo>
                  <a:cubicBezTo>
                    <a:pt x="13084" y="3935"/>
                    <a:pt x="12858" y="3885"/>
                    <a:pt x="12808" y="4010"/>
                  </a:cubicBezTo>
                  <a:cubicBezTo>
                    <a:pt x="12758" y="4010"/>
                    <a:pt x="12758" y="4161"/>
                    <a:pt x="12758" y="4236"/>
                  </a:cubicBezTo>
                  <a:cubicBezTo>
                    <a:pt x="12808" y="4236"/>
                    <a:pt x="12983" y="4161"/>
                    <a:pt x="13034" y="4161"/>
                  </a:cubicBezTo>
                  <a:cubicBezTo>
                    <a:pt x="13159" y="4236"/>
                    <a:pt x="13309" y="4336"/>
                    <a:pt x="13384" y="4336"/>
                  </a:cubicBezTo>
                  <a:cubicBezTo>
                    <a:pt x="13485" y="4286"/>
                    <a:pt x="13535" y="4236"/>
                    <a:pt x="13610" y="4161"/>
                  </a:cubicBezTo>
                  <a:cubicBezTo>
                    <a:pt x="13710" y="4161"/>
                    <a:pt x="13886" y="4060"/>
                    <a:pt x="13936" y="4111"/>
                  </a:cubicBezTo>
                  <a:lnTo>
                    <a:pt x="13936" y="4286"/>
                  </a:lnTo>
                  <a:cubicBezTo>
                    <a:pt x="13936" y="4336"/>
                    <a:pt x="13886" y="4386"/>
                    <a:pt x="13886" y="4386"/>
                  </a:cubicBezTo>
                  <a:cubicBezTo>
                    <a:pt x="13936" y="4461"/>
                    <a:pt x="13986" y="4612"/>
                    <a:pt x="14111" y="4687"/>
                  </a:cubicBezTo>
                  <a:cubicBezTo>
                    <a:pt x="14161" y="4737"/>
                    <a:pt x="14287" y="4687"/>
                    <a:pt x="14337" y="4687"/>
                  </a:cubicBezTo>
                  <a:cubicBezTo>
                    <a:pt x="14387" y="4737"/>
                    <a:pt x="14437" y="4837"/>
                    <a:pt x="14512" y="4913"/>
                  </a:cubicBezTo>
                  <a:lnTo>
                    <a:pt x="14738" y="4913"/>
                  </a:lnTo>
                  <a:cubicBezTo>
                    <a:pt x="14788" y="4963"/>
                    <a:pt x="14888" y="5013"/>
                    <a:pt x="14888" y="5063"/>
                  </a:cubicBezTo>
                  <a:cubicBezTo>
                    <a:pt x="14888" y="5138"/>
                    <a:pt x="14838" y="5188"/>
                    <a:pt x="14788" y="5188"/>
                  </a:cubicBezTo>
                  <a:cubicBezTo>
                    <a:pt x="14738" y="5188"/>
                    <a:pt x="14613" y="5138"/>
                    <a:pt x="14562" y="5138"/>
                  </a:cubicBezTo>
                  <a:cubicBezTo>
                    <a:pt x="14562" y="5138"/>
                    <a:pt x="14512" y="5188"/>
                    <a:pt x="14512" y="5238"/>
                  </a:cubicBezTo>
                  <a:cubicBezTo>
                    <a:pt x="14512" y="5238"/>
                    <a:pt x="14562" y="5289"/>
                    <a:pt x="14562" y="5364"/>
                  </a:cubicBezTo>
                  <a:cubicBezTo>
                    <a:pt x="14562" y="5364"/>
                    <a:pt x="14562" y="5464"/>
                    <a:pt x="14512" y="5464"/>
                  </a:cubicBezTo>
                  <a:lnTo>
                    <a:pt x="14387" y="5464"/>
                  </a:lnTo>
                  <a:cubicBezTo>
                    <a:pt x="14337" y="5464"/>
                    <a:pt x="14337" y="5364"/>
                    <a:pt x="14287" y="5364"/>
                  </a:cubicBezTo>
                  <a:cubicBezTo>
                    <a:pt x="14212" y="5364"/>
                    <a:pt x="14212" y="5414"/>
                    <a:pt x="14212" y="5464"/>
                  </a:cubicBezTo>
                  <a:cubicBezTo>
                    <a:pt x="14161" y="5514"/>
                    <a:pt x="14161" y="5639"/>
                    <a:pt x="14212" y="5690"/>
                  </a:cubicBezTo>
                  <a:cubicBezTo>
                    <a:pt x="14287" y="5740"/>
                    <a:pt x="14512" y="5740"/>
                    <a:pt x="14562" y="5815"/>
                  </a:cubicBezTo>
                  <a:cubicBezTo>
                    <a:pt x="14613" y="5865"/>
                    <a:pt x="14788" y="6091"/>
                    <a:pt x="14788" y="6141"/>
                  </a:cubicBezTo>
                  <a:cubicBezTo>
                    <a:pt x="14788" y="6266"/>
                    <a:pt x="14738" y="6416"/>
                    <a:pt x="14738" y="6542"/>
                  </a:cubicBezTo>
                  <a:cubicBezTo>
                    <a:pt x="14738" y="6592"/>
                    <a:pt x="14788" y="6767"/>
                    <a:pt x="14838" y="6817"/>
                  </a:cubicBezTo>
                  <a:cubicBezTo>
                    <a:pt x="14888" y="6867"/>
                    <a:pt x="15014" y="6867"/>
                    <a:pt x="15014" y="6943"/>
                  </a:cubicBezTo>
                  <a:cubicBezTo>
                    <a:pt x="15064" y="6993"/>
                    <a:pt x="15064" y="7093"/>
                    <a:pt x="15064" y="7168"/>
                  </a:cubicBezTo>
                  <a:cubicBezTo>
                    <a:pt x="15064" y="7218"/>
                    <a:pt x="15014" y="7319"/>
                    <a:pt x="15014" y="7394"/>
                  </a:cubicBezTo>
                  <a:cubicBezTo>
                    <a:pt x="15014" y="7444"/>
                    <a:pt x="14963" y="7494"/>
                    <a:pt x="14963" y="7544"/>
                  </a:cubicBezTo>
                  <a:cubicBezTo>
                    <a:pt x="14888" y="7619"/>
                    <a:pt x="14888" y="7770"/>
                    <a:pt x="14888" y="7845"/>
                  </a:cubicBezTo>
                  <a:cubicBezTo>
                    <a:pt x="14963" y="7945"/>
                    <a:pt x="15064" y="8121"/>
                    <a:pt x="15114" y="8221"/>
                  </a:cubicBezTo>
                  <a:cubicBezTo>
                    <a:pt x="15164" y="8346"/>
                    <a:pt x="15390" y="8446"/>
                    <a:pt x="15465" y="8572"/>
                  </a:cubicBezTo>
                  <a:cubicBezTo>
                    <a:pt x="15465" y="8572"/>
                    <a:pt x="15390" y="8672"/>
                    <a:pt x="15465" y="8747"/>
                  </a:cubicBezTo>
                  <a:cubicBezTo>
                    <a:pt x="15465" y="8797"/>
                    <a:pt x="15615" y="8847"/>
                    <a:pt x="15690" y="8898"/>
                  </a:cubicBezTo>
                  <a:cubicBezTo>
                    <a:pt x="15740" y="8898"/>
                    <a:pt x="15740" y="9023"/>
                    <a:pt x="15740" y="9073"/>
                  </a:cubicBezTo>
                  <a:cubicBezTo>
                    <a:pt x="15740" y="9123"/>
                    <a:pt x="15615" y="9248"/>
                    <a:pt x="15565" y="9299"/>
                  </a:cubicBezTo>
                  <a:cubicBezTo>
                    <a:pt x="15515" y="9474"/>
                    <a:pt x="15515" y="9750"/>
                    <a:pt x="15465" y="9925"/>
                  </a:cubicBezTo>
                  <a:cubicBezTo>
                    <a:pt x="15390" y="9975"/>
                    <a:pt x="15289" y="10025"/>
                    <a:pt x="15239" y="10101"/>
                  </a:cubicBezTo>
                  <a:cubicBezTo>
                    <a:pt x="15164" y="10201"/>
                    <a:pt x="15289" y="10426"/>
                    <a:pt x="15239" y="10552"/>
                  </a:cubicBezTo>
                  <a:cubicBezTo>
                    <a:pt x="15239" y="10652"/>
                    <a:pt x="15064" y="10777"/>
                    <a:pt x="15014" y="10777"/>
                  </a:cubicBezTo>
                  <a:cubicBezTo>
                    <a:pt x="14963" y="10827"/>
                    <a:pt x="14888" y="10827"/>
                    <a:pt x="14838" y="10827"/>
                  </a:cubicBezTo>
                  <a:cubicBezTo>
                    <a:pt x="14663" y="10878"/>
                    <a:pt x="14387" y="11053"/>
                    <a:pt x="14337" y="11178"/>
                  </a:cubicBezTo>
                  <a:cubicBezTo>
                    <a:pt x="14287" y="11228"/>
                    <a:pt x="14212" y="11404"/>
                    <a:pt x="14161" y="11504"/>
                  </a:cubicBezTo>
                  <a:cubicBezTo>
                    <a:pt x="14111" y="11629"/>
                    <a:pt x="13936" y="11780"/>
                    <a:pt x="13886" y="11905"/>
                  </a:cubicBezTo>
                  <a:cubicBezTo>
                    <a:pt x="13836" y="12081"/>
                    <a:pt x="13760" y="12356"/>
                    <a:pt x="13760" y="12532"/>
                  </a:cubicBezTo>
                  <a:cubicBezTo>
                    <a:pt x="13760" y="12682"/>
                    <a:pt x="13936" y="12983"/>
                    <a:pt x="13986" y="13133"/>
                  </a:cubicBezTo>
                  <a:cubicBezTo>
                    <a:pt x="13986" y="13309"/>
                    <a:pt x="14061" y="13660"/>
                    <a:pt x="14161" y="13760"/>
                  </a:cubicBezTo>
                  <a:cubicBezTo>
                    <a:pt x="14212" y="13935"/>
                    <a:pt x="14613" y="14035"/>
                    <a:pt x="14663" y="14211"/>
                  </a:cubicBezTo>
                  <a:cubicBezTo>
                    <a:pt x="14738" y="14336"/>
                    <a:pt x="14788" y="14562"/>
                    <a:pt x="14738" y="14662"/>
                  </a:cubicBezTo>
                  <a:cubicBezTo>
                    <a:pt x="14738" y="14712"/>
                    <a:pt x="14613" y="14787"/>
                    <a:pt x="14613" y="14837"/>
                  </a:cubicBezTo>
                  <a:cubicBezTo>
                    <a:pt x="14613" y="14888"/>
                    <a:pt x="14613" y="15063"/>
                    <a:pt x="14562" y="15113"/>
                  </a:cubicBezTo>
                  <a:cubicBezTo>
                    <a:pt x="14512" y="15238"/>
                    <a:pt x="14337" y="15389"/>
                    <a:pt x="14337" y="15514"/>
                  </a:cubicBezTo>
                  <a:cubicBezTo>
                    <a:pt x="14287" y="15564"/>
                    <a:pt x="14287" y="15740"/>
                    <a:pt x="14287" y="15790"/>
                  </a:cubicBezTo>
                  <a:cubicBezTo>
                    <a:pt x="14337" y="15840"/>
                    <a:pt x="14437" y="15965"/>
                    <a:pt x="14512" y="16015"/>
                  </a:cubicBezTo>
                  <a:cubicBezTo>
                    <a:pt x="14512" y="16066"/>
                    <a:pt x="14562" y="16241"/>
                    <a:pt x="14562" y="16366"/>
                  </a:cubicBezTo>
                  <a:cubicBezTo>
                    <a:pt x="14512" y="16416"/>
                    <a:pt x="14337" y="16467"/>
                    <a:pt x="14337" y="16517"/>
                  </a:cubicBezTo>
                  <a:cubicBezTo>
                    <a:pt x="14287" y="16517"/>
                    <a:pt x="14337" y="16642"/>
                    <a:pt x="14337" y="16692"/>
                  </a:cubicBezTo>
                  <a:cubicBezTo>
                    <a:pt x="14337" y="16742"/>
                    <a:pt x="14437" y="16868"/>
                    <a:pt x="14437" y="16918"/>
                  </a:cubicBezTo>
                  <a:cubicBezTo>
                    <a:pt x="14437" y="17043"/>
                    <a:pt x="14437" y="17319"/>
                    <a:pt x="14387" y="17419"/>
                  </a:cubicBezTo>
                  <a:cubicBezTo>
                    <a:pt x="14387" y="17544"/>
                    <a:pt x="14287" y="17644"/>
                    <a:pt x="14212" y="17770"/>
                  </a:cubicBezTo>
                  <a:cubicBezTo>
                    <a:pt x="14212" y="17820"/>
                    <a:pt x="14161" y="17995"/>
                    <a:pt x="14161" y="18096"/>
                  </a:cubicBezTo>
                  <a:cubicBezTo>
                    <a:pt x="14212" y="18221"/>
                    <a:pt x="14287" y="18446"/>
                    <a:pt x="14337" y="18547"/>
                  </a:cubicBezTo>
                  <a:cubicBezTo>
                    <a:pt x="14337" y="18622"/>
                    <a:pt x="14337" y="18772"/>
                    <a:pt x="14287" y="18847"/>
                  </a:cubicBezTo>
                  <a:cubicBezTo>
                    <a:pt x="14287" y="18948"/>
                    <a:pt x="14161" y="19073"/>
                    <a:pt x="14111" y="19123"/>
                  </a:cubicBezTo>
                  <a:lnTo>
                    <a:pt x="14111" y="19349"/>
                  </a:lnTo>
                  <a:cubicBezTo>
                    <a:pt x="14111" y="19399"/>
                    <a:pt x="14061" y="19449"/>
                    <a:pt x="14061" y="19524"/>
                  </a:cubicBezTo>
                  <a:cubicBezTo>
                    <a:pt x="13986" y="19700"/>
                    <a:pt x="14061" y="19975"/>
                    <a:pt x="14061" y="20076"/>
                  </a:cubicBezTo>
                  <a:cubicBezTo>
                    <a:pt x="14061" y="20301"/>
                    <a:pt x="13986" y="20652"/>
                    <a:pt x="13986" y="20827"/>
                  </a:cubicBezTo>
                  <a:cubicBezTo>
                    <a:pt x="13936" y="20978"/>
                    <a:pt x="13710" y="21203"/>
                    <a:pt x="13760" y="21379"/>
                  </a:cubicBezTo>
                  <a:cubicBezTo>
                    <a:pt x="13760" y="21504"/>
                    <a:pt x="13886" y="21604"/>
                    <a:pt x="13886" y="21730"/>
                  </a:cubicBezTo>
                  <a:cubicBezTo>
                    <a:pt x="13936" y="21880"/>
                    <a:pt x="13886" y="22231"/>
                    <a:pt x="13836" y="22406"/>
                  </a:cubicBezTo>
                  <a:cubicBezTo>
                    <a:pt x="13760" y="22507"/>
                    <a:pt x="13660" y="22732"/>
                    <a:pt x="13610" y="22858"/>
                  </a:cubicBezTo>
                  <a:cubicBezTo>
                    <a:pt x="13610" y="22908"/>
                    <a:pt x="13610" y="23133"/>
                    <a:pt x="13535" y="23183"/>
                  </a:cubicBezTo>
                  <a:lnTo>
                    <a:pt x="13435" y="23183"/>
                  </a:lnTo>
                  <a:cubicBezTo>
                    <a:pt x="13384" y="23233"/>
                    <a:pt x="13384" y="23359"/>
                    <a:pt x="13384" y="23409"/>
                  </a:cubicBezTo>
                  <a:cubicBezTo>
                    <a:pt x="13435" y="23459"/>
                    <a:pt x="13535" y="23459"/>
                    <a:pt x="13610" y="23534"/>
                  </a:cubicBezTo>
                  <a:cubicBezTo>
                    <a:pt x="13610" y="23584"/>
                    <a:pt x="13610" y="23760"/>
                    <a:pt x="13660" y="23810"/>
                  </a:cubicBezTo>
                  <a:cubicBezTo>
                    <a:pt x="13710" y="23860"/>
                    <a:pt x="13886" y="23860"/>
                    <a:pt x="13886" y="23910"/>
                  </a:cubicBezTo>
                  <a:cubicBezTo>
                    <a:pt x="13886" y="23985"/>
                    <a:pt x="13760" y="24035"/>
                    <a:pt x="13710" y="24035"/>
                  </a:cubicBezTo>
                  <a:cubicBezTo>
                    <a:pt x="13660" y="24086"/>
                    <a:pt x="13610" y="24035"/>
                    <a:pt x="13535" y="24035"/>
                  </a:cubicBezTo>
                  <a:cubicBezTo>
                    <a:pt x="13485" y="24086"/>
                    <a:pt x="13435" y="24211"/>
                    <a:pt x="13384" y="24261"/>
                  </a:cubicBezTo>
                  <a:cubicBezTo>
                    <a:pt x="13384" y="24311"/>
                    <a:pt x="13384" y="24487"/>
                    <a:pt x="13309" y="24537"/>
                  </a:cubicBezTo>
                  <a:cubicBezTo>
                    <a:pt x="13309" y="24662"/>
                    <a:pt x="13209" y="24888"/>
                    <a:pt x="13209" y="25038"/>
                  </a:cubicBezTo>
                  <a:cubicBezTo>
                    <a:pt x="13209" y="25113"/>
                    <a:pt x="13309" y="25264"/>
                    <a:pt x="13309" y="25339"/>
                  </a:cubicBezTo>
                  <a:cubicBezTo>
                    <a:pt x="13309" y="25439"/>
                    <a:pt x="13259" y="25564"/>
                    <a:pt x="13259" y="25614"/>
                  </a:cubicBezTo>
                  <a:cubicBezTo>
                    <a:pt x="13209" y="25665"/>
                    <a:pt x="13259" y="25840"/>
                    <a:pt x="13209" y="25890"/>
                  </a:cubicBezTo>
                  <a:cubicBezTo>
                    <a:pt x="13159" y="25940"/>
                    <a:pt x="12983" y="25840"/>
                    <a:pt x="12933" y="25890"/>
                  </a:cubicBezTo>
                  <a:lnTo>
                    <a:pt x="12933" y="26116"/>
                  </a:lnTo>
                  <a:cubicBezTo>
                    <a:pt x="12933" y="26166"/>
                    <a:pt x="12983" y="26291"/>
                    <a:pt x="12933" y="26341"/>
                  </a:cubicBezTo>
                  <a:lnTo>
                    <a:pt x="12708" y="26341"/>
                  </a:lnTo>
                  <a:cubicBezTo>
                    <a:pt x="12708" y="26291"/>
                    <a:pt x="12658" y="26241"/>
                    <a:pt x="12658" y="26166"/>
                  </a:cubicBezTo>
                  <a:cubicBezTo>
                    <a:pt x="12582" y="26116"/>
                    <a:pt x="12658" y="26015"/>
                    <a:pt x="12582" y="26015"/>
                  </a:cubicBezTo>
                  <a:cubicBezTo>
                    <a:pt x="12532" y="25940"/>
                    <a:pt x="12432" y="26066"/>
                    <a:pt x="12307" y="26066"/>
                  </a:cubicBezTo>
                  <a:cubicBezTo>
                    <a:pt x="12257" y="26066"/>
                    <a:pt x="12081" y="26066"/>
                    <a:pt x="11981" y="26015"/>
                  </a:cubicBezTo>
                  <a:cubicBezTo>
                    <a:pt x="11981" y="26015"/>
                    <a:pt x="11906" y="25940"/>
                    <a:pt x="11906" y="25890"/>
                  </a:cubicBezTo>
                  <a:cubicBezTo>
                    <a:pt x="11856" y="25890"/>
                    <a:pt x="11680" y="25940"/>
                    <a:pt x="11630" y="25940"/>
                  </a:cubicBezTo>
                  <a:cubicBezTo>
                    <a:pt x="11580" y="25890"/>
                    <a:pt x="11530" y="25790"/>
                    <a:pt x="11530" y="25715"/>
                  </a:cubicBezTo>
                  <a:cubicBezTo>
                    <a:pt x="11455" y="25665"/>
                    <a:pt x="11405" y="25614"/>
                    <a:pt x="11354" y="25614"/>
                  </a:cubicBezTo>
                  <a:cubicBezTo>
                    <a:pt x="11304" y="25564"/>
                    <a:pt x="11129" y="25564"/>
                    <a:pt x="11079" y="25564"/>
                  </a:cubicBezTo>
                  <a:cubicBezTo>
                    <a:pt x="11004" y="25489"/>
                    <a:pt x="10953" y="25339"/>
                    <a:pt x="10953" y="25264"/>
                  </a:cubicBezTo>
                  <a:cubicBezTo>
                    <a:pt x="10903" y="25213"/>
                    <a:pt x="10953" y="25113"/>
                    <a:pt x="10903" y="25038"/>
                  </a:cubicBezTo>
                  <a:cubicBezTo>
                    <a:pt x="10853" y="24938"/>
                    <a:pt x="10628" y="24888"/>
                    <a:pt x="10452" y="24812"/>
                  </a:cubicBezTo>
                  <a:lnTo>
                    <a:pt x="10126" y="24812"/>
                  </a:lnTo>
                  <a:cubicBezTo>
                    <a:pt x="10001" y="24812"/>
                    <a:pt x="9901" y="24888"/>
                    <a:pt x="9775" y="24938"/>
                  </a:cubicBezTo>
                  <a:lnTo>
                    <a:pt x="9550" y="24938"/>
                  </a:lnTo>
                  <a:lnTo>
                    <a:pt x="9550" y="25163"/>
                  </a:lnTo>
                  <a:cubicBezTo>
                    <a:pt x="9500" y="25163"/>
                    <a:pt x="9450" y="25213"/>
                    <a:pt x="9374" y="25213"/>
                  </a:cubicBezTo>
                  <a:cubicBezTo>
                    <a:pt x="9324" y="25213"/>
                    <a:pt x="9224" y="25113"/>
                    <a:pt x="9149" y="25113"/>
                  </a:cubicBezTo>
                  <a:cubicBezTo>
                    <a:pt x="9099" y="25113"/>
                    <a:pt x="9049" y="25163"/>
                    <a:pt x="8999" y="25163"/>
                  </a:cubicBezTo>
                  <a:lnTo>
                    <a:pt x="8773" y="25163"/>
                  </a:lnTo>
                  <a:cubicBezTo>
                    <a:pt x="8698" y="25163"/>
                    <a:pt x="8547" y="25213"/>
                    <a:pt x="8472" y="25213"/>
                  </a:cubicBezTo>
                  <a:cubicBezTo>
                    <a:pt x="8422" y="25264"/>
                    <a:pt x="8372" y="25389"/>
                    <a:pt x="8322" y="25439"/>
                  </a:cubicBezTo>
                  <a:cubicBezTo>
                    <a:pt x="8196" y="25489"/>
                    <a:pt x="8046" y="25614"/>
                    <a:pt x="7971" y="25715"/>
                  </a:cubicBezTo>
                  <a:cubicBezTo>
                    <a:pt x="7921" y="25840"/>
                    <a:pt x="7871" y="26015"/>
                    <a:pt x="7871" y="26116"/>
                  </a:cubicBezTo>
                  <a:cubicBezTo>
                    <a:pt x="7871" y="26241"/>
                    <a:pt x="7921" y="26467"/>
                    <a:pt x="7971" y="26517"/>
                  </a:cubicBezTo>
                  <a:cubicBezTo>
                    <a:pt x="8046" y="26567"/>
                    <a:pt x="8196" y="26617"/>
                    <a:pt x="8196" y="26692"/>
                  </a:cubicBezTo>
                  <a:cubicBezTo>
                    <a:pt x="8272" y="26742"/>
                    <a:pt x="8372" y="26918"/>
                    <a:pt x="8322" y="27018"/>
                  </a:cubicBezTo>
                  <a:cubicBezTo>
                    <a:pt x="8322" y="27068"/>
                    <a:pt x="8096" y="27068"/>
                    <a:pt x="8046" y="27143"/>
                  </a:cubicBezTo>
                  <a:cubicBezTo>
                    <a:pt x="8046" y="27193"/>
                    <a:pt x="7971" y="27294"/>
                    <a:pt x="7971" y="27294"/>
                  </a:cubicBezTo>
                  <a:cubicBezTo>
                    <a:pt x="7971" y="27369"/>
                    <a:pt x="8046" y="27469"/>
                    <a:pt x="8096" y="27519"/>
                  </a:cubicBezTo>
                  <a:cubicBezTo>
                    <a:pt x="8096" y="27594"/>
                    <a:pt x="8146" y="27745"/>
                    <a:pt x="8096" y="27820"/>
                  </a:cubicBezTo>
                  <a:cubicBezTo>
                    <a:pt x="8096" y="27870"/>
                    <a:pt x="7971" y="27820"/>
                    <a:pt x="7971" y="27820"/>
                  </a:cubicBezTo>
                  <a:cubicBezTo>
                    <a:pt x="7921" y="27820"/>
                    <a:pt x="7871" y="27745"/>
                    <a:pt x="7821" y="27745"/>
                  </a:cubicBezTo>
                  <a:cubicBezTo>
                    <a:pt x="7745" y="27820"/>
                    <a:pt x="7745" y="27920"/>
                    <a:pt x="7695" y="27920"/>
                  </a:cubicBezTo>
                  <a:cubicBezTo>
                    <a:pt x="7645" y="27970"/>
                    <a:pt x="7420" y="28046"/>
                    <a:pt x="7294" y="28096"/>
                  </a:cubicBezTo>
                  <a:cubicBezTo>
                    <a:pt x="7244" y="28146"/>
                    <a:pt x="7144" y="28371"/>
                    <a:pt x="7069" y="28497"/>
                  </a:cubicBezTo>
                  <a:cubicBezTo>
                    <a:pt x="7019" y="28547"/>
                    <a:pt x="6968" y="28647"/>
                    <a:pt x="6918" y="28722"/>
                  </a:cubicBezTo>
                  <a:lnTo>
                    <a:pt x="6743" y="28722"/>
                  </a:lnTo>
                  <a:cubicBezTo>
                    <a:pt x="6743" y="28772"/>
                    <a:pt x="6618" y="28772"/>
                    <a:pt x="6618" y="28822"/>
                  </a:cubicBezTo>
                  <a:cubicBezTo>
                    <a:pt x="6567" y="28822"/>
                    <a:pt x="6567" y="28948"/>
                    <a:pt x="6517" y="28948"/>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14" name="Google Shape;271;p16">
              <a:extLst>
                <a:ext uri="{FF2B5EF4-FFF2-40B4-BE49-F238E27FC236}">
                  <a16:creationId xmlns:a16="http://schemas.microsoft.com/office/drawing/2014/main" id="{62A28975-2BA5-57E8-BFB6-3E9A931A6430}"/>
                </a:ext>
              </a:extLst>
            </p:cNvPr>
            <p:cNvSpPr/>
            <p:nvPr/>
          </p:nvSpPr>
          <p:spPr>
            <a:xfrm>
              <a:off x="1627779" y="3095139"/>
              <a:ext cx="37120" cy="46191"/>
            </a:xfrm>
            <a:custGeom>
              <a:avLst/>
              <a:gdLst/>
              <a:ahLst/>
              <a:cxnLst/>
              <a:rect l="l" t="t" r="r" b="b"/>
              <a:pathLst>
                <a:path w="1330" h="1655" extrusionOk="0">
                  <a:moveTo>
                    <a:pt x="1003" y="802"/>
                  </a:moveTo>
                  <a:cubicBezTo>
                    <a:pt x="953" y="752"/>
                    <a:pt x="828" y="752"/>
                    <a:pt x="778" y="752"/>
                  </a:cubicBezTo>
                  <a:cubicBezTo>
                    <a:pt x="728" y="752"/>
                    <a:pt x="678" y="802"/>
                    <a:pt x="602" y="852"/>
                  </a:cubicBezTo>
                  <a:cubicBezTo>
                    <a:pt x="552" y="852"/>
                    <a:pt x="452" y="927"/>
                    <a:pt x="377" y="927"/>
                  </a:cubicBezTo>
                  <a:cubicBezTo>
                    <a:pt x="377" y="978"/>
                    <a:pt x="327" y="1078"/>
                    <a:pt x="377" y="1078"/>
                  </a:cubicBezTo>
                  <a:cubicBezTo>
                    <a:pt x="377" y="1153"/>
                    <a:pt x="502" y="1153"/>
                    <a:pt x="502" y="1153"/>
                  </a:cubicBezTo>
                  <a:cubicBezTo>
                    <a:pt x="552" y="1203"/>
                    <a:pt x="552" y="1379"/>
                    <a:pt x="552" y="1429"/>
                  </a:cubicBezTo>
                  <a:cubicBezTo>
                    <a:pt x="552" y="1479"/>
                    <a:pt x="502" y="1654"/>
                    <a:pt x="452" y="1654"/>
                  </a:cubicBezTo>
                  <a:cubicBezTo>
                    <a:pt x="377" y="1654"/>
                    <a:pt x="327" y="1554"/>
                    <a:pt x="277" y="1554"/>
                  </a:cubicBezTo>
                  <a:cubicBezTo>
                    <a:pt x="227" y="1554"/>
                    <a:pt x="101" y="1554"/>
                    <a:pt x="51" y="1479"/>
                  </a:cubicBezTo>
                  <a:cubicBezTo>
                    <a:pt x="1" y="1429"/>
                    <a:pt x="1" y="1329"/>
                    <a:pt x="1" y="1253"/>
                  </a:cubicBezTo>
                  <a:cubicBezTo>
                    <a:pt x="51" y="1203"/>
                    <a:pt x="101" y="1203"/>
                    <a:pt x="101" y="1153"/>
                  </a:cubicBezTo>
                  <a:cubicBezTo>
                    <a:pt x="176" y="1078"/>
                    <a:pt x="51" y="1028"/>
                    <a:pt x="101" y="978"/>
                  </a:cubicBezTo>
                  <a:cubicBezTo>
                    <a:pt x="101" y="927"/>
                    <a:pt x="176" y="927"/>
                    <a:pt x="227" y="927"/>
                  </a:cubicBezTo>
                  <a:cubicBezTo>
                    <a:pt x="227" y="852"/>
                    <a:pt x="327" y="852"/>
                    <a:pt x="327" y="802"/>
                  </a:cubicBezTo>
                  <a:cubicBezTo>
                    <a:pt x="377" y="752"/>
                    <a:pt x="377" y="577"/>
                    <a:pt x="452" y="526"/>
                  </a:cubicBezTo>
                  <a:lnTo>
                    <a:pt x="552" y="526"/>
                  </a:lnTo>
                  <a:cubicBezTo>
                    <a:pt x="602" y="451"/>
                    <a:pt x="678" y="526"/>
                    <a:pt x="728" y="451"/>
                  </a:cubicBezTo>
                  <a:lnTo>
                    <a:pt x="728" y="401"/>
                  </a:lnTo>
                  <a:cubicBezTo>
                    <a:pt x="728" y="351"/>
                    <a:pt x="602" y="351"/>
                    <a:pt x="602" y="351"/>
                  </a:cubicBezTo>
                  <a:lnTo>
                    <a:pt x="602" y="176"/>
                  </a:lnTo>
                  <a:cubicBezTo>
                    <a:pt x="678" y="100"/>
                    <a:pt x="728" y="50"/>
                    <a:pt x="778" y="50"/>
                  </a:cubicBezTo>
                  <a:cubicBezTo>
                    <a:pt x="828" y="50"/>
                    <a:pt x="1003" y="0"/>
                    <a:pt x="1054" y="50"/>
                  </a:cubicBezTo>
                  <a:cubicBezTo>
                    <a:pt x="1129" y="50"/>
                    <a:pt x="1179" y="226"/>
                    <a:pt x="1229" y="276"/>
                  </a:cubicBezTo>
                  <a:cubicBezTo>
                    <a:pt x="1279" y="276"/>
                    <a:pt x="1329" y="276"/>
                    <a:pt x="1329" y="351"/>
                  </a:cubicBezTo>
                  <a:cubicBezTo>
                    <a:pt x="1329" y="401"/>
                    <a:pt x="1279" y="451"/>
                    <a:pt x="1279" y="526"/>
                  </a:cubicBezTo>
                  <a:cubicBezTo>
                    <a:pt x="1279" y="577"/>
                    <a:pt x="1329" y="677"/>
                    <a:pt x="1329" y="752"/>
                  </a:cubicBezTo>
                  <a:cubicBezTo>
                    <a:pt x="1329" y="802"/>
                    <a:pt x="1229" y="852"/>
                    <a:pt x="1229" y="852"/>
                  </a:cubicBezTo>
                  <a:cubicBezTo>
                    <a:pt x="1179" y="927"/>
                    <a:pt x="1129" y="927"/>
                    <a:pt x="1054" y="852"/>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215" name="Google Shape;272;p16">
              <a:extLst>
                <a:ext uri="{FF2B5EF4-FFF2-40B4-BE49-F238E27FC236}">
                  <a16:creationId xmlns:a16="http://schemas.microsoft.com/office/drawing/2014/main" id="{594BCCAA-9119-58CF-08D1-73DD084F52D6}"/>
                </a:ext>
              </a:extLst>
            </p:cNvPr>
            <p:cNvSpPr/>
            <p:nvPr/>
          </p:nvSpPr>
          <p:spPr>
            <a:xfrm>
              <a:off x="1627779" y="3095139"/>
              <a:ext cx="37120" cy="46191"/>
            </a:xfrm>
            <a:custGeom>
              <a:avLst/>
              <a:gdLst/>
              <a:ahLst/>
              <a:cxnLst/>
              <a:rect l="l" t="t" r="r" b="b"/>
              <a:pathLst>
                <a:path w="1330" h="1655" fill="none" extrusionOk="0">
                  <a:moveTo>
                    <a:pt x="1003" y="802"/>
                  </a:moveTo>
                  <a:cubicBezTo>
                    <a:pt x="953" y="752"/>
                    <a:pt x="828" y="752"/>
                    <a:pt x="778" y="752"/>
                  </a:cubicBezTo>
                  <a:cubicBezTo>
                    <a:pt x="728" y="752"/>
                    <a:pt x="678" y="802"/>
                    <a:pt x="602" y="852"/>
                  </a:cubicBezTo>
                  <a:cubicBezTo>
                    <a:pt x="552" y="852"/>
                    <a:pt x="452" y="927"/>
                    <a:pt x="377" y="927"/>
                  </a:cubicBezTo>
                  <a:cubicBezTo>
                    <a:pt x="377" y="978"/>
                    <a:pt x="327" y="1078"/>
                    <a:pt x="377" y="1078"/>
                  </a:cubicBezTo>
                  <a:cubicBezTo>
                    <a:pt x="377" y="1153"/>
                    <a:pt x="502" y="1153"/>
                    <a:pt x="502" y="1153"/>
                  </a:cubicBezTo>
                  <a:cubicBezTo>
                    <a:pt x="552" y="1203"/>
                    <a:pt x="552" y="1379"/>
                    <a:pt x="552" y="1429"/>
                  </a:cubicBezTo>
                  <a:cubicBezTo>
                    <a:pt x="552" y="1479"/>
                    <a:pt x="502" y="1654"/>
                    <a:pt x="452" y="1654"/>
                  </a:cubicBezTo>
                  <a:cubicBezTo>
                    <a:pt x="377" y="1654"/>
                    <a:pt x="327" y="1554"/>
                    <a:pt x="277" y="1554"/>
                  </a:cubicBezTo>
                  <a:cubicBezTo>
                    <a:pt x="227" y="1554"/>
                    <a:pt x="101" y="1554"/>
                    <a:pt x="51" y="1479"/>
                  </a:cubicBezTo>
                  <a:cubicBezTo>
                    <a:pt x="1" y="1429"/>
                    <a:pt x="1" y="1329"/>
                    <a:pt x="1" y="1253"/>
                  </a:cubicBezTo>
                  <a:cubicBezTo>
                    <a:pt x="51" y="1203"/>
                    <a:pt x="101" y="1203"/>
                    <a:pt x="101" y="1153"/>
                  </a:cubicBezTo>
                  <a:cubicBezTo>
                    <a:pt x="176" y="1078"/>
                    <a:pt x="51" y="1028"/>
                    <a:pt x="101" y="978"/>
                  </a:cubicBezTo>
                  <a:cubicBezTo>
                    <a:pt x="101" y="927"/>
                    <a:pt x="176" y="927"/>
                    <a:pt x="227" y="927"/>
                  </a:cubicBezTo>
                  <a:cubicBezTo>
                    <a:pt x="227" y="852"/>
                    <a:pt x="327" y="852"/>
                    <a:pt x="327" y="802"/>
                  </a:cubicBezTo>
                  <a:cubicBezTo>
                    <a:pt x="377" y="752"/>
                    <a:pt x="377" y="577"/>
                    <a:pt x="452" y="526"/>
                  </a:cubicBezTo>
                  <a:lnTo>
                    <a:pt x="552" y="526"/>
                  </a:lnTo>
                  <a:cubicBezTo>
                    <a:pt x="602" y="451"/>
                    <a:pt x="678" y="526"/>
                    <a:pt x="728" y="451"/>
                  </a:cubicBezTo>
                  <a:lnTo>
                    <a:pt x="728" y="401"/>
                  </a:lnTo>
                  <a:cubicBezTo>
                    <a:pt x="728" y="351"/>
                    <a:pt x="602" y="351"/>
                    <a:pt x="602" y="351"/>
                  </a:cubicBezTo>
                  <a:lnTo>
                    <a:pt x="602" y="176"/>
                  </a:lnTo>
                  <a:cubicBezTo>
                    <a:pt x="678" y="100"/>
                    <a:pt x="728" y="50"/>
                    <a:pt x="778" y="50"/>
                  </a:cubicBezTo>
                  <a:cubicBezTo>
                    <a:pt x="828" y="50"/>
                    <a:pt x="1003" y="0"/>
                    <a:pt x="1054" y="50"/>
                  </a:cubicBezTo>
                  <a:cubicBezTo>
                    <a:pt x="1129" y="50"/>
                    <a:pt x="1179" y="226"/>
                    <a:pt x="1229" y="276"/>
                  </a:cubicBezTo>
                  <a:cubicBezTo>
                    <a:pt x="1279" y="276"/>
                    <a:pt x="1329" y="276"/>
                    <a:pt x="1329" y="351"/>
                  </a:cubicBezTo>
                  <a:cubicBezTo>
                    <a:pt x="1329" y="401"/>
                    <a:pt x="1279" y="451"/>
                    <a:pt x="1279" y="526"/>
                  </a:cubicBezTo>
                  <a:cubicBezTo>
                    <a:pt x="1279" y="577"/>
                    <a:pt x="1329" y="677"/>
                    <a:pt x="1329" y="752"/>
                  </a:cubicBezTo>
                  <a:cubicBezTo>
                    <a:pt x="1329" y="802"/>
                    <a:pt x="1229" y="852"/>
                    <a:pt x="1229" y="852"/>
                  </a:cubicBezTo>
                  <a:cubicBezTo>
                    <a:pt x="1179" y="927"/>
                    <a:pt x="1129" y="927"/>
                    <a:pt x="1054" y="852"/>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16" name="Google Shape;273;p16">
              <a:extLst>
                <a:ext uri="{FF2B5EF4-FFF2-40B4-BE49-F238E27FC236}">
                  <a16:creationId xmlns:a16="http://schemas.microsoft.com/office/drawing/2014/main" id="{C226DD4E-2E96-5065-DC54-825B429F471F}"/>
                </a:ext>
              </a:extLst>
            </p:cNvPr>
            <p:cNvSpPr/>
            <p:nvPr/>
          </p:nvSpPr>
          <p:spPr>
            <a:xfrm>
              <a:off x="1627779" y="3095921"/>
              <a:ext cx="37120" cy="45410"/>
            </a:xfrm>
            <a:custGeom>
              <a:avLst/>
              <a:gdLst/>
              <a:ahLst/>
              <a:cxnLst/>
              <a:rect l="l" t="t" r="r" b="b"/>
              <a:pathLst>
                <a:path w="1330" h="1627" extrusionOk="0">
                  <a:moveTo>
                    <a:pt x="971" y="0"/>
                  </a:moveTo>
                  <a:cubicBezTo>
                    <a:pt x="900" y="0"/>
                    <a:pt x="811" y="22"/>
                    <a:pt x="778" y="22"/>
                  </a:cubicBezTo>
                  <a:cubicBezTo>
                    <a:pt x="728" y="22"/>
                    <a:pt x="678" y="72"/>
                    <a:pt x="602" y="148"/>
                  </a:cubicBezTo>
                  <a:lnTo>
                    <a:pt x="602" y="323"/>
                  </a:lnTo>
                  <a:cubicBezTo>
                    <a:pt x="602" y="323"/>
                    <a:pt x="728" y="323"/>
                    <a:pt x="728" y="373"/>
                  </a:cubicBezTo>
                  <a:lnTo>
                    <a:pt x="728" y="423"/>
                  </a:lnTo>
                  <a:cubicBezTo>
                    <a:pt x="703" y="461"/>
                    <a:pt x="671" y="461"/>
                    <a:pt x="640" y="461"/>
                  </a:cubicBezTo>
                  <a:cubicBezTo>
                    <a:pt x="609" y="461"/>
                    <a:pt x="577" y="461"/>
                    <a:pt x="552" y="498"/>
                  </a:cubicBezTo>
                  <a:lnTo>
                    <a:pt x="452" y="498"/>
                  </a:lnTo>
                  <a:cubicBezTo>
                    <a:pt x="377" y="549"/>
                    <a:pt x="377" y="724"/>
                    <a:pt x="327" y="774"/>
                  </a:cubicBezTo>
                  <a:cubicBezTo>
                    <a:pt x="327" y="824"/>
                    <a:pt x="227" y="824"/>
                    <a:pt x="227" y="899"/>
                  </a:cubicBezTo>
                  <a:cubicBezTo>
                    <a:pt x="176" y="899"/>
                    <a:pt x="101" y="899"/>
                    <a:pt x="101" y="950"/>
                  </a:cubicBezTo>
                  <a:cubicBezTo>
                    <a:pt x="51" y="1000"/>
                    <a:pt x="176" y="1050"/>
                    <a:pt x="101" y="1125"/>
                  </a:cubicBezTo>
                  <a:cubicBezTo>
                    <a:pt x="101" y="1175"/>
                    <a:pt x="51" y="1175"/>
                    <a:pt x="1" y="1225"/>
                  </a:cubicBezTo>
                  <a:cubicBezTo>
                    <a:pt x="1" y="1301"/>
                    <a:pt x="1" y="1401"/>
                    <a:pt x="51" y="1451"/>
                  </a:cubicBezTo>
                  <a:cubicBezTo>
                    <a:pt x="101" y="1526"/>
                    <a:pt x="227" y="1526"/>
                    <a:pt x="277" y="1526"/>
                  </a:cubicBezTo>
                  <a:cubicBezTo>
                    <a:pt x="327" y="1526"/>
                    <a:pt x="377" y="1626"/>
                    <a:pt x="452" y="1626"/>
                  </a:cubicBezTo>
                  <a:cubicBezTo>
                    <a:pt x="502" y="1626"/>
                    <a:pt x="552" y="1451"/>
                    <a:pt x="552" y="1401"/>
                  </a:cubicBezTo>
                  <a:cubicBezTo>
                    <a:pt x="552" y="1351"/>
                    <a:pt x="552" y="1175"/>
                    <a:pt x="502" y="1125"/>
                  </a:cubicBezTo>
                  <a:cubicBezTo>
                    <a:pt x="502" y="1125"/>
                    <a:pt x="377" y="1125"/>
                    <a:pt x="377" y="1050"/>
                  </a:cubicBezTo>
                  <a:cubicBezTo>
                    <a:pt x="327" y="1050"/>
                    <a:pt x="377" y="950"/>
                    <a:pt x="377" y="899"/>
                  </a:cubicBezTo>
                  <a:cubicBezTo>
                    <a:pt x="452" y="899"/>
                    <a:pt x="552" y="824"/>
                    <a:pt x="602" y="824"/>
                  </a:cubicBezTo>
                  <a:cubicBezTo>
                    <a:pt x="678" y="774"/>
                    <a:pt x="728" y="724"/>
                    <a:pt x="778" y="724"/>
                  </a:cubicBezTo>
                  <a:cubicBezTo>
                    <a:pt x="828" y="724"/>
                    <a:pt x="953" y="724"/>
                    <a:pt x="1003" y="774"/>
                  </a:cubicBezTo>
                  <a:lnTo>
                    <a:pt x="1054" y="824"/>
                  </a:lnTo>
                  <a:cubicBezTo>
                    <a:pt x="1091" y="862"/>
                    <a:pt x="1123" y="881"/>
                    <a:pt x="1151" y="881"/>
                  </a:cubicBezTo>
                  <a:cubicBezTo>
                    <a:pt x="1179" y="881"/>
                    <a:pt x="1204" y="862"/>
                    <a:pt x="1229" y="824"/>
                  </a:cubicBezTo>
                  <a:cubicBezTo>
                    <a:pt x="1229" y="824"/>
                    <a:pt x="1329" y="774"/>
                    <a:pt x="1329" y="724"/>
                  </a:cubicBezTo>
                  <a:cubicBezTo>
                    <a:pt x="1329" y="649"/>
                    <a:pt x="1279" y="549"/>
                    <a:pt x="1279" y="498"/>
                  </a:cubicBezTo>
                  <a:cubicBezTo>
                    <a:pt x="1279" y="423"/>
                    <a:pt x="1329" y="373"/>
                    <a:pt x="1329" y="323"/>
                  </a:cubicBezTo>
                  <a:cubicBezTo>
                    <a:pt x="1329" y="248"/>
                    <a:pt x="1279" y="248"/>
                    <a:pt x="1229" y="248"/>
                  </a:cubicBezTo>
                  <a:cubicBezTo>
                    <a:pt x="1179" y="198"/>
                    <a:pt x="1129" y="22"/>
                    <a:pt x="1054" y="22"/>
                  </a:cubicBezTo>
                  <a:cubicBezTo>
                    <a:pt x="1037" y="6"/>
                    <a:pt x="1006" y="0"/>
                    <a:pt x="971" y="0"/>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217" name="Google Shape;274;p16">
              <a:extLst>
                <a:ext uri="{FF2B5EF4-FFF2-40B4-BE49-F238E27FC236}">
                  <a16:creationId xmlns:a16="http://schemas.microsoft.com/office/drawing/2014/main" id="{1E842EAE-6DAB-F3B0-E2AC-8D792826E982}"/>
                </a:ext>
              </a:extLst>
            </p:cNvPr>
            <p:cNvSpPr/>
            <p:nvPr/>
          </p:nvSpPr>
          <p:spPr>
            <a:xfrm>
              <a:off x="1627779" y="3095139"/>
              <a:ext cx="37120" cy="46191"/>
            </a:xfrm>
            <a:custGeom>
              <a:avLst/>
              <a:gdLst/>
              <a:ahLst/>
              <a:cxnLst/>
              <a:rect l="l" t="t" r="r" b="b"/>
              <a:pathLst>
                <a:path w="1330" h="1655" fill="none" extrusionOk="0">
                  <a:moveTo>
                    <a:pt x="1003" y="802"/>
                  </a:moveTo>
                  <a:cubicBezTo>
                    <a:pt x="953" y="752"/>
                    <a:pt x="828" y="752"/>
                    <a:pt x="778" y="752"/>
                  </a:cubicBezTo>
                  <a:cubicBezTo>
                    <a:pt x="728" y="752"/>
                    <a:pt x="678" y="802"/>
                    <a:pt x="602" y="852"/>
                  </a:cubicBezTo>
                  <a:cubicBezTo>
                    <a:pt x="552" y="852"/>
                    <a:pt x="452" y="927"/>
                    <a:pt x="377" y="927"/>
                  </a:cubicBezTo>
                  <a:cubicBezTo>
                    <a:pt x="377" y="978"/>
                    <a:pt x="327" y="1078"/>
                    <a:pt x="377" y="1078"/>
                  </a:cubicBezTo>
                  <a:cubicBezTo>
                    <a:pt x="377" y="1153"/>
                    <a:pt x="502" y="1153"/>
                    <a:pt x="502" y="1153"/>
                  </a:cubicBezTo>
                  <a:cubicBezTo>
                    <a:pt x="552" y="1203"/>
                    <a:pt x="552" y="1379"/>
                    <a:pt x="552" y="1429"/>
                  </a:cubicBezTo>
                  <a:cubicBezTo>
                    <a:pt x="552" y="1479"/>
                    <a:pt x="502" y="1654"/>
                    <a:pt x="452" y="1654"/>
                  </a:cubicBezTo>
                  <a:cubicBezTo>
                    <a:pt x="377" y="1654"/>
                    <a:pt x="327" y="1554"/>
                    <a:pt x="277" y="1554"/>
                  </a:cubicBezTo>
                  <a:cubicBezTo>
                    <a:pt x="227" y="1554"/>
                    <a:pt x="101" y="1554"/>
                    <a:pt x="51" y="1479"/>
                  </a:cubicBezTo>
                  <a:cubicBezTo>
                    <a:pt x="1" y="1429"/>
                    <a:pt x="1" y="1329"/>
                    <a:pt x="1" y="1253"/>
                  </a:cubicBezTo>
                  <a:cubicBezTo>
                    <a:pt x="51" y="1203"/>
                    <a:pt x="101" y="1203"/>
                    <a:pt x="101" y="1153"/>
                  </a:cubicBezTo>
                  <a:cubicBezTo>
                    <a:pt x="176" y="1078"/>
                    <a:pt x="51" y="1028"/>
                    <a:pt x="101" y="978"/>
                  </a:cubicBezTo>
                  <a:cubicBezTo>
                    <a:pt x="101" y="927"/>
                    <a:pt x="176" y="927"/>
                    <a:pt x="227" y="927"/>
                  </a:cubicBezTo>
                  <a:cubicBezTo>
                    <a:pt x="227" y="852"/>
                    <a:pt x="327" y="852"/>
                    <a:pt x="327" y="802"/>
                  </a:cubicBezTo>
                  <a:cubicBezTo>
                    <a:pt x="377" y="752"/>
                    <a:pt x="377" y="577"/>
                    <a:pt x="452" y="526"/>
                  </a:cubicBezTo>
                  <a:lnTo>
                    <a:pt x="552" y="526"/>
                  </a:lnTo>
                  <a:cubicBezTo>
                    <a:pt x="602" y="451"/>
                    <a:pt x="678" y="526"/>
                    <a:pt x="728" y="451"/>
                  </a:cubicBezTo>
                  <a:lnTo>
                    <a:pt x="728" y="401"/>
                  </a:lnTo>
                  <a:cubicBezTo>
                    <a:pt x="728" y="351"/>
                    <a:pt x="602" y="351"/>
                    <a:pt x="602" y="351"/>
                  </a:cubicBezTo>
                  <a:lnTo>
                    <a:pt x="602" y="176"/>
                  </a:lnTo>
                  <a:cubicBezTo>
                    <a:pt x="678" y="100"/>
                    <a:pt x="728" y="50"/>
                    <a:pt x="778" y="50"/>
                  </a:cubicBezTo>
                  <a:cubicBezTo>
                    <a:pt x="828" y="50"/>
                    <a:pt x="1003" y="0"/>
                    <a:pt x="1054" y="50"/>
                  </a:cubicBezTo>
                  <a:cubicBezTo>
                    <a:pt x="1129" y="50"/>
                    <a:pt x="1179" y="226"/>
                    <a:pt x="1229" y="276"/>
                  </a:cubicBezTo>
                  <a:cubicBezTo>
                    <a:pt x="1279" y="276"/>
                    <a:pt x="1329" y="276"/>
                    <a:pt x="1329" y="351"/>
                  </a:cubicBezTo>
                  <a:cubicBezTo>
                    <a:pt x="1329" y="401"/>
                    <a:pt x="1279" y="451"/>
                    <a:pt x="1279" y="526"/>
                  </a:cubicBezTo>
                  <a:cubicBezTo>
                    <a:pt x="1279" y="577"/>
                    <a:pt x="1329" y="677"/>
                    <a:pt x="1329" y="752"/>
                  </a:cubicBezTo>
                  <a:cubicBezTo>
                    <a:pt x="1329" y="802"/>
                    <a:pt x="1229" y="852"/>
                    <a:pt x="1229" y="852"/>
                  </a:cubicBezTo>
                  <a:cubicBezTo>
                    <a:pt x="1179" y="927"/>
                    <a:pt x="1129" y="927"/>
                    <a:pt x="1054" y="852"/>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18" name="Google Shape;275;p16">
              <a:extLst>
                <a:ext uri="{FF2B5EF4-FFF2-40B4-BE49-F238E27FC236}">
                  <a16:creationId xmlns:a16="http://schemas.microsoft.com/office/drawing/2014/main" id="{5091FA2C-E34A-19FF-D626-2BDE4422CC04}"/>
                </a:ext>
              </a:extLst>
            </p:cNvPr>
            <p:cNvSpPr/>
            <p:nvPr/>
          </p:nvSpPr>
          <p:spPr>
            <a:xfrm>
              <a:off x="1915977" y="3048251"/>
              <a:ext cx="10522" cy="15434"/>
            </a:xfrm>
            <a:custGeom>
              <a:avLst/>
              <a:gdLst/>
              <a:ahLst/>
              <a:cxnLst/>
              <a:rect l="l" t="t" r="r" b="b"/>
              <a:pathLst>
                <a:path w="377" h="553" extrusionOk="0">
                  <a:moveTo>
                    <a:pt x="302" y="126"/>
                  </a:moveTo>
                  <a:cubicBezTo>
                    <a:pt x="302" y="76"/>
                    <a:pt x="201" y="76"/>
                    <a:pt x="201" y="76"/>
                  </a:cubicBezTo>
                  <a:cubicBezTo>
                    <a:pt x="151" y="76"/>
                    <a:pt x="101" y="1"/>
                    <a:pt x="51" y="76"/>
                  </a:cubicBezTo>
                  <a:cubicBezTo>
                    <a:pt x="51" y="76"/>
                    <a:pt x="1" y="201"/>
                    <a:pt x="1" y="252"/>
                  </a:cubicBezTo>
                  <a:cubicBezTo>
                    <a:pt x="51" y="302"/>
                    <a:pt x="101" y="377"/>
                    <a:pt x="101" y="377"/>
                  </a:cubicBezTo>
                  <a:lnTo>
                    <a:pt x="101" y="552"/>
                  </a:lnTo>
                  <a:lnTo>
                    <a:pt x="251" y="552"/>
                  </a:lnTo>
                  <a:cubicBezTo>
                    <a:pt x="302" y="477"/>
                    <a:pt x="377" y="427"/>
                    <a:pt x="377" y="377"/>
                  </a:cubicBezTo>
                  <a:cubicBezTo>
                    <a:pt x="377" y="302"/>
                    <a:pt x="302" y="252"/>
                    <a:pt x="302" y="201"/>
                  </a:cubicBezTo>
                  <a:cubicBezTo>
                    <a:pt x="302" y="201"/>
                    <a:pt x="377" y="126"/>
                    <a:pt x="302" y="126"/>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219" name="Google Shape;276;p16">
              <a:extLst>
                <a:ext uri="{FF2B5EF4-FFF2-40B4-BE49-F238E27FC236}">
                  <a16:creationId xmlns:a16="http://schemas.microsoft.com/office/drawing/2014/main" id="{059D4BB8-037B-F9CB-934F-19EC2374B180}"/>
                </a:ext>
              </a:extLst>
            </p:cNvPr>
            <p:cNvSpPr/>
            <p:nvPr/>
          </p:nvSpPr>
          <p:spPr>
            <a:xfrm>
              <a:off x="1915977" y="3048251"/>
              <a:ext cx="10522" cy="15434"/>
            </a:xfrm>
            <a:custGeom>
              <a:avLst/>
              <a:gdLst/>
              <a:ahLst/>
              <a:cxnLst/>
              <a:rect l="l" t="t" r="r" b="b"/>
              <a:pathLst>
                <a:path w="377" h="553" fill="none" extrusionOk="0">
                  <a:moveTo>
                    <a:pt x="302" y="126"/>
                  </a:moveTo>
                  <a:cubicBezTo>
                    <a:pt x="302" y="76"/>
                    <a:pt x="201" y="76"/>
                    <a:pt x="201" y="76"/>
                  </a:cubicBezTo>
                  <a:cubicBezTo>
                    <a:pt x="151" y="76"/>
                    <a:pt x="101" y="1"/>
                    <a:pt x="51" y="76"/>
                  </a:cubicBezTo>
                  <a:cubicBezTo>
                    <a:pt x="51" y="76"/>
                    <a:pt x="1" y="201"/>
                    <a:pt x="1" y="252"/>
                  </a:cubicBezTo>
                  <a:cubicBezTo>
                    <a:pt x="51" y="302"/>
                    <a:pt x="101" y="377"/>
                    <a:pt x="101" y="377"/>
                  </a:cubicBezTo>
                  <a:lnTo>
                    <a:pt x="101" y="552"/>
                  </a:lnTo>
                  <a:lnTo>
                    <a:pt x="251" y="552"/>
                  </a:lnTo>
                  <a:cubicBezTo>
                    <a:pt x="302" y="477"/>
                    <a:pt x="377" y="427"/>
                    <a:pt x="377" y="377"/>
                  </a:cubicBezTo>
                  <a:cubicBezTo>
                    <a:pt x="377" y="302"/>
                    <a:pt x="302" y="252"/>
                    <a:pt x="302" y="201"/>
                  </a:cubicBezTo>
                  <a:cubicBezTo>
                    <a:pt x="302" y="201"/>
                    <a:pt x="377" y="126"/>
                    <a:pt x="302" y="126"/>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20" name="Google Shape;277;p16">
              <a:extLst>
                <a:ext uri="{FF2B5EF4-FFF2-40B4-BE49-F238E27FC236}">
                  <a16:creationId xmlns:a16="http://schemas.microsoft.com/office/drawing/2014/main" id="{13DAF3BD-EE2B-56CC-5E24-01952A9A391A}"/>
                </a:ext>
              </a:extLst>
            </p:cNvPr>
            <p:cNvSpPr/>
            <p:nvPr/>
          </p:nvSpPr>
          <p:spPr>
            <a:xfrm>
              <a:off x="1915977" y="3049423"/>
              <a:ext cx="10522" cy="14262"/>
            </a:xfrm>
            <a:custGeom>
              <a:avLst/>
              <a:gdLst/>
              <a:ahLst/>
              <a:cxnLst/>
              <a:rect l="l" t="t" r="r" b="b"/>
              <a:pathLst>
                <a:path w="377" h="511" extrusionOk="0">
                  <a:moveTo>
                    <a:pt x="101" y="1"/>
                  </a:moveTo>
                  <a:cubicBezTo>
                    <a:pt x="84" y="1"/>
                    <a:pt x="68" y="9"/>
                    <a:pt x="51" y="34"/>
                  </a:cubicBezTo>
                  <a:cubicBezTo>
                    <a:pt x="51" y="34"/>
                    <a:pt x="1" y="159"/>
                    <a:pt x="1" y="210"/>
                  </a:cubicBezTo>
                  <a:cubicBezTo>
                    <a:pt x="51" y="260"/>
                    <a:pt x="101" y="335"/>
                    <a:pt x="101" y="335"/>
                  </a:cubicBezTo>
                  <a:lnTo>
                    <a:pt x="101" y="510"/>
                  </a:lnTo>
                  <a:lnTo>
                    <a:pt x="251" y="510"/>
                  </a:lnTo>
                  <a:cubicBezTo>
                    <a:pt x="302" y="435"/>
                    <a:pt x="377" y="385"/>
                    <a:pt x="377" y="335"/>
                  </a:cubicBezTo>
                  <a:cubicBezTo>
                    <a:pt x="377" y="260"/>
                    <a:pt x="302" y="210"/>
                    <a:pt x="302" y="159"/>
                  </a:cubicBezTo>
                  <a:cubicBezTo>
                    <a:pt x="302" y="159"/>
                    <a:pt x="377" y="84"/>
                    <a:pt x="302" y="84"/>
                  </a:cubicBezTo>
                  <a:cubicBezTo>
                    <a:pt x="302" y="34"/>
                    <a:pt x="201" y="34"/>
                    <a:pt x="201" y="34"/>
                  </a:cubicBezTo>
                  <a:cubicBezTo>
                    <a:pt x="168" y="34"/>
                    <a:pt x="135" y="1"/>
                    <a:pt x="101" y="1"/>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221" name="Google Shape;278;p16">
              <a:extLst>
                <a:ext uri="{FF2B5EF4-FFF2-40B4-BE49-F238E27FC236}">
                  <a16:creationId xmlns:a16="http://schemas.microsoft.com/office/drawing/2014/main" id="{4022CD03-3F2D-3CE2-682E-FFD45F0EE1DE}"/>
                </a:ext>
              </a:extLst>
            </p:cNvPr>
            <p:cNvSpPr/>
            <p:nvPr/>
          </p:nvSpPr>
          <p:spPr>
            <a:xfrm>
              <a:off x="1915977" y="3048251"/>
              <a:ext cx="10522" cy="15434"/>
            </a:xfrm>
            <a:custGeom>
              <a:avLst/>
              <a:gdLst/>
              <a:ahLst/>
              <a:cxnLst/>
              <a:rect l="l" t="t" r="r" b="b"/>
              <a:pathLst>
                <a:path w="377" h="553" fill="none" extrusionOk="0">
                  <a:moveTo>
                    <a:pt x="302" y="126"/>
                  </a:moveTo>
                  <a:cubicBezTo>
                    <a:pt x="302" y="76"/>
                    <a:pt x="201" y="76"/>
                    <a:pt x="201" y="76"/>
                  </a:cubicBezTo>
                  <a:cubicBezTo>
                    <a:pt x="151" y="76"/>
                    <a:pt x="101" y="1"/>
                    <a:pt x="51" y="76"/>
                  </a:cubicBezTo>
                  <a:cubicBezTo>
                    <a:pt x="51" y="76"/>
                    <a:pt x="1" y="201"/>
                    <a:pt x="1" y="252"/>
                  </a:cubicBezTo>
                  <a:cubicBezTo>
                    <a:pt x="51" y="302"/>
                    <a:pt x="101" y="377"/>
                    <a:pt x="101" y="377"/>
                  </a:cubicBezTo>
                  <a:lnTo>
                    <a:pt x="101" y="552"/>
                  </a:lnTo>
                  <a:lnTo>
                    <a:pt x="251" y="552"/>
                  </a:lnTo>
                  <a:cubicBezTo>
                    <a:pt x="302" y="477"/>
                    <a:pt x="377" y="427"/>
                    <a:pt x="377" y="377"/>
                  </a:cubicBezTo>
                  <a:cubicBezTo>
                    <a:pt x="377" y="302"/>
                    <a:pt x="302" y="252"/>
                    <a:pt x="302" y="201"/>
                  </a:cubicBezTo>
                  <a:cubicBezTo>
                    <a:pt x="302" y="201"/>
                    <a:pt x="377" y="126"/>
                    <a:pt x="302" y="126"/>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22" name="Google Shape;279;p16">
              <a:extLst>
                <a:ext uri="{FF2B5EF4-FFF2-40B4-BE49-F238E27FC236}">
                  <a16:creationId xmlns:a16="http://schemas.microsoft.com/office/drawing/2014/main" id="{35454688-6A99-4F6A-86F5-47F53FB09A72}"/>
                </a:ext>
              </a:extLst>
            </p:cNvPr>
            <p:cNvSpPr/>
            <p:nvPr/>
          </p:nvSpPr>
          <p:spPr>
            <a:xfrm>
              <a:off x="1930686" y="3046855"/>
              <a:ext cx="14709" cy="22412"/>
            </a:xfrm>
            <a:custGeom>
              <a:avLst/>
              <a:gdLst/>
              <a:ahLst/>
              <a:cxnLst/>
              <a:rect l="l" t="t" r="r" b="b"/>
              <a:pathLst>
                <a:path w="527" h="803" extrusionOk="0">
                  <a:moveTo>
                    <a:pt x="151" y="452"/>
                  </a:moveTo>
                  <a:cubicBezTo>
                    <a:pt x="226" y="377"/>
                    <a:pt x="151" y="327"/>
                    <a:pt x="226" y="251"/>
                  </a:cubicBezTo>
                  <a:cubicBezTo>
                    <a:pt x="226" y="251"/>
                    <a:pt x="276" y="251"/>
                    <a:pt x="276" y="201"/>
                  </a:cubicBezTo>
                  <a:cubicBezTo>
                    <a:pt x="326" y="201"/>
                    <a:pt x="276" y="76"/>
                    <a:pt x="326" y="76"/>
                  </a:cubicBezTo>
                  <a:cubicBezTo>
                    <a:pt x="326" y="1"/>
                    <a:pt x="376" y="1"/>
                    <a:pt x="426" y="1"/>
                  </a:cubicBezTo>
                  <a:cubicBezTo>
                    <a:pt x="426" y="76"/>
                    <a:pt x="476" y="126"/>
                    <a:pt x="476" y="201"/>
                  </a:cubicBezTo>
                  <a:lnTo>
                    <a:pt x="426" y="327"/>
                  </a:lnTo>
                  <a:cubicBezTo>
                    <a:pt x="426" y="377"/>
                    <a:pt x="526" y="452"/>
                    <a:pt x="526" y="452"/>
                  </a:cubicBezTo>
                  <a:cubicBezTo>
                    <a:pt x="526" y="502"/>
                    <a:pt x="426" y="627"/>
                    <a:pt x="376" y="703"/>
                  </a:cubicBezTo>
                  <a:cubicBezTo>
                    <a:pt x="376" y="703"/>
                    <a:pt x="376" y="753"/>
                    <a:pt x="326" y="803"/>
                  </a:cubicBezTo>
                  <a:lnTo>
                    <a:pt x="151" y="803"/>
                  </a:lnTo>
                  <a:cubicBezTo>
                    <a:pt x="151" y="753"/>
                    <a:pt x="50" y="753"/>
                    <a:pt x="0" y="703"/>
                  </a:cubicBezTo>
                  <a:cubicBezTo>
                    <a:pt x="0" y="627"/>
                    <a:pt x="0" y="577"/>
                    <a:pt x="50" y="502"/>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223" name="Google Shape;280;p16">
              <a:extLst>
                <a:ext uri="{FF2B5EF4-FFF2-40B4-BE49-F238E27FC236}">
                  <a16:creationId xmlns:a16="http://schemas.microsoft.com/office/drawing/2014/main" id="{0D0AEA9D-5117-4FD7-4401-8180E427A576}"/>
                </a:ext>
              </a:extLst>
            </p:cNvPr>
            <p:cNvSpPr/>
            <p:nvPr/>
          </p:nvSpPr>
          <p:spPr>
            <a:xfrm>
              <a:off x="1930686" y="3046855"/>
              <a:ext cx="14709" cy="22412"/>
            </a:xfrm>
            <a:custGeom>
              <a:avLst/>
              <a:gdLst/>
              <a:ahLst/>
              <a:cxnLst/>
              <a:rect l="l" t="t" r="r" b="b"/>
              <a:pathLst>
                <a:path w="527" h="803" fill="none" extrusionOk="0">
                  <a:moveTo>
                    <a:pt x="151" y="452"/>
                  </a:moveTo>
                  <a:cubicBezTo>
                    <a:pt x="226" y="377"/>
                    <a:pt x="151" y="327"/>
                    <a:pt x="226" y="251"/>
                  </a:cubicBezTo>
                  <a:cubicBezTo>
                    <a:pt x="226" y="251"/>
                    <a:pt x="276" y="251"/>
                    <a:pt x="276" y="201"/>
                  </a:cubicBezTo>
                  <a:cubicBezTo>
                    <a:pt x="326" y="201"/>
                    <a:pt x="276" y="76"/>
                    <a:pt x="326" y="76"/>
                  </a:cubicBezTo>
                  <a:cubicBezTo>
                    <a:pt x="326" y="1"/>
                    <a:pt x="376" y="1"/>
                    <a:pt x="426" y="1"/>
                  </a:cubicBezTo>
                  <a:cubicBezTo>
                    <a:pt x="426" y="76"/>
                    <a:pt x="476" y="126"/>
                    <a:pt x="476" y="201"/>
                  </a:cubicBezTo>
                  <a:lnTo>
                    <a:pt x="426" y="327"/>
                  </a:lnTo>
                  <a:cubicBezTo>
                    <a:pt x="426" y="377"/>
                    <a:pt x="526" y="452"/>
                    <a:pt x="526" y="452"/>
                  </a:cubicBezTo>
                  <a:cubicBezTo>
                    <a:pt x="526" y="502"/>
                    <a:pt x="426" y="627"/>
                    <a:pt x="376" y="703"/>
                  </a:cubicBezTo>
                  <a:cubicBezTo>
                    <a:pt x="376" y="703"/>
                    <a:pt x="376" y="753"/>
                    <a:pt x="326" y="803"/>
                  </a:cubicBezTo>
                  <a:lnTo>
                    <a:pt x="151" y="803"/>
                  </a:lnTo>
                  <a:cubicBezTo>
                    <a:pt x="151" y="753"/>
                    <a:pt x="50" y="753"/>
                    <a:pt x="0" y="703"/>
                  </a:cubicBezTo>
                  <a:cubicBezTo>
                    <a:pt x="0" y="627"/>
                    <a:pt x="0" y="577"/>
                    <a:pt x="50" y="502"/>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24" name="Google Shape;281;p16">
              <a:extLst>
                <a:ext uri="{FF2B5EF4-FFF2-40B4-BE49-F238E27FC236}">
                  <a16:creationId xmlns:a16="http://schemas.microsoft.com/office/drawing/2014/main" id="{CBE9759A-409F-83FC-EDC0-1BAA91395F1D}"/>
                </a:ext>
              </a:extLst>
            </p:cNvPr>
            <p:cNvSpPr/>
            <p:nvPr/>
          </p:nvSpPr>
          <p:spPr>
            <a:xfrm>
              <a:off x="1930686" y="3046855"/>
              <a:ext cx="14709" cy="22412"/>
            </a:xfrm>
            <a:custGeom>
              <a:avLst/>
              <a:gdLst/>
              <a:ahLst/>
              <a:cxnLst/>
              <a:rect l="l" t="t" r="r" b="b"/>
              <a:pathLst>
                <a:path w="527" h="803" extrusionOk="0">
                  <a:moveTo>
                    <a:pt x="426" y="1"/>
                  </a:moveTo>
                  <a:cubicBezTo>
                    <a:pt x="376" y="1"/>
                    <a:pt x="326" y="1"/>
                    <a:pt x="326" y="76"/>
                  </a:cubicBezTo>
                  <a:cubicBezTo>
                    <a:pt x="276" y="76"/>
                    <a:pt x="326" y="201"/>
                    <a:pt x="276" y="201"/>
                  </a:cubicBezTo>
                  <a:cubicBezTo>
                    <a:pt x="276" y="251"/>
                    <a:pt x="226" y="251"/>
                    <a:pt x="226" y="251"/>
                  </a:cubicBezTo>
                  <a:cubicBezTo>
                    <a:pt x="151" y="327"/>
                    <a:pt x="226" y="377"/>
                    <a:pt x="151" y="452"/>
                  </a:cubicBezTo>
                  <a:lnTo>
                    <a:pt x="50" y="502"/>
                  </a:lnTo>
                  <a:cubicBezTo>
                    <a:pt x="0" y="577"/>
                    <a:pt x="0" y="627"/>
                    <a:pt x="0" y="703"/>
                  </a:cubicBezTo>
                  <a:cubicBezTo>
                    <a:pt x="50" y="753"/>
                    <a:pt x="151" y="753"/>
                    <a:pt x="151" y="803"/>
                  </a:cubicBezTo>
                  <a:lnTo>
                    <a:pt x="326" y="803"/>
                  </a:lnTo>
                  <a:cubicBezTo>
                    <a:pt x="376" y="753"/>
                    <a:pt x="376" y="703"/>
                    <a:pt x="376" y="703"/>
                  </a:cubicBezTo>
                  <a:cubicBezTo>
                    <a:pt x="426" y="627"/>
                    <a:pt x="526" y="502"/>
                    <a:pt x="526" y="452"/>
                  </a:cubicBezTo>
                  <a:cubicBezTo>
                    <a:pt x="526" y="452"/>
                    <a:pt x="426" y="377"/>
                    <a:pt x="426" y="327"/>
                  </a:cubicBezTo>
                  <a:lnTo>
                    <a:pt x="476" y="201"/>
                  </a:lnTo>
                  <a:cubicBezTo>
                    <a:pt x="476" y="126"/>
                    <a:pt x="426" y="76"/>
                    <a:pt x="426" y="1"/>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225" name="Google Shape;282;p16">
              <a:extLst>
                <a:ext uri="{FF2B5EF4-FFF2-40B4-BE49-F238E27FC236}">
                  <a16:creationId xmlns:a16="http://schemas.microsoft.com/office/drawing/2014/main" id="{E98E6CC1-DE30-6779-279B-13BCF9D16167}"/>
                </a:ext>
              </a:extLst>
            </p:cNvPr>
            <p:cNvSpPr/>
            <p:nvPr/>
          </p:nvSpPr>
          <p:spPr>
            <a:xfrm>
              <a:off x="1930686" y="3046855"/>
              <a:ext cx="14709" cy="22412"/>
            </a:xfrm>
            <a:custGeom>
              <a:avLst/>
              <a:gdLst/>
              <a:ahLst/>
              <a:cxnLst/>
              <a:rect l="l" t="t" r="r" b="b"/>
              <a:pathLst>
                <a:path w="527" h="803" fill="none" extrusionOk="0">
                  <a:moveTo>
                    <a:pt x="151" y="452"/>
                  </a:moveTo>
                  <a:cubicBezTo>
                    <a:pt x="226" y="377"/>
                    <a:pt x="151" y="327"/>
                    <a:pt x="226" y="251"/>
                  </a:cubicBezTo>
                  <a:cubicBezTo>
                    <a:pt x="226" y="251"/>
                    <a:pt x="276" y="251"/>
                    <a:pt x="276" y="201"/>
                  </a:cubicBezTo>
                  <a:cubicBezTo>
                    <a:pt x="326" y="201"/>
                    <a:pt x="276" y="76"/>
                    <a:pt x="326" y="76"/>
                  </a:cubicBezTo>
                  <a:cubicBezTo>
                    <a:pt x="326" y="1"/>
                    <a:pt x="376" y="1"/>
                    <a:pt x="426" y="1"/>
                  </a:cubicBezTo>
                  <a:cubicBezTo>
                    <a:pt x="426" y="76"/>
                    <a:pt x="476" y="126"/>
                    <a:pt x="476" y="201"/>
                  </a:cubicBezTo>
                  <a:lnTo>
                    <a:pt x="426" y="327"/>
                  </a:lnTo>
                  <a:cubicBezTo>
                    <a:pt x="426" y="377"/>
                    <a:pt x="526" y="452"/>
                    <a:pt x="526" y="452"/>
                  </a:cubicBezTo>
                  <a:cubicBezTo>
                    <a:pt x="526" y="502"/>
                    <a:pt x="426" y="627"/>
                    <a:pt x="376" y="703"/>
                  </a:cubicBezTo>
                  <a:cubicBezTo>
                    <a:pt x="376" y="703"/>
                    <a:pt x="376" y="753"/>
                    <a:pt x="326" y="803"/>
                  </a:cubicBezTo>
                  <a:lnTo>
                    <a:pt x="151" y="803"/>
                  </a:lnTo>
                  <a:cubicBezTo>
                    <a:pt x="151" y="753"/>
                    <a:pt x="50" y="753"/>
                    <a:pt x="0" y="703"/>
                  </a:cubicBezTo>
                  <a:cubicBezTo>
                    <a:pt x="0" y="627"/>
                    <a:pt x="0" y="577"/>
                    <a:pt x="50" y="502"/>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26" name="Google Shape;283;p16">
              <a:extLst>
                <a:ext uri="{FF2B5EF4-FFF2-40B4-BE49-F238E27FC236}">
                  <a16:creationId xmlns:a16="http://schemas.microsoft.com/office/drawing/2014/main" id="{377AFBDE-D6CC-0B94-E917-5079DD1EB2F2}"/>
                </a:ext>
              </a:extLst>
            </p:cNvPr>
            <p:cNvSpPr/>
            <p:nvPr/>
          </p:nvSpPr>
          <p:spPr>
            <a:xfrm>
              <a:off x="1945366" y="3055954"/>
              <a:ext cx="12615" cy="22412"/>
            </a:xfrm>
            <a:custGeom>
              <a:avLst/>
              <a:gdLst/>
              <a:ahLst/>
              <a:cxnLst/>
              <a:rect l="l" t="t" r="r" b="b"/>
              <a:pathLst>
                <a:path w="452" h="803" extrusionOk="0">
                  <a:moveTo>
                    <a:pt x="326" y="753"/>
                  </a:moveTo>
                  <a:cubicBezTo>
                    <a:pt x="376" y="702"/>
                    <a:pt x="326" y="602"/>
                    <a:pt x="326" y="552"/>
                  </a:cubicBezTo>
                  <a:cubicBezTo>
                    <a:pt x="326" y="477"/>
                    <a:pt x="376" y="427"/>
                    <a:pt x="452" y="377"/>
                  </a:cubicBezTo>
                  <a:lnTo>
                    <a:pt x="452" y="176"/>
                  </a:lnTo>
                  <a:lnTo>
                    <a:pt x="376" y="51"/>
                  </a:lnTo>
                  <a:cubicBezTo>
                    <a:pt x="326" y="1"/>
                    <a:pt x="201" y="51"/>
                    <a:pt x="126" y="101"/>
                  </a:cubicBezTo>
                  <a:lnTo>
                    <a:pt x="126" y="276"/>
                  </a:lnTo>
                  <a:cubicBezTo>
                    <a:pt x="126" y="326"/>
                    <a:pt x="76" y="377"/>
                    <a:pt x="0" y="377"/>
                  </a:cubicBezTo>
                  <a:lnTo>
                    <a:pt x="0" y="552"/>
                  </a:lnTo>
                  <a:cubicBezTo>
                    <a:pt x="0" y="602"/>
                    <a:pt x="126" y="652"/>
                    <a:pt x="126" y="702"/>
                  </a:cubicBezTo>
                  <a:cubicBezTo>
                    <a:pt x="201" y="702"/>
                    <a:pt x="201" y="803"/>
                    <a:pt x="201" y="803"/>
                  </a:cubicBezTo>
                  <a:cubicBezTo>
                    <a:pt x="251" y="803"/>
                    <a:pt x="326" y="753"/>
                    <a:pt x="326" y="753"/>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227" name="Google Shape;284;p16">
              <a:extLst>
                <a:ext uri="{FF2B5EF4-FFF2-40B4-BE49-F238E27FC236}">
                  <a16:creationId xmlns:a16="http://schemas.microsoft.com/office/drawing/2014/main" id="{2654F539-0E97-E743-0951-C9A84B6BE733}"/>
                </a:ext>
              </a:extLst>
            </p:cNvPr>
            <p:cNvSpPr/>
            <p:nvPr/>
          </p:nvSpPr>
          <p:spPr>
            <a:xfrm>
              <a:off x="1945366" y="3055954"/>
              <a:ext cx="12615" cy="22412"/>
            </a:xfrm>
            <a:custGeom>
              <a:avLst/>
              <a:gdLst/>
              <a:ahLst/>
              <a:cxnLst/>
              <a:rect l="l" t="t" r="r" b="b"/>
              <a:pathLst>
                <a:path w="452" h="803" fill="none" extrusionOk="0">
                  <a:moveTo>
                    <a:pt x="326" y="753"/>
                  </a:moveTo>
                  <a:cubicBezTo>
                    <a:pt x="376" y="702"/>
                    <a:pt x="326" y="602"/>
                    <a:pt x="326" y="552"/>
                  </a:cubicBezTo>
                  <a:cubicBezTo>
                    <a:pt x="326" y="477"/>
                    <a:pt x="376" y="427"/>
                    <a:pt x="452" y="377"/>
                  </a:cubicBezTo>
                  <a:lnTo>
                    <a:pt x="452" y="176"/>
                  </a:lnTo>
                  <a:lnTo>
                    <a:pt x="376" y="51"/>
                  </a:lnTo>
                  <a:cubicBezTo>
                    <a:pt x="326" y="1"/>
                    <a:pt x="201" y="51"/>
                    <a:pt x="126" y="101"/>
                  </a:cubicBezTo>
                  <a:lnTo>
                    <a:pt x="126" y="276"/>
                  </a:lnTo>
                  <a:cubicBezTo>
                    <a:pt x="126" y="326"/>
                    <a:pt x="76" y="377"/>
                    <a:pt x="0" y="377"/>
                  </a:cubicBezTo>
                  <a:lnTo>
                    <a:pt x="0" y="552"/>
                  </a:lnTo>
                  <a:cubicBezTo>
                    <a:pt x="0" y="602"/>
                    <a:pt x="126" y="652"/>
                    <a:pt x="126" y="702"/>
                  </a:cubicBezTo>
                  <a:cubicBezTo>
                    <a:pt x="201" y="702"/>
                    <a:pt x="201" y="803"/>
                    <a:pt x="201" y="803"/>
                  </a:cubicBezTo>
                  <a:cubicBezTo>
                    <a:pt x="251" y="803"/>
                    <a:pt x="326" y="753"/>
                    <a:pt x="326" y="753"/>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28" name="Google Shape;285;p16">
              <a:extLst>
                <a:ext uri="{FF2B5EF4-FFF2-40B4-BE49-F238E27FC236}">
                  <a16:creationId xmlns:a16="http://schemas.microsoft.com/office/drawing/2014/main" id="{B158B84C-88E0-37E0-B3A3-32DBD533AA69}"/>
                </a:ext>
              </a:extLst>
            </p:cNvPr>
            <p:cNvSpPr/>
            <p:nvPr/>
          </p:nvSpPr>
          <p:spPr>
            <a:xfrm>
              <a:off x="1945366" y="3056791"/>
              <a:ext cx="12615" cy="21574"/>
            </a:xfrm>
            <a:custGeom>
              <a:avLst/>
              <a:gdLst/>
              <a:ahLst/>
              <a:cxnLst/>
              <a:rect l="l" t="t" r="r" b="b"/>
              <a:pathLst>
                <a:path w="452" h="773" extrusionOk="0">
                  <a:moveTo>
                    <a:pt x="316" y="0"/>
                  </a:moveTo>
                  <a:cubicBezTo>
                    <a:pt x="257" y="0"/>
                    <a:pt x="179" y="35"/>
                    <a:pt x="126" y="71"/>
                  </a:cubicBezTo>
                  <a:lnTo>
                    <a:pt x="126" y="246"/>
                  </a:lnTo>
                  <a:cubicBezTo>
                    <a:pt x="126" y="296"/>
                    <a:pt x="76" y="347"/>
                    <a:pt x="0" y="347"/>
                  </a:cubicBezTo>
                  <a:lnTo>
                    <a:pt x="0" y="522"/>
                  </a:lnTo>
                  <a:cubicBezTo>
                    <a:pt x="0" y="572"/>
                    <a:pt x="126" y="622"/>
                    <a:pt x="126" y="672"/>
                  </a:cubicBezTo>
                  <a:cubicBezTo>
                    <a:pt x="201" y="672"/>
                    <a:pt x="201" y="773"/>
                    <a:pt x="201" y="773"/>
                  </a:cubicBezTo>
                  <a:cubicBezTo>
                    <a:pt x="251" y="773"/>
                    <a:pt x="326" y="723"/>
                    <a:pt x="326" y="723"/>
                  </a:cubicBezTo>
                  <a:cubicBezTo>
                    <a:pt x="376" y="672"/>
                    <a:pt x="326" y="572"/>
                    <a:pt x="326" y="522"/>
                  </a:cubicBezTo>
                  <a:cubicBezTo>
                    <a:pt x="326" y="447"/>
                    <a:pt x="376" y="397"/>
                    <a:pt x="452" y="347"/>
                  </a:cubicBezTo>
                  <a:lnTo>
                    <a:pt x="452" y="146"/>
                  </a:lnTo>
                  <a:lnTo>
                    <a:pt x="376" y="21"/>
                  </a:lnTo>
                  <a:cubicBezTo>
                    <a:pt x="362" y="6"/>
                    <a:pt x="341" y="0"/>
                    <a:pt x="316" y="0"/>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229" name="Google Shape;286;p16">
              <a:extLst>
                <a:ext uri="{FF2B5EF4-FFF2-40B4-BE49-F238E27FC236}">
                  <a16:creationId xmlns:a16="http://schemas.microsoft.com/office/drawing/2014/main" id="{1578ED21-B37A-1602-75EE-4F836DF6517D}"/>
                </a:ext>
              </a:extLst>
            </p:cNvPr>
            <p:cNvSpPr/>
            <p:nvPr/>
          </p:nvSpPr>
          <p:spPr>
            <a:xfrm>
              <a:off x="1945366" y="3055954"/>
              <a:ext cx="12615" cy="22412"/>
            </a:xfrm>
            <a:custGeom>
              <a:avLst/>
              <a:gdLst/>
              <a:ahLst/>
              <a:cxnLst/>
              <a:rect l="l" t="t" r="r" b="b"/>
              <a:pathLst>
                <a:path w="452" h="803" fill="none" extrusionOk="0">
                  <a:moveTo>
                    <a:pt x="326" y="753"/>
                  </a:moveTo>
                  <a:cubicBezTo>
                    <a:pt x="376" y="702"/>
                    <a:pt x="326" y="602"/>
                    <a:pt x="326" y="552"/>
                  </a:cubicBezTo>
                  <a:cubicBezTo>
                    <a:pt x="326" y="477"/>
                    <a:pt x="376" y="427"/>
                    <a:pt x="452" y="377"/>
                  </a:cubicBezTo>
                  <a:lnTo>
                    <a:pt x="452" y="176"/>
                  </a:lnTo>
                  <a:lnTo>
                    <a:pt x="376" y="51"/>
                  </a:lnTo>
                  <a:cubicBezTo>
                    <a:pt x="326" y="1"/>
                    <a:pt x="201" y="51"/>
                    <a:pt x="126" y="101"/>
                  </a:cubicBezTo>
                  <a:lnTo>
                    <a:pt x="126" y="276"/>
                  </a:lnTo>
                  <a:cubicBezTo>
                    <a:pt x="126" y="326"/>
                    <a:pt x="76" y="377"/>
                    <a:pt x="0" y="377"/>
                  </a:cubicBezTo>
                  <a:lnTo>
                    <a:pt x="0" y="552"/>
                  </a:lnTo>
                  <a:cubicBezTo>
                    <a:pt x="0" y="602"/>
                    <a:pt x="126" y="652"/>
                    <a:pt x="126" y="702"/>
                  </a:cubicBezTo>
                  <a:cubicBezTo>
                    <a:pt x="201" y="702"/>
                    <a:pt x="201" y="803"/>
                    <a:pt x="201" y="803"/>
                  </a:cubicBezTo>
                  <a:cubicBezTo>
                    <a:pt x="251" y="803"/>
                    <a:pt x="326" y="753"/>
                    <a:pt x="326" y="753"/>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30" name="Google Shape;287;p16">
              <a:extLst>
                <a:ext uri="{FF2B5EF4-FFF2-40B4-BE49-F238E27FC236}">
                  <a16:creationId xmlns:a16="http://schemas.microsoft.com/office/drawing/2014/main" id="{0F62D204-3BF4-0F56-E1C7-1EF958165EF3}"/>
                </a:ext>
              </a:extLst>
            </p:cNvPr>
            <p:cNvSpPr/>
            <p:nvPr/>
          </p:nvSpPr>
          <p:spPr>
            <a:xfrm>
              <a:off x="2013216" y="3165780"/>
              <a:ext cx="11918" cy="9127"/>
            </a:xfrm>
            <a:custGeom>
              <a:avLst/>
              <a:gdLst/>
              <a:ahLst/>
              <a:cxnLst/>
              <a:rect l="l" t="t" r="r" b="b"/>
              <a:pathLst>
                <a:path w="427" h="327" extrusionOk="0">
                  <a:moveTo>
                    <a:pt x="276" y="226"/>
                  </a:moveTo>
                  <a:cubicBezTo>
                    <a:pt x="276" y="176"/>
                    <a:pt x="377" y="176"/>
                    <a:pt x="377" y="176"/>
                  </a:cubicBezTo>
                  <a:cubicBezTo>
                    <a:pt x="377" y="126"/>
                    <a:pt x="427" y="51"/>
                    <a:pt x="377" y="1"/>
                  </a:cubicBezTo>
                  <a:lnTo>
                    <a:pt x="276" y="1"/>
                  </a:lnTo>
                  <a:cubicBezTo>
                    <a:pt x="201" y="51"/>
                    <a:pt x="201" y="76"/>
                    <a:pt x="151" y="76"/>
                  </a:cubicBezTo>
                  <a:cubicBezTo>
                    <a:pt x="151" y="76"/>
                    <a:pt x="51" y="126"/>
                    <a:pt x="51" y="176"/>
                  </a:cubicBezTo>
                  <a:cubicBezTo>
                    <a:pt x="51" y="176"/>
                    <a:pt x="1" y="226"/>
                    <a:pt x="1" y="276"/>
                  </a:cubicBezTo>
                  <a:cubicBezTo>
                    <a:pt x="1" y="326"/>
                    <a:pt x="51" y="326"/>
                    <a:pt x="101" y="326"/>
                  </a:cubicBezTo>
                  <a:cubicBezTo>
                    <a:pt x="101" y="326"/>
                    <a:pt x="151" y="326"/>
                    <a:pt x="201" y="276"/>
                  </a:cubicBezTo>
                  <a:cubicBezTo>
                    <a:pt x="201" y="276"/>
                    <a:pt x="201" y="226"/>
                    <a:pt x="276" y="226"/>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231" name="Google Shape;288;p16">
              <a:extLst>
                <a:ext uri="{FF2B5EF4-FFF2-40B4-BE49-F238E27FC236}">
                  <a16:creationId xmlns:a16="http://schemas.microsoft.com/office/drawing/2014/main" id="{5F5E91B6-3F46-880C-A81E-7F59AD389E0B}"/>
                </a:ext>
              </a:extLst>
            </p:cNvPr>
            <p:cNvSpPr/>
            <p:nvPr/>
          </p:nvSpPr>
          <p:spPr>
            <a:xfrm>
              <a:off x="2013216" y="3165780"/>
              <a:ext cx="11918" cy="9127"/>
            </a:xfrm>
            <a:custGeom>
              <a:avLst/>
              <a:gdLst/>
              <a:ahLst/>
              <a:cxnLst/>
              <a:rect l="l" t="t" r="r" b="b"/>
              <a:pathLst>
                <a:path w="427" h="327" fill="none" extrusionOk="0">
                  <a:moveTo>
                    <a:pt x="276" y="226"/>
                  </a:moveTo>
                  <a:cubicBezTo>
                    <a:pt x="276" y="176"/>
                    <a:pt x="377" y="176"/>
                    <a:pt x="377" y="176"/>
                  </a:cubicBezTo>
                  <a:cubicBezTo>
                    <a:pt x="377" y="126"/>
                    <a:pt x="427" y="51"/>
                    <a:pt x="377" y="1"/>
                  </a:cubicBezTo>
                  <a:lnTo>
                    <a:pt x="276" y="1"/>
                  </a:lnTo>
                  <a:cubicBezTo>
                    <a:pt x="201" y="51"/>
                    <a:pt x="201" y="76"/>
                    <a:pt x="151" y="76"/>
                  </a:cubicBezTo>
                  <a:cubicBezTo>
                    <a:pt x="151" y="76"/>
                    <a:pt x="51" y="126"/>
                    <a:pt x="51" y="176"/>
                  </a:cubicBezTo>
                  <a:cubicBezTo>
                    <a:pt x="51" y="176"/>
                    <a:pt x="1" y="226"/>
                    <a:pt x="1" y="276"/>
                  </a:cubicBezTo>
                  <a:cubicBezTo>
                    <a:pt x="1" y="326"/>
                    <a:pt x="51" y="326"/>
                    <a:pt x="101" y="326"/>
                  </a:cubicBezTo>
                  <a:cubicBezTo>
                    <a:pt x="101" y="326"/>
                    <a:pt x="151" y="326"/>
                    <a:pt x="201" y="276"/>
                  </a:cubicBezTo>
                  <a:cubicBezTo>
                    <a:pt x="201" y="276"/>
                    <a:pt x="201" y="226"/>
                    <a:pt x="276" y="226"/>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32" name="Google Shape;289;p16">
              <a:extLst>
                <a:ext uri="{FF2B5EF4-FFF2-40B4-BE49-F238E27FC236}">
                  <a16:creationId xmlns:a16="http://schemas.microsoft.com/office/drawing/2014/main" id="{605556F3-D6DE-283C-063A-7AB8CA07868F}"/>
                </a:ext>
              </a:extLst>
            </p:cNvPr>
            <p:cNvSpPr/>
            <p:nvPr/>
          </p:nvSpPr>
          <p:spPr>
            <a:xfrm>
              <a:off x="2013216" y="3165780"/>
              <a:ext cx="11918" cy="9127"/>
            </a:xfrm>
            <a:custGeom>
              <a:avLst/>
              <a:gdLst/>
              <a:ahLst/>
              <a:cxnLst/>
              <a:rect l="l" t="t" r="r" b="b"/>
              <a:pathLst>
                <a:path w="427" h="327" extrusionOk="0">
                  <a:moveTo>
                    <a:pt x="276" y="1"/>
                  </a:moveTo>
                  <a:cubicBezTo>
                    <a:pt x="201" y="51"/>
                    <a:pt x="201" y="76"/>
                    <a:pt x="151" y="76"/>
                  </a:cubicBezTo>
                  <a:cubicBezTo>
                    <a:pt x="151" y="76"/>
                    <a:pt x="51" y="126"/>
                    <a:pt x="51" y="176"/>
                  </a:cubicBezTo>
                  <a:cubicBezTo>
                    <a:pt x="51" y="176"/>
                    <a:pt x="1" y="226"/>
                    <a:pt x="1" y="276"/>
                  </a:cubicBezTo>
                  <a:cubicBezTo>
                    <a:pt x="1" y="326"/>
                    <a:pt x="51" y="326"/>
                    <a:pt x="101" y="326"/>
                  </a:cubicBezTo>
                  <a:cubicBezTo>
                    <a:pt x="101" y="326"/>
                    <a:pt x="151" y="326"/>
                    <a:pt x="201" y="276"/>
                  </a:cubicBezTo>
                  <a:cubicBezTo>
                    <a:pt x="201" y="276"/>
                    <a:pt x="201" y="226"/>
                    <a:pt x="276" y="226"/>
                  </a:cubicBezTo>
                  <a:cubicBezTo>
                    <a:pt x="276" y="176"/>
                    <a:pt x="377" y="176"/>
                    <a:pt x="377" y="176"/>
                  </a:cubicBezTo>
                  <a:cubicBezTo>
                    <a:pt x="377" y="126"/>
                    <a:pt x="427" y="51"/>
                    <a:pt x="377" y="1"/>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233" name="Google Shape;290;p16">
              <a:extLst>
                <a:ext uri="{FF2B5EF4-FFF2-40B4-BE49-F238E27FC236}">
                  <a16:creationId xmlns:a16="http://schemas.microsoft.com/office/drawing/2014/main" id="{806D23CC-1E84-75EB-F18E-593796429141}"/>
                </a:ext>
              </a:extLst>
            </p:cNvPr>
            <p:cNvSpPr/>
            <p:nvPr/>
          </p:nvSpPr>
          <p:spPr>
            <a:xfrm>
              <a:off x="2013216" y="3165780"/>
              <a:ext cx="11918" cy="9127"/>
            </a:xfrm>
            <a:custGeom>
              <a:avLst/>
              <a:gdLst/>
              <a:ahLst/>
              <a:cxnLst/>
              <a:rect l="l" t="t" r="r" b="b"/>
              <a:pathLst>
                <a:path w="427" h="327" fill="none" extrusionOk="0">
                  <a:moveTo>
                    <a:pt x="276" y="226"/>
                  </a:moveTo>
                  <a:cubicBezTo>
                    <a:pt x="276" y="176"/>
                    <a:pt x="377" y="176"/>
                    <a:pt x="377" y="176"/>
                  </a:cubicBezTo>
                  <a:cubicBezTo>
                    <a:pt x="377" y="126"/>
                    <a:pt x="427" y="51"/>
                    <a:pt x="377" y="1"/>
                  </a:cubicBezTo>
                  <a:lnTo>
                    <a:pt x="276" y="1"/>
                  </a:lnTo>
                  <a:cubicBezTo>
                    <a:pt x="201" y="51"/>
                    <a:pt x="201" y="76"/>
                    <a:pt x="151" y="76"/>
                  </a:cubicBezTo>
                  <a:cubicBezTo>
                    <a:pt x="151" y="76"/>
                    <a:pt x="51" y="126"/>
                    <a:pt x="51" y="176"/>
                  </a:cubicBezTo>
                  <a:cubicBezTo>
                    <a:pt x="51" y="176"/>
                    <a:pt x="1" y="226"/>
                    <a:pt x="1" y="276"/>
                  </a:cubicBezTo>
                  <a:cubicBezTo>
                    <a:pt x="1" y="326"/>
                    <a:pt x="51" y="326"/>
                    <a:pt x="101" y="326"/>
                  </a:cubicBezTo>
                  <a:cubicBezTo>
                    <a:pt x="101" y="326"/>
                    <a:pt x="151" y="326"/>
                    <a:pt x="201" y="276"/>
                  </a:cubicBezTo>
                  <a:cubicBezTo>
                    <a:pt x="201" y="276"/>
                    <a:pt x="201" y="226"/>
                    <a:pt x="276" y="226"/>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34" name="Google Shape;291;p16">
              <a:extLst>
                <a:ext uri="{FF2B5EF4-FFF2-40B4-BE49-F238E27FC236}">
                  <a16:creationId xmlns:a16="http://schemas.microsoft.com/office/drawing/2014/main" id="{08643728-942F-D4D8-E11C-C631EA36D1FF}"/>
                </a:ext>
              </a:extLst>
            </p:cNvPr>
            <p:cNvSpPr/>
            <p:nvPr/>
          </p:nvSpPr>
          <p:spPr>
            <a:xfrm>
              <a:off x="2017402" y="3180460"/>
              <a:ext cx="9127" cy="7731"/>
            </a:xfrm>
            <a:custGeom>
              <a:avLst/>
              <a:gdLst/>
              <a:ahLst/>
              <a:cxnLst/>
              <a:rect l="l" t="t" r="r" b="b"/>
              <a:pathLst>
                <a:path w="327" h="277" extrusionOk="0">
                  <a:moveTo>
                    <a:pt x="227" y="51"/>
                  </a:moveTo>
                  <a:cubicBezTo>
                    <a:pt x="227" y="1"/>
                    <a:pt x="126" y="1"/>
                    <a:pt x="51" y="1"/>
                  </a:cubicBezTo>
                  <a:cubicBezTo>
                    <a:pt x="51" y="1"/>
                    <a:pt x="1" y="101"/>
                    <a:pt x="1" y="176"/>
                  </a:cubicBezTo>
                  <a:cubicBezTo>
                    <a:pt x="1" y="226"/>
                    <a:pt x="51" y="277"/>
                    <a:pt x="126" y="277"/>
                  </a:cubicBezTo>
                  <a:lnTo>
                    <a:pt x="227" y="277"/>
                  </a:lnTo>
                  <a:cubicBezTo>
                    <a:pt x="277" y="277"/>
                    <a:pt x="327" y="226"/>
                    <a:pt x="327" y="226"/>
                  </a:cubicBezTo>
                  <a:lnTo>
                    <a:pt x="327" y="101"/>
                  </a:lnTo>
                  <a:cubicBezTo>
                    <a:pt x="277" y="51"/>
                    <a:pt x="277" y="51"/>
                    <a:pt x="227" y="51"/>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235" name="Google Shape;292;p16">
              <a:extLst>
                <a:ext uri="{FF2B5EF4-FFF2-40B4-BE49-F238E27FC236}">
                  <a16:creationId xmlns:a16="http://schemas.microsoft.com/office/drawing/2014/main" id="{39B3F67E-3B96-B596-14F8-A353D4D2A340}"/>
                </a:ext>
              </a:extLst>
            </p:cNvPr>
            <p:cNvSpPr/>
            <p:nvPr/>
          </p:nvSpPr>
          <p:spPr>
            <a:xfrm>
              <a:off x="2017402" y="3180460"/>
              <a:ext cx="9127" cy="7731"/>
            </a:xfrm>
            <a:custGeom>
              <a:avLst/>
              <a:gdLst/>
              <a:ahLst/>
              <a:cxnLst/>
              <a:rect l="l" t="t" r="r" b="b"/>
              <a:pathLst>
                <a:path w="327" h="277" fill="none" extrusionOk="0">
                  <a:moveTo>
                    <a:pt x="227" y="51"/>
                  </a:moveTo>
                  <a:cubicBezTo>
                    <a:pt x="227" y="1"/>
                    <a:pt x="126" y="1"/>
                    <a:pt x="51" y="1"/>
                  </a:cubicBezTo>
                  <a:cubicBezTo>
                    <a:pt x="51" y="1"/>
                    <a:pt x="1" y="101"/>
                    <a:pt x="1" y="176"/>
                  </a:cubicBezTo>
                  <a:cubicBezTo>
                    <a:pt x="1" y="226"/>
                    <a:pt x="51" y="277"/>
                    <a:pt x="126" y="277"/>
                  </a:cubicBezTo>
                  <a:lnTo>
                    <a:pt x="227" y="277"/>
                  </a:lnTo>
                  <a:cubicBezTo>
                    <a:pt x="277" y="277"/>
                    <a:pt x="327" y="226"/>
                    <a:pt x="327" y="226"/>
                  </a:cubicBezTo>
                  <a:lnTo>
                    <a:pt x="327" y="101"/>
                  </a:lnTo>
                  <a:cubicBezTo>
                    <a:pt x="277" y="51"/>
                    <a:pt x="277" y="51"/>
                    <a:pt x="227" y="51"/>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36" name="Google Shape;293;p16">
              <a:extLst>
                <a:ext uri="{FF2B5EF4-FFF2-40B4-BE49-F238E27FC236}">
                  <a16:creationId xmlns:a16="http://schemas.microsoft.com/office/drawing/2014/main" id="{FB3B15C9-DBA8-A83D-0A3E-36939BE9D70A}"/>
                </a:ext>
              </a:extLst>
            </p:cNvPr>
            <p:cNvSpPr/>
            <p:nvPr/>
          </p:nvSpPr>
          <p:spPr>
            <a:xfrm>
              <a:off x="2017402" y="3180460"/>
              <a:ext cx="9127" cy="7731"/>
            </a:xfrm>
            <a:custGeom>
              <a:avLst/>
              <a:gdLst/>
              <a:ahLst/>
              <a:cxnLst/>
              <a:rect l="l" t="t" r="r" b="b"/>
              <a:pathLst>
                <a:path w="327" h="277" extrusionOk="0">
                  <a:moveTo>
                    <a:pt x="51" y="1"/>
                  </a:moveTo>
                  <a:cubicBezTo>
                    <a:pt x="51" y="1"/>
                    <a:pt x="1" y="101"/>
                    <a:pt x="1" y="176"/>
                  </a:cubicBezTo>
                  <a:cubicBezTo>
                    <a:pt x="1" y="226"/>
                    <a:pt x="51" y="277"/>
                    <a:pt x="126" y="277"/>
                  </a:cubicBezTo>
                  <a:lnTo>
                    <a:pt x="227" y="277"/>
                  </a:lnTo>
                  <a:cubicBezTo>
                    <a:pt x="277" y="277"/>
                    <a:pt x="327" y="226"/>
                    <a:pt x="327" y="226"/>
                  </a:cubicBezTo>
                  <a:lnTo>
                    <a:pt x="327" y="101"/>
                  </a:lnTo>
                  <a:cubicBezTo>
                    <a:pt x="277" y="51"/>
                    <a:pt x="277" y="51"/>
                    <a:pt x="227" y="51"/>
                  </a:cubicBezTo>
                  <a:cubicBezTo>
                    <a:pt x="227" y="1"/>
                    <a:pt x="126" y="1"/>
                    <a:pt x="51" y="1"/>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237" name="Google Shape;294;p16">
              <a:extLst>
                <a:ext uri="{FF2B5EF4-FFF2-40B4-BE49-F238E27FC236}">
                  <a16:creationId xmlns:a16="http://schemas.microsoft.com/office/drawing/2014/main" id="{88175A30-6755-4CD2-F4C2-82A19B10382F}"/>
                </a:ext>
              </a:extLst>
            </p:cNvPr>
            <p:cNvSpPr/>
            <p:nvPr/>
          </p:nvSpPr>
          <p:spPr>
            <a:xfrm>
              <a:off x="2017402" y="3180460"/>
              <a:ext cx="9127" cy="7731"/>
            </a:xfrm>
            <a:custGeom>
              <a:avLst/>
              <a:gdLst/>
              <a:ahLst/>
              <a:cxnLst/>
              <a:rect l="l" t="t" r="r" b="b"/>
              <a:pathLst>
                <a:path w="327" h="277" fill="none" extrusionOk="0">
                  <a:moveTo>
                    <a:pt x="227" y="51"/>
                  </a:moveTo>
                  <a:cubicBezTo>
                    <a:pt x="227" y="1"/>
                    <a:pt x="126" y="1"/>
                    <a:pt x="51" y="1"/>
                  </a:cubicBezTo>
                  <a:cubicBezTo>
                    <a:pt x="51" y="1"/>
                    <a:pt x="1" y="101"/>
                    <a:pt x="1" y="176"/>
                  </a:cubicBezTo>
                  <a:cubicBezTo>
                    <a:pt x="1" y="226"/>
                    <a:pt x="51" y="277"/>
                    <a:pt x="126" y="277"/>
                  </a:cubicBezTo>
                  <a:lnTo>
                    <a:pt x="227" y="277"/>
                  </a:lnTo>
                  <a:cubicBezTo>
                    <a:pt x="277" y="277"/>
                    <a:pt x="327" y="226"/>
                    <a:pt x="327" y="226"/>
                  </a:cubicBezTo>
                  <a:lnTo>
                    <a:pt x="327" y="101"/>
                  </a:lnTo>
                  <a:cubicBezTo>
                    <a:pt x="277" y="51"/>
                    <a:pt x="277" y="51"/>
                    <a:pt x="227" y="51"/>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50" name="Google Shape;307;p16">
              <a:extLst>
                <a:ext uri="{FF2B5EF4-FFF2-40B4-BE49-F238E27FC236}">
                  <a16:creationId xmlns:a16="http://schemas.microsoft.com/office/drawing/2014/main" id="{BC7E3FB7-D3C9-BE02-5F2E-C7862C6ED809}"/>
                </a:ext>
              </a:extLst>
            </p:cNvPr>
            <p:cNvSpPr/>
            <p:nvPr/>
          </p:nvSpPr>
          <p:spPr>
            <a:xfrm>
              <a:off x="3340169" y="2746767"/>
              <a:ext cx="967444" cy="690438"/>
            </a:xfrm>
            <a:custGeom>
              <a:avLst/>
              <a:gdLst/>
              <a:ahLst/>
              <a:cxnLst/>
              <a:rect l="l" t="t" r="r" b="b"/>
              <a:pathLst>
                <a:path w="34663" h="24738" extrusionOk="0">
                  <a:moveTo>
                    <a:pt x="978" y="6668"/>
                  </a:moveTo>
                  <a:lnTo>
                    <a:pt x="978" y="6668"/>
                  </a:lnTo>
                  <a:cubicBezTo>
                    <a:pt x="853" y="6592"/>
                    <a:pt x="753" y="6317"/>
                    <a:pt x="677" y="6216"/>
                  </a:cubicBezTo>
                  <a:cubicBezTo>
                    <a:pt x="577" y="6091"/>
                    <a:pt x="352" y="5815"/>
                    <a:pt x="226" y="5640"/>
                  </a:cubicBezTo>
                  <a:cubicBezTo>
                    <a:pt x="176" y="5465"/>
                    <a:pt x="1" y="5089"/>
                    <a:pt x="76" y="4913"/>
                  </a:cubicBezTo>
                  <a:cubicBezTo>
                    <a:pt x="126" y="4788"/>
                    <a:pt x="352" y="4512"/>
                    <a:pt x="452" y="4462"/>
                  </a:cubicBezTo>
                  <a:cubicBezTo>
                    <a:pt x="527" y="4412"/>
                    <a:pt x="677" y="4287"/>
                    <a:pt x="803" y="4337"/>
                  </a:cubicBezTo>
                  <a:cubicBezTo>
                    <a:pt x="853" y="4337"/>
                    <a:pt x="853" y="4562"/>
                    <a:pt x="903" y="4638"/>
                  </a:cubicBezTo>
                  <a:cubicBezTo>
                    <a:pt x="978" y="4638"/>
                    <a:pt x="1204" y="4562"/>
                    <a:pt x="1254" y="4462"/>
                  </a:cubicBezTo>
                  <a:cubicBezTo>
                    <a:pt x="1304" y="4412"/>
                    <a:pt x="1304" y="4237"/>
                    <a:pt x="1354" y="4186"/>
                  </a:cubicBezTo>
                  <a:cubicBezTo>
                    <a:pt x="1479" y="4111"/>
                    <a:pt x="1705" y="4111"/>
                    <a:pt x="1755" y="4061"/>
                  </a:cubicBezTo>
                  <a:cubicBezTo>
                    <a:pt x="1880" y="4011"/>
                    <a:pt x="1981" y="3836"/>
                    <a:pt x="1981" y="3735"/>
                  </a:cubicBezTo>
                  <a:cubicBezTo>
                    <a:pt x="1981" y="3610"/>
                    <a:pt x="1880" y="3460"/>
                    <a:pt x="1805" y="3384"/>
                  </a:cubicBezTo>
                  <a:cubicBezTo>
                    <a:pt x="1705" y="3334"/>
                    <a:pt x="1429" y="3284"/>
                    <a:pt x="1354" y="3159"/>
                  </a:cubicBezTo>
                  <a:cubicBezTo>
                    <a:pt x="1304" y="3059"/>
                    <a:pt x="1304" y="2833"/>
                    <a:pt x="1354" y="2708"/>
                  </a:cubicBezTo>
                  <a:cubicBezTo>
                    <a:pt x="1354" y="2607"/>
                    <a:pt x="1530" y="2482"/>
                    <a:pt x="1530" y="2432"/>
                  </a:cubicBezTo>
                  <a:cubicBezTo>
                    <a:pt x="1530" y="2257"/>
                    <a:pt x="1429" y="2031"/>
                    <a:pt x="1429" y="1931"/>
                  </a:cubicBezTo>
                  <a:lnTo>
                    <a:pt x="1429" y="1655"/>
                  </a:lnTo>
                  <a:cubicBezTo>
                    <a:pt x="1479" y="1530"/>
                    <a:pt x="1580" y="1304"/>
                    <a:pt x="1705" y="1204"/>
                  </a:cubicBezTo>
                  <a:cubicBezTo>
                    <a:pt x="1755" y="1129"/>
                    <a:pt x="1880" y="1028"/>
                    <a:pt x="1981" y="978"/>
                  </a:cubicBezTo>
                  <a:lnTo>
                    <a:pt x="2206" y="978"/>
                  </a:lnTo>
                  <a:cubicBezTo>
                    <a:pt x="2432" y="1028"/>
                    <a:pt x="2933" y="1028"/>
                    <a:pt x="3234" y="1028"/>
                  </a:cubicBezTo>
                  <a:cubicBezTo>
                    <a:pt x="3459" y="1028"/>
                    <a:pt x="3835" y="1079"/>
                    <a:pt x="4061" y="1079"/>
                  </a:cubicBezTo>
                  <a:cubicBezTo>
                    <a:pt x="4362" y="1079"/>
                    <a:pt x="4913" y="978"/>
                    <a:pt x="5189" y="903"/>
                  </a:cubicBezTo>
                  <a:lnTo>
                    <a:pt x="5865" y="678"/>
                  </a:lnTo>
                  <a:cubicBezTo>
                    <a:pt x="5991" y="678"/>
                    <a:pt x="6216" y="577"/>
                    <a:pt x="6317" y="577"/>
                  </a:cubicBezTo>
                  <a:cubicBezTo>
                    <a:pt x="6442" y="577"/>
                    <a:pt x="6667" y="753"/>
                    <a:pt x="6768" y="753"/>
                  </a:cubicBezTo>
                  <a:cubicBezTo>
                    <a:pt x="6943" y="803"/>
                    <a:pt x="7219" y="753"/>
                    <a:pt x="7344" y="753"/>
                  </a:cubicBezTo>
                  <a:cubicBezTo>
                    <a:pt x="7570" y="678"/>
                    <a:pt x="8021" y="577"/>
                    <a:pt x="8246" y="527"/>
                  </a:cubicBezTo>
                  <a:cubicBezTo>
                    <a:pt x="8347" y="452"/>
                    <a:pt x="8572" y="352"/>
                    <a:pt x="8748" y="352"/>
                  </a:cubicBezTo>
                  <a:cubicBezTo>
                    <a:pt x="8848" y="302"/>
                    <a:pt x="9149" y="226"/>
                    <a:pt x="9299" y="226"/>
                  </a:cubicBezTo>
                  <a:cubicBezTo>
                    <a:pt x="9474" y="176"/>
                    <a:pt x="9875" y="1"/>
                    <a:pt x="10101" y="76"/>
                  </a:cubicBezTo>
                  <a:cubicBezTo>
                    <a:pt x="10201" y="76"/>
                    <a:pt x="10427" y="302"/>
                    <a:pt x="10602" y="352"/>
                  </a:cubicBezTo>
                  <a:cubicBezTo>
                    <a:pt x="10728" y="402"/>
                    <a:pt x="11003" y="527"/>
                    <a:pt x="11104" y="627"/>
                  </a:cubicBezTo>
                  <a:cubicBezTo>
                    <a:pt x="11229" y="753"/>
                    <a:pt x="11329" y="1028"/>
                    <a:pt x="11329" y="1129"/>
                  </a:cubicBezTo>
                  <a:cubicBezTo>
                    <a:pt x="11404" y="1204"/>
                    <a:pt x="11404" y="1304"/>
                    <a:pt x="11404" y="1354"/>
                  </a:cubicBezTo>
                  <a:cubicBezTo>
                    <a:pt x="11454" y="1530"/>
                    <a:pt x="11630" y="1755"/>
                    <a:pt x="11630" y="1931"/>
                  </a:cubicBezTo>
                  <a:cubicBezTo>
                    <a:pt x="11555" y="2031"/>
                    <a:pt x="11454" y="2206"/>
                    <a:pt x="11329" y="2332"/>
                  </a:cubicBezTo>
                  <a:cubicBezTo>
                    <a:pt x="11279" y="2432"/>
                    <a:pt x="11179" y="2607"/>
                    <a:pt x="11053" y="2658"/>
                  </a:cubicBezTo>
                  <a:cubicBezTo>
                    <a:pt x="10953" y="2783"/>
                    <a:pt x="10652" y="2883"/>
                    <a:pt x="10602" y="2933"/>
                  </a:cubicBezTo>
                  <a:cubicBezTo>
                    <a:pt x="10502" y="3059"/>
                    <a:pt x="10427" y="3284"/>
                    <a:pt x="10377" y="3334"/>
                  </a:cubicBezTo>
                  <a:cubicBezTo>
                    <a:pt x="10276" y="3460"/>
                    <a:pt x="10051" y="3510"/>
                    <a:pt x="9926" y="3560"/>
                  </a:cubicBezTo>
                  <a:cubicBezTo>
                    <a:pt x="9825" y="3660"/>
                    <a:pt x="9525" y="3836"/>
                    <a:pt x="9424" y="3961"/>
                  </a:cubicBezTo>
                  <a:cubicBezTo>
                    <a:pt x="9374" y="4061"/>
                    <a:pt x="9149" y="4186"/>
                    <a:pt x="9073" y="4287"/>
                  </a:cubicBezTo>
                  <a:cubicBezTo>
                    <a:pt x="9023" y="4412"/>
                    <a:pt x="8973" y="4688"/>
                    <a:pt x="9023" y="4788"/>
                  </a:cubicBezTo>
                  <a:cubicBezTo>
                    <a:pt x="9023" y="5089"/>
                    <a:pt x="9249" y="5590"/>
                    <a:pt x="9424" y="5866"/>
                  </a:cubicBezTo>
                  <a:cubicBezTo>
                    <a:pt x="9474" y="5991"/>
                    <a:pt x="9700" y="6267"/>
                    <a:pt x="9825" y="6367"/>
                  </a:cubicBezTo>
                  <a:cubicBezTo>
                    <a:pt x="9976" y="6542"/>
                    <a:pt x="10552" y="6668"/>
                    <a:pt x="10778" y="6768"/>
                  </a:cubicBezTo>
                  <a:cubicBezTo>
                    <a:pt x="11003" y="6893"/>
                    <a:pt x="11505" y="7219"/>
                    <a:pt x="11780" y="7269"/>
                  </a:cubicBezTo>
                  <a:cubicBezTo>
                    <a:pt x="11855" y="7344"/>
                    <a:pt x="12081" y="7219"/>
                    <a:pt x="12181" y="7219"/>
                  </a:cubicBezTo>
                  <a:cubicBezTo>
                    <a:pt x="12357" y="7269"/>
                    <a:pt x="12457" y="7570"/>
                    <a:pt x="12632" y="7620"/>
                  </a:cubicBezTo>
                  <a:cubicBezTo>
                    <a:pt x="12758" y="7670"/>
                    <a:pt x="13083" y="7720"/>
                    <a:pt x="13259" y="7770"/>
                  </a:cubicBezTo>
                  <a:cubicBezTo>
                    <a:pt x="13359" y="7846"/>
                    <a:pt x="13585" y="7996"/>
                    <a:pt x="13710" y="7996"/>
                  </a:cubicBezTo>
                  <a:cubicBezTo>
                    <a:pt x="13810" y="8071"/>
                    <a:pt x="14111" y="8071"/>
                    <a:pt x="14211" y="8121"/>
                  </a:cubicBezTo>
                  <a:cubicBezTo>
                    <a:pt x="14337" y="8171"/>
                    <a:pt x="14437" y="8397"/>
                    <a:pt x="14562" y="8397"/>
                  </a:cubicBezTo>
                  <a:cubicBezTo>
                    <a:pt x="14612" y="8447"/>
                    <a:pt x="14788" y="8447"/>
                    <a:pt x="14838" y="8447"/>
                  </a:cubicBezTo>
                  <a:cubicBezTo>
                    <a:pt x="14938" y="8447"/>
                    <a:pt x="15114" y="8522"/>
                    <a:pt x="15164" y="8572"/>
                  </a:cubicBezTo>
                  <a:cubicBezTo>
                    <a:pt x="15239" y="8623"/>
                    <a:pt x="15339" y="8748"/>
                    <a:pt x="15389" y="8798"/>
                  </a:cubicBezTo>
                  <a:cubicBezTo>
                    <a:pt x="15464" y="8798"/>
                    <a:pt x="15690" y="8798"/>
                    <a:pt x="15740" y="8848"/>
                  </a:cubicBezTo>
                  <a:cubicBezTo>
                    <a:pt x="15790" y="8848"/>
                    <a:pt x="15840" y="8973"/>
                    <a:pt x="15916" y="9024"/>
                  </a:cubicBezTo>
                  <a:lnTo>
                    <a:pt x="16292" y="9024"/>
                  </a:lnTo>
                  <a:cubicBezTo>
                    <a:pt x="16467" y="9024"/>
                    <a:pt x="16743" y="9074"/>
                    <a:pt x="16868" y="9124"/>
                  </a:cubicBezTo>
                  <a:cubicBezTo>
                    <a:pt x="17094" y="9199"/>
                    <a:pt x="17369" y="9425"/>
                    <a:pt x="17595" y="9475"/>
                  </a:cubicBezTo>
                  <a:cubicBezTo>
                    <a:pt x="17770" y="9575"/>
                    <a:pt x="18221" y="9525"/>
                    <a:pt x="18447" y="9575"/>
                  </a:cubicBezTo>
                  <a:cubicBezTo>
                    <a:pt x="18547" y="9575"/>
                    <a:pt x="18773" y="9750"/>
                    <a:pt x="18898" y="9800"/>
                  </a:cubicBezTo>
                  <a:cubicBezTo>
                    <a:pt x="19124" y="9876"/>
                    <a:pt x="19575" y="9976"/>
                    <a:pt x="19800" y="10026"/>
                  </a:cubicBezTo>
                  <a:cubicBezTo>
                    <a:pt x="19951" y="10101"/>
                    <a:pt x="20352" y="10252"/>
                    <a:pt x="20577" y="10327"/>
                  </a:cubicBezTo>
                  <a:cubicBezTo>
                    <a:pt x="20703" y="10377"/>
                    <a:pt x="20928" y="10427"/>
                    <a:pt x="21028" y="10477"/>
                  </a:cubicBezTo>
                  <a:cubicBezTo>
                    <a:pt x="21204" y="10552"/>
                    <a:pt x="21530" y="10703"/>
                    <a:pt x="21705" y="10828"/>
                  </a:cubicBezTo>
                  <a:cubicBezTo>
                    <a:pt x="21830" y="10878"/>
                    <a:pt x="22056" y="11054"/>
                    <a:pt x="22156" y="11104"/>
                  </a:cubicBezTo>
                  <a:cubicBezTo>
                    <a:pt x="22382" y="11279"/>
                    <a:pt x="22833" y="11730"/>
                    <a:pt x="23109" y="11906"/>
                  </a:cubicBezTo>
                  <a:cubicBezTo>
                    <a:pt x="23334" y="12056"/>
                    <a:pt x="23860" y="12332"/>
                    <a:pt x="24086" y="12507"/>
                  </a:cubicBezTo>
                  <a:cubicBezTo>
                    <a:pt x="24236" y="12633"/>
                    <a:pt x="24587" y="12908"/>
                    <a:pt x="24813" y="12958"/>
                  </a:cubicBezTo>
                  <a:cubicBezTo>
                    <a:pt x="25038" y="13084"/>
                    <a:pt x="25540" y="13134"/>
                    <a:pt x="25815" y="13184"/>
                  </a:cubicBezTo>
                  <a:cubicBezTo>
                    <a:pt x="25991" y="13234"/>
                    <a:pt x="26342" y="13359"/>
                    <a:pt x="26492" y="13409"/>
                  </a:cubicBezTo>
                  <a:cubicBezTo>
                    <a:pt x="26718" y="13535"/>
                    <a:pt x="27169" y="13811"/>
                    <a:pt x="27394" y="13911"/>
                  </a:cubicBezTo>
                  <a:cubicBezTo>
                    <a:pt x="27520" y="13986"/>
                    <a:pt x="27795" y="14086"/>
                    <a:pt x="27896" y="14136"/>
                  </a:cubicBezTo>
                  <a:cubicBezTo>
                    <a:pt x="28021" y="14136"/>
                    <a:pt x="28297" y="14086"/>
                    <a:pt x="28422" y="14086"/>
                  </a:cubicBezTo>
                  <a:cubicBezTo>
                    <a:pt x="28522" y="14086"/>
                    <a:pt x="28798" y="14086"/>
                    <a:pt x="28923" y="14136"/>
                  </a:cubicBezTo>
                  <a:cubicBezTo>
                    <a:pt x="28973" y="14212"/>
                    <a:pt x="28973" y="14312"/>
                    <a:pt x="28923" y="14362"/>
                  </a:cubicBezTo>
                  <a:cubicBezTo>
                    <a:pt x="28923" y="14437"/>
                    <a:pt x="28798" y="14487"/>
                    <a:pt x="28798" y="14537"/>
                  </a:cubicBezTo>
                  <a:cubicBezTo>
                    <a:pt x="28798" y="14587"/>
                    <a:pt x="28873" y="14713"/>
                    <a:pt x="28923" y="14713"/>
                  </a:cubicBezTo>
                  <a:cubicBezTo>
                    <a:pt x="28973" y="14713"/>
                    <a:pt x="29099" y="14587"/>
                    <a:pt x="29149" y="14587"/>
                  </a:cubicBezTo>
                  <a:cubicBezTo>
                    <a:pt x="29199" y="14537"/>
                    <a:pt x="29374" y="14487"/>
                    <a:pt x="29424" y="14537"/>
                  </a:cubicBezTo>
                  <a:cubicBezTo>
                    <a:pt x="29475" y="14537"/>
                    <a:pt x="29424" y="14713"/>
                    <a:pt x="29424" y="14763"/>
                  </a:cubicBezTo>
                  <a:cubicBezTo>
                    <a:pt x="29475" y="14888"/>
                    <a:pt x="29650" y="14938"/>
                    <a:pt x="29700" y="15039"/>
                  </a:cubicBezTo>
                  <a:cubicBezTo>
                    <a:pt x="29700" y="15114"/>
                    <a:pt x="29600" y="15339"/>
                    <a:pt x="29650" y="15440"/>
                  </a:cubicBezTo>
                  <a:cubicBezTo>
                    <a:pt x="29700" y="15565"/>
                    <a:pt x="30051" y="15615"/>
                    <a:pt x="30151" y="15665"/>
                  </a:cubicBezTo>
                  <a:cubicBezTo>
                    <a:pt x="30226" y="15715"/>
                    <a:pt x="30327" y="15891"/>
                    <a:pt x="30377" y="15941"/>
                  </a:cubicBezTo>
                  <a:cubicBezTo>
                    <a:pt x="30502" y="16066"/>
                    <a:pt x="30828" y="16342"/>
                    <a:pt x="31053" y="16392"/>
                  </a:cubicBezTo>
                  <a:cubicBezTo>
                    <a:pt x="31229" y="16517"/>
                    <a:pt x="31630" y="16618"/>
                    <a:pt x="31855" y="16793"/>
                  </a:cubicBezTo>
                  <a:cubicBezTo>
                    <a:pt x="31956" y="16843"/>
                    <a:pt x="32257" y="17119"/>
                    <a:pt x="32357" y="17244"/>
                  </a:cubicBezTo>
                  <a:cubicBezTo>
                    <a:pt x="32532" y="17420"/>
                    <a:pt x="32858" y="17695"/>
                    <a:pt x="33033" y="17795"/>
                  </a:cubicBezTo>
                  <a:cubicBezTo>
                    <a:pt x="33159" y="17921"/>
                    <a:pt x="33309" y="18196"/>
                    <a:pt x="33434" y="18322"/>
                  </a:cubicBezTo>
                  <a:cubicBezTo>
                    <a:pt x="33485" y="18372"/>
                    <a:pt x="33660" y="18472"/>
                    <a:pt x="33710" y="18547"/>
                  </a:cubicBezTo>
                  <a:cubicBezTo>
                    <a:pt x="33835" y="18648"/>
                    <a:pt x="34061" y="18873"/>
                    <a:pt x="34111" y="19049"/>
                  </a:cubicBezTo>
                  <a:lnTo>
                    <a:pt x="34111" y="19500"/>
                  </a:lnTo>
                  <a:lnTo>
                    <a:pt x="34337" y="19951"/>
                  </a:lnTo>
                  <a:cubicBezTo>
                    <a:pt x="34387" y="20001"/>
                    <a:pt x="34562" y="20126"/>
                    <a:pt x="34612" y="20227"/>
                  </a:cubicBezTo>
                  <a:cubicBezTo>
                    <a:pt x="34663" y="20352"/>
                    <a:pt x="34663" y="20552"/>
                    <a:pt x="34663" y="20678"/>
                  </a:cubicBezTo>
                  <a:cubicBezTo>
                    <a:pt x="34612" y="20778"/>
                    <a:pt x="34437" y="20903"/>
                    <a:pt x="34387" y="20953"/>
                  </a:cubicBezTo>
                  <a:cubicBezTo>
                    <a:pt x="34337" y="21079"/>
                    <a:pt x="34337" y="21354"/>
                    <a:pt x="34287" y="21455"/>
                  </a:cubicBezTo>
                  <a:cubicBezTo>
                    <a:pt x="34287" y="21530"/>
                    <a:pt x="34161" y="21630"/>
                    <a:pt x="34161" y="21680"/>
                  </a:cubicBezTo>
                  <a:cubicBezTo>
                    <a:pt x="34111" y="21755"/>
                    <a:pt x="34161" y="21856"/>
                    <a:pt x="34161" y="21981"/>
                  </a:cubicBezTo>
                  <a:cubicBezTo>
                    <a:pt x="34111" y="22031"/>
                    <a:pt x="33886" y="22031"/>
                    <a:pt x="33835" y="22081"/>
                  </a:cubicBezTo>
                  <a:cubicBezTo>
                    <a:pt x="33760" y="22207"/>
                    <a:pt x="33760" y="22482"/>
                    <a:pt x="33760" y="22582"/>
                  </a:cubicBezTo>
                  <a:cubicBezTo>
                    <a:pt x="33710" y="22708"/>
                    <a:pt x="33660" y="22933"/>
                    <a:pt x="33710" y="22983"/>
                  </a:cubicBezTo>
                  <a:cubicBezTo>
                    <a:pt x="33710" y="23109"/>
                    <a:pt x="33835" y="23209"/>
                    <a:pt x="33886" y="23334"/>
                  </a:cubicBezTo>
                  <a:cubicBezTo>
                    <a:pt x="33886" y="23435"/>
                    <a:pt x="33835" y="23710"/>
                    <a:pt x="33835" y="23836"/>
                  </a:cubicBezTo>
                  <a:cubicBezTo>
                    <a:pt x="33835" y="23936"/>
                    <a:pt x="33886" y="24111"/>
                    <a:pt x="33886" y="24237"/>
                  </a:cubicBezTo>
                  <a:cubicBezTo>
                    <a:pt x="33886" y="24337"/>
                    <a:pt x="33886" y="24562"/>
                    <a:pt x="33760" y="24688"/>
                  </a:cubicBezTo>
                  <a:cubicBezTo>
                    <a:pt x="33710" y="24688"/>
                    <a:pt x="33610" y="24738"/>
                    <a:pt x="33535" y="24738"/>
                  </a:cubicBezTo>
                  <a:cubicBezTo>
                    <a:pt x="33485" y="24688"/>
                    <a:pt x="33309" y="24688"/>
                    <a:pt x="33259" y="24613"/>
                  </a:cubicBezTo>
                  <a:cubicBezTo>
                    <a:pt x="33209" y="24562"/>
                    <a:pt x="33084" y="24337"/>
                    <a:pt x="32983" y="24287"/>
                  </a:cubicBezTo>
                  <a:cubicBezTo>
                    <a:pt x="32933" y="24237"/>
                    <a:pt x="32758" y="24161"/>
                    <a:pt x="32708" y="24161"/>
                  </a:cubicBezTo>
                  <a:cubicBezTo>
                    <a:pt x="32582" y="24111"/>
                    <a:pt x="32307" y="24161"/>
                    <a:pt x="32181" y="24237"/>
                  </a:cubicBezTo>
                  <a:cubicBezTo>
                    <a:pt x="32131" y="24237"/>
                    <a:pt x="32081" y="24337"/>
                    <a:pt x="32031" y="24337"/>
                  </a:cubicBezTo>
                  <a:cubicBezTo>
                    <a:pt x="31906" y="24287"/>
                    <a:pt x="31730" y="24011"/>
                    <a:pt x="31630" y="23936"/>
                  </a:cubicBezTo>
                  <a:cubicBezTo>
                    <a:pt x="31505" y="23836"/>
                    <a:pt x="31279" y="23710"/>
                    <a:pt x="31179" y="23660"/>
                  </a:cubicBezTo>
                  <a:cubicBezTo>
                    <a:pt x="31053" y="23660"/>
                    <a:pt x="30953" y="23610"/>
                    <a:pt x="30828" y="23560"/>
                  </a:cubicBezTo>
                  <a:cubicBezTo>
                    <a:pt x="30728" y="23435"/>
                    <a:pt x="30452" y="23209"/>
                    <a:pt x="30377" y="23034"/>
                  </a:cubicBezTo>
                  <a:cubicBezTo>
                    <a:pt x="30327" y="23034"/>
                    <a:pt x="30327" y="22883"/>
                    <a:pt x="30327" y="22883"/>
                  </a:cubicBezTo>
                  <a:cubicBezTo>
                    <a:pt x="30277" y="22808"/>
                    <a:pt x="30151" y="22808"/>
                    <a:pt x="30101" y="22758"/>
                  </a:cubicBezTo>
                  <a:cubicBezTo>
                    <a:pt x="30051" y="22708"/>
                    <a:pt x="29876" y="22532"/>
                    <a:pt x="29926" y="22482"/>
                  </a:cubicBezTo>
                  <a:cubicBezTo>
                    <a:pt x="29926" y="22432"/>
                    <a:pt x="30051" y="22482"/>
                    <a:pt x="30101" y="22432"/>
                  </a:cubicBezTo>
                  <a:cubicBezTo>
                    <a:pt x="30151" y="22357"/>
                    <a:pt x="30101" y="22207"/>
                    <a:pt x="30051" y="22081"/>
                  </a:cubicBezTo>
                  <a:cubicBezTo>
                    <a:pt x="30051" y="22031"/>
                    <a:pt x="29926" y="21906"/>
                    <a:pt x="29926" y="21856"/>
                  </a:cubicBezTo>
                  <a:cubicBezTo>
                    <a:pt x="29926" y="21755"/>
                    <a:pt x="30001" y="21530"/>
                    <a:pt x="29926" y="21405"/>
                  </a:cubicBezTo>
                  <a:cubicBezTo>
                    <a:pt x="29926" y="21304"/>
                    <a:pt x="29775" y="21079"/>
                    <a:pt x="29700" y="20953"/>
                  </a:cubicBezTo>
                  <a:cubicBezTo>
                    <a:pt x="29700" y="20853"/>
                    <a:pt x="29650" y="20678"/>
                    <a:pt x="29600" y="20628"/>
                  </a:cubicBezTo>
                  <a:cubicBezTo>
                    <a:pt x="29550" y="20552"/>
                    <a:pt x="29424" y="20502"/>
                    <a:pt x="29374" y="20502"/>
                  </a:cubicBezTo>
                  <a:cubicBezTo>
                    <a:pt x="29324" y="20502"/>
                    <a:pt x="29199" y="20628"/>
                    <a:pt x="29149" y="20552"/>
                  </a:cubicBezTo>
                  <a:cubicBezTo>
                    <a:pt x="29099" y="20502"/>
                    <a:pt x="29149" y="20277"/>
                    <a:pt x="29149" y="20227"/>
                  </a:cubicBezTo>
                  <a:cubicBezTo>
                    <a:pt x="29149" y="20126"/>
                    <a:pt x="29099" y="19951"/>
                    <a:pt x="29099" y="19826"/>
                  </a:cubicBezTo>
                  <a:cubicBezTo>
                    <a:pt x="29023" y="19725"/>
                    <a:pt x="28923" y="19600"/>
                    <a:pt x="28923" y="19500"/>
                  </a:cubicBezTo>
                  <a:cubicBezTo>
                    <a:pt x="28923" y="19450"/>
                    <a:pt x="28973" y="19374"/>
                    <a:pt x="28973" y="19374"/>
                  </a:cubicBezTo>
                  <a:cubicBezTo>
                    <a:pt x="28923" y="19274"/>
                    <a:pt x="28698" y="19324"/>
                    <a:pt x="28647" y="19274"/>
                  </a:cubicBezTo>
                  <a:cubicBezTo>
                    <a:pt x="28572" y="19274"/>
                    <a:pt x="28572" y="19099"/>
                    <a:pt x="28522" y="19049"/>
                  </a:cubicBezTo>
                  <a:cubicBezTo>
                    <a:pt x="28472" y="19049"/>
                    <a:pt x="28422" y="19149"/>
                    <a:pt x="28347" y="19149"/>
                  </a:cubicBezTo>
                  <a:cubicBezTo>
                    <a:pt x="28246" y="19224"/>
                    <a:pt x="28021" y="19099"/>
                    <a:pt x="27896" y="19049"/>
                  </a:cubicBezTo>
                  <a:cubicBezTo>
                    <a:pt x="27745" y="19049"/>
                    <a:pt x="27470" y="19099"/>
                    <a:pt x="27344" y="19049"/>
                  </a:cubicBezTo>
                  <a:cubicBezTo>
                    <a:pt x="27294" y="19049"/>
                    <a:pt x="27169" y="18923"/>
                    <a:pt x="27119" y="18923"/>
                  </a:cubicBezTo>
                  <a:cubicBezTo>
                    <a:pt x="27069" y="18923"/>
                    <a:pt x="26893" y="18998"/>
                    <a:pt x="26843" y="19049"/>
                  </a:cubicBezTo>
                  <a:lnTo>
                    <a:pt x="26266" y="19049"/>
                  </a:lnTo>
                  <a:cubicBezTo>
                    <a:pt x="26216" y="19099"/>
                    <a:pt x="26116" y="19149"/>
                    <a:pt x="26041" y="19149"/>
                  </a:cubicBezTo>
                  <a:cubicBezTo>
                    <a:pt x="25941" y="19224"/>
                    <a:pt x="25590" y="19149"/>
                    <a:pt x="25490" y="19149"/>
                  </a:cubicBezTo>
                  <a:cubicBezTo>
                    <a:pt x="25439" y="19224"/>
                    <a:pt x="25314" y="19274"/>
                    <a:pt x="25264" y="19274"/>
                  </a:cubicBezTo>
                  <a:cubicBezTo>
                    <a:pt x="25214" y="19224"/>
                    <a:pt x="25089" y="19099"/>
                    <a:pt x="25038" y="19099"/>
                  </a:cubicBezTo>
                  <a:cubicBezTo>
                    <a:pt x="24988" y="19049"/>
                    <a:pt x="24813" y="19099"/>
                    <a:pt x="24763" y="19099"/>
                  </a:cubicBezTo>
                  <a:cubicBezTo>
                    <a:pt x="24688" y="19049"/>
                    <a:pt x="24587" y="18873"/>
                    <a:pt x="24537" y="18873"/>
                  </a:cubicBezTo>
                  <a:cubicBezTo>
                    <a:pt x="24412" y="18823"/>
                    <a:pt x="24312" y="18873"/>
                    <a:pt x="24236" y="18873"/>
                  </a:cubicBezTo>
                  <a:cubicBezTo>
                    <a:pt x="24186" y="18873"/>
                    <a:pt x="24086" y="18773"/>
                    <a:pt x="24011" y="18698"/>
                  </a:cubicBezTo>
                  <a:cubicBezTo>
                    <a:pt x="23911" y="18648"/>
                    <a:pt x="23685" y="18472"/>
                    <a:pt x="23560" y="18472"/>
                  </a:cubicBezTo>
                  <a:cubicBezTo>
                    <a:pt x="23510" y="18422"/>
                    <a:pt x="23334" y="18472"/>
                    <a:pt x="23234" y="18472"/>
                  </a:cubicBezTo>
                  <a:cubicBezTo>
                    <a:pt x="23109" y="18422"/>
                    <a:pt x="22883" y="18247"/>
                    <a:pt x="22783" y="18247"/>
                  </a:cubicBezTo>
                  <a:cubicBezTo>
                    <a:pt x="22657" y="18196"/>
                    <a:pt x="22507" y="18196"/>
                    <a:pt x="22432" y="18247"/>
                  </a:cubicBezTo>
                  <a:cubicBezTo>
                    <a:pt x="22382" y="18247"/>
                    <a:pt x="22332" y="18372"/>
                    <a:pt x="22282" y="18372"/>
                  </a:cubicBezTo>
                  <a:cubicBezTo>
                    <a:pt x="22206" y="18322"/>
                    <a:pt x="22206" y="18146"/>
                    <a:pt x="22206" y="18096"/>
                  </a:cubicBezTo>
                  <a:lnTo>
                    <a:pt x="22206" y="17971"/>
                  </a:lnTo>
                  <a:cubicBezTo>
                    <a:pt x="22282" y="17921"/>
                    <a:pt x="22507" y="17921"/>
                    <a:pt x="22557" y="17871"/>
                  </a:cubicBezTo>
                  <a:lnTo>
                    <a:pt x="22557" y="17745"/>
                  </a:lnTo>
                  <a:cubicBezTo>
                    <a:pt x="22557" y="17695"/>
                    <a:pt x="22507" y="17570"/>
                    <a:pt x="22507" y="17520"/>
                  </a:cubicBezTo>
                  <a:cubicBezTo>
                    <a:pt x="22507" y="17470"/>
                    <a:pt x="22557" y="17344"/>
                    <a:pt x="22607" y="17344"/>
                  </a:cubicBezTo>
                  <a:cubicBezTo>
                    <a:pt x="22657" y="17294"/>
                    <a:pt x="22883" y="17420"/>
                    <a:pt x="23008" y="17344"/>
                  </a:cubicBezTo>
                  <a:lnTo>
                    <a:pt x="23284" y="17344"/>
                  </a:lnTo>
                  <a:cubicBezTo>
                    <a:pt x="23284" y="17294"/>
                    <a:pt x="23334" y="17194"/>
                    <a:pt x="23334" y="17119"/>
                  </a:cubicBezTo>
                  <a:cubicBezTo>
                    <a:pt x="23334" y="17069"/>
                    <a:pt x="23284" y="16893"/>
                    <a:pt x="23234" y="16843"/>
                  </a:cubicBezTo>
                  <a:cubicBezTo>
                    <a:pt x="23184" y="16843"/>
                    <a:pt x="23058" y="16893"/>
                    <a:pt x="23008" y="16893"/>
                  </a:cubicBezTo>
                  <a:cubicBezTo>
                    <a:pt x="22883" y="16968"/>
                    <a:pt x="22733" y="16843"/>
                    <a:pt x="22607" y="16893"/>
                  </a:cubicBezTo>
                  <a:cubicBezTo>
                    <a:pt x="22557" y="16893"/>
                    <a:pt x="22507" y="17019"/>
                    <a:pt x="22432" y="17019"/>
                  </a:cubicBezTo>
                  <a:cubicBezTo>
                    <a:pt x="22382" y="17069"/>
                    <a:pt x="22282" y="17194"/>
                    <a:pt x="22206" y="17244"/>
                  </a:cubicBezTo>
                  <a:cubicBezTo>
                    <a:pt x="22156" y="17294"/>
                    <a:pt x="21981" y="17294"/>
                    <a:pt x="21881" y="17244"/>
                  </a:cubicBezTo>
                  <a:cubicBezTo>
                    <a:pt x="21830" y="17194"/>
                    <a:pt x="21830" y="16968"/>
                    <a:pt x="21755" y="16893"/>
                  </a:cubicBezTo>
                  <a:cubicBezTo>
                    <a:pt x="21705" y="16843"/>
                    <a:pt x="21429" y="16843"/>
                    <a:pt x="21304" y="16843"/>
                  </a:cubicBezTo>
                  <a:cubicBezTo>
                    <a:pt x="21204" y="16843"/>
                    <a:pt x="20853" y="16893"/>
                    <a:pt x="20703" y="16968"/>
                  </a:cubicBezTo>
                  <a:cubicBezTo>
                    <a:pt x="20527" y="17019"/>
                    <a:pt x="20251" y="17194"/>
                    <a:pt x="20126" y="17294"/>
                  </a:cubicBezTo>
                  <a:cubicBezTo>
                    <a:pt x="19901" y="17420"/>
                    <a:pt x="19625" y="17795"/>
                    <a:pt x="19500" y="18021"/>
                  </a:cubicBezTo>
                  <a:cubicBezTo>
                    <a:pt x="19449" y="18096"/>
                    <a:pt x="19399" y="18146"/>
                    <a:pt x="19349" y="18247"/>
                  </a:cubicBezTo>
                  <a:cubicBezTo>
                    <a:pt x="19274" y="18146"/>
                    <a:pt x="19174" y="18021"/>
                    <a:pt x="19124" y="17971"/>
                  </a:cubicBezTo>
                  <a:cubicBezTo>
                    <a:pt x="19048" y="17871"/>
                    <a:pt x="18823" y="17570"/>
                    <a:pt x="18723" y="17520"/>
                  </a:cubicBezTo>
                  <a:cubicBezTo>
                    <a:pt x="18597" y="17520"/>
                    <a:pt x="18372" y="17570"/>
                    <a:pt x="18271" y="17520"/>
                  </a:cubicBezTo>
                  <a:cubicBezTo>
                    <a:pt x="18146" y="17470"/>
                    <a:pt x="17921" y="17244"/>
                    <a:pt x="17870" y="17119"/>
                  </a:cubicBezTo>
                  <a:cubicBezTo>
                    <a:pt x="17820" y="17069"/>
                    <a:pt x="17770" y="16843"/>
                    <a:pt x="17770" y="16793"/>
                  </a:cubicBezTo>
                  <a:cubicBezTo>
                    <a:pt x="17770" y="16668"/>
                    <a:pt x="17820" y="16517"/>
                    <a:pt x="17820" y="16442"/>
                  </a:cubicBezTo>
                  <a:cubicBezTo>
                    <a:pt x="17870" y="16392"/>
                    <a:pt x="17870" y="16242"/>
                    <a:pt x="17820" y="16166"/>
                  </a:cubicBezTo>
                  <a:cubicBezTo>
                    <a:pt x="17820" y="16116"/>
                    <a:pt x="17645" y="16066"/>
                    <a:pt x="17595" y="16016"/>
                  </a:cubicBezTo>
                  <a:cubicBezTo>
                    <a:pt x="17545" y="15891"/>
                    <a:pt x="17469" y="15715"/>
                    <a:pt x="17469" y="15615"/>
                  </a:cubicBezTo>
                  <a:lnTo>
                    <a:pt x="17645" y="15264"/>
                  </a:lnTo>
                  <a:cubicBezTo>
                    <a:pt x="17645" y="15164"/>
                    <a:pt x="17770" y="14988"/>
                    <a:pt x="17695" y="14888"/>
                  </a:cubicBezTo>
                  <a:cubicBezTo>
                    <a:pt x="17695" y="14763"/>
                    <a:pt x="17545" y="14587"/>
                    <a:pt x="17419" y="14537"/>
                  </a:cubicBezTo>
                  <a:cubicBezTo>
                    <a:pt x="17369" y="14487"/>
                    <a:pt x="17194" y="14487"/>
                    <a:pt x="17144" y="14537"/>
                  </a:cubicBezTo>
                  <a:cubicBezTo>
                    <a:pt x="17018" y="14587"/>
                    <a:pt x="16968" y="14888"/>
                    <a:pt x="16868" y="14938"/>
                  </a:cubicBezTo>
                  <a:cubicBezTo>
                    <a:pt x="16743" y="14988"/>
                    <a:pt x="16517" y="14988"/>
                    <a:pt x="16417" y="14938"/>
                  </a:cubicBezTo>
                  <a:cubicBezTo>
                    <a:pt x="16292" y="14888"/>
                    <a:pt x="16241" y="14587"/>
                    <a:pt x="16141" y="14537"/>
                  </a:cubicBezTo>
                  <a:cubicBezTo>
                    <a:pt x="16066" y="14487"/>
                    <a:pt x="15966" y="14537"/>
                    <a:pt x="15840" y="14537"/>
                  </a:cubicBezTo>
                  <a:cubicBezTo>
                    <a:pt x="15790" y="14537"/>
                    <a:pt x="15690" y="14713"/>
                    <a:pt x="15615" y="14763"/>
                  </a:cubicBezTo>
                  <a:cubicBezTo>
                    <a:pt x="15565" y="14813"/>
                    <a:pt x="15565" y="15039"/>
                    <a:pt x="15515" y="15114"/>
                  </a:cubicBezTo>
                  <a:cubicBezTo>
                    <a:pt x="15515" y="15214"/>
                    <a:pt x="15389" y="15389"/>
                    <a:pt x="15289" y="15389"/>
                  </a:cubicBezTo>
                  <a:cubicBezTo>
                    <a:pt x="15164" y="15389"/>
                    <a:pt x="14938" y="15164"/>
                    <a:pt x="14838" y="15039"/>
                  </a:cubicBezTo>
                  <a:cubicBezTo>
                    <a:pt x="14713" y="14938"/>
                    <a:pt x="14612" y="14663"/>
                    <a:pt x="14437" y="14537"/>
                  </a:cubicBezTo>
                  <a:cubicBezTo>
                    <a:pt x="14337" y="14437"/>
                    <a:pt x="13986" y="14312"/>
                    <a:pt x="13885" y="14262"/>
                  </a:cubicBezTo>
                  <a:cubicBezTo>
                    <a:pt x="13710" y="14212"/>
                    <a:pt x="13309" y="14136"/>
                    <a:pt x="13209" y="14036"/>
                  </a:cubicBezTo>
                  <a:cubicBezTo>
                    <a:pt x="13083" y="13986"/>
                    <a:pt x="12858" y="13861"/>
                    <a:pt x="12808" y="13760"/>
                  </a:cubicBezTo>
                  <a:cubicBezTo>
                    <a:pt x="12758" y="13585"/>
                    <a:pt x="12858" y="13234"/>
                    <a:pt x="12808" y="13084"/>
                  </a:cubicBezTo>
                  <a:cubicBezTo>
                    <a:pt x="12808" y="12958"/>
                    <a:pt x="12808" y="12783"/>
                    <a:pt x="12758" y="12733"/>
                  </a:cubicBezTo>
                  <a:cubicBezTo>
                    <a:pt x="12632" y="12633"/>
                    <a:pt x="12457" y="12457"/>
                    <a:pt x="12357" y="12457"/>
                  </a:cubicBezTo>
                  <a:cubicBezTo>
                    <a:pt x="12231" y="12457"/>
                    <a:pt x="12081" y="12557"/>
                    <a:pt x="12006" y="12633"/>
                  </a:cubicBezTo>
                  <a:cubicBezTo>
                    <a:pt x="11956" y="12733"/>
                    <a:pt x="12081" y="12958"/>
                    <a:pt x="12006" y="13084"/>
                  </a:cubicBezTo>
                  <a:cubicBezTo>
                    <a:pt x="11956" y="13134"/>
                    <a:pt x="11730" y="13134"/>
                    <a:pt x="11680" y="13134"/>
                  </a:cubicBezTo>
                  <a:cubicBezTo>
                    <a:pt x="11555" y="13084"/>
                    <a:pt x="11555" y="12783"/>
                    <a:pt x="11505" y="12733"/>
                  </a:cubicBezTo>
                  <a:cubicBezTo>
                    <a:pt x="11404" y="12633"/>
                    <a:pt x="11179" y="12557"/>
                    <a:pt x="11053" y="12507"/>
                  </a:cubicBezTo>
                  <a:cubicBezTo>
                    <a:pt x="10953" y="12507"/>
                    <a:pt x="10728" y="12507"/>
                    <a:pt x="10652" y="12457"/>
                  </a:cubicBezTo>
                  <a:cubicBezTo>
                    <a:pt x="10602" y="12407"/>
                    <a:pt x="10502" y="12181"/>
                    <a:pt x="10502" y="12106"/>
                  </a:cubicBezTo>
                  <a:cubicBezTo>
                    <a:pt x="10552" y="12006"/>
                    <a:pt x="10728" y="11956"/>
                    <a:pt x="10778" y="11906"/>
                  </a:cubicBezTo>
                  <a:cubicBezTo>
                    <a:pt x="10828" y="11780"/>
                    <a:pt x="10878" y="11605"/>
                    <a:pt x="10878" y="11505"/>
                  </a:cubicBezTo>
                  <a:lnTo>
                    <a:pt x="10878" y="11054"/>
                  </a:lnTo>
                  <a:cubicBezTo>
                    <a:pt x="10828" y="10928"/>
                    <a:pt x="10652" y="10703"/>
                    <a:pt x="10552" y="10602"/>
                  </a:cubicBezTo>
                  <a:cubicBezTo>
                    <a:pt x="10377" y="10477"/>
                    <a:pt x="10101" y="10327"/>
                    <a:pt x="9926" y="10252"/>
                  </a:cubicBezTo>
                  <a:cubicBezTo>
                    <a:pt x="9750" y="10201"/>
                    <a:pt x="9474" y="10151"/>
                    <a:pt x="9374" y="10151"/>
                  </a:cubicBezTo>
                  <a:cubicBezTo>
                    <a:pt x="9249" y="10201"/>
                    <a:pt x="9073" y="10252"/>
                    <a:pt x="9023" y="10327"/>
                  </a:cubicBezTo>
                  <a:cubicBezTo>
                    <a:pt x="8973" y="10377"/>
                    <a:pt x="8973" y="10552"/>
                    <a:pt x="8923" y="10653"/>
                  </a:cubicBezTo>
                  <a:cubicBezTo>
                    <a:pt x="8848" y="10703"/>
                    <a:pt x="8572" y="10878"/>
                    <a:pt x="8522" y="11003"/>
                  </a:cubicBezTo>
                  <a:cubicBezTo>
                    <a:pt x="8472" y="11054"/>
                    <a:pt x="8522" y="11154"/>
                    <a:pt x="8472" y="11229"/>
                  </a:cubicBezTo>
                  <a:cubicBezTo>
                    <a:pt x="8397" y="11279"/>
                    <a:pt x="8246" y="11329"/>
                    <a:pt x="8171" y="11329"/>
                  </a:cubicBezTo>
                  <a:cubicBezTo>
                    <a:pt x="8071" y="11279"/>
                    <a:pt x="8121" y="11054"/>
                    <a:pt x="8071" y="11003"/>
                  </a:cubicBezTo>
                  <a:cubicBezTo>
                    <a:pt x="8021" y="10878"/>
                    <a:pt x="7845" y="10778"/>
                    <a:pt x="7720" y="10778"/>
                  </a:cubicBezTo>
                  <a:cubicBezTo>
                    <a:pt x="7620" y="10778"/>
                    <a:pt x="7394" y="10928"/>
                    <a:pt x="7344" y="11054"/>
                  </a:cubicBezTo>
                  <a:cubicBezTo>
                    <a:pt x="7219" y="11104"/>
                    <a:pt x="6993" y="11279"/>
                    <a:pt x="6818" y="11329"/>
                  </a:cubicBezTo>
                  <a:cubicBezTo>
                    <a:pt x="6768" y="11379"/>
                    <a:pt x="6667" y="11379"/>
                    <a:pt x="6542" y="11379"/>
                  </a:cubicBezTo>
                  <a:lnTo>
                    <a:pt x="6317" y="11379"/>
                  </a:lnTo>
                  <a:cubicBezTo>
                    <a:pt x="6216" y="11329"/>
                    <a:pt x="5991" y="11229"/>
                    <a:pt x="5865" y="11154"/>
                  </a:cubicBezTo>
                  <a:cubicBezTo>
                    <a:pt x="5715" y="11104"/>
                    <a:pt x="5489" y="10828"/>
                    <a:pt x="5264" y="10828"/>
                  </a:cubicBezTo>
                  <a:cubicBezTo>
                    <a:pt x="5189" y="10828"/>
                    <a:pt x="5038" y="10928"/>
                    <a:pt x="4913" y="11003"/>
                  </a:cubicBezTo>
                  <a:cubicBezTo>
                    <a:pt x="4813" y="11003"/>
                    <a:pt x="4587" y="11154"/>
                    <a:pt x="4462" y="11154"/>
                  </a:cubicBezTo>
                  <a:cubicBezTo>
                    <a:pt x="4286" y="11154"/>
                    <a:pt x="3961" y="11054"/>
                    <a:pt x="3835" y="11003"/>
                  </a:cubicBezTo>
                  <a:cubicBezTo>
                    <a:pt x="3735" y="10878"/>
                    <a:pt x="3735" y="10552"/>
                    <a:pt x="3610" y="10377"/>
                  </a:cubicBezTo>
                  <a:cubicBezTo>
                    <a:pt x="3560" y="10327"/>
                    <a:pt x="3384" y="10151"/>
                    <a:pt x="3384" y="10101"/>
                  </a:cubicBezTo>
                  <a:cubicBezTo>
                    <a:pt x="3334" y="9926"/>
                    <a:pt x="3459" y="9575"/>
                    <a:pt x="3459" y="9425"/>
                  </a:cubicBezTo>
                  <a:cubicBezTo>
                    <a:pt x="3384" y="9249"/>
                    <a:pt x="3334" y="8973"/>
                    <a:pt x="3234" y="8848"/>
                  </a:cubicBezTo>
                  <a:cubicBezTo>
                    <a:pt x="3108" y="8798"/>
                    <a:pt x="2883" y="8898"/>
                    <a:pt x="2783" y="8848"/>
                  </a:cubicBezTo>
                  <a:cubicBezTo>
                    <a:pt x="2607" y="8848"/>
                    <a:pt x="2332" y="8748"/>
                    <a:pt x="2206" y="8673"/>
                  </a:cubicBezTo>
                  <a:cubicBezTo>
                    <a:pt x="2156" y="8623"/>
                    <a:pt x="1981" y="8522"/>
                    <a:pt x="1931" y="8447"/>
                  </a:cubicBezTo>
                  <a:cubicBezTo>
                    <a:pt x="1805" y="8297"/>
                    <a:pt x="1755" y="7896"/>
                    <a:pt x="1805" y="7720"/>
                  </a:cubicBezTo>
                  <a:cubicBezTo>
                    <a:pt x="1880" y="7670"/>
                    <a:pt x="2156" y="7720"/>
                    <a:pt x="2206" y="7620"/>
                  </a:cubicBezTo>
                  <a:cubicBezTo>
                    <a:pt x="2256" y="7495"/>
                    <a:pt x="2031" y="7169"/>
                    <a:pt x="1981" y="7044"/>
                  </a:cubicBezTo>
                  <a:cubicBezTo>
                    <a:pt x="1880" y="6943"/>
                    <a:pt x="1580" y="6818"/>
                    <a:pt x="1479" y="6768"/>
                  </a:cubicBezTo>
                  <a:cubicBezTo>
                    <a:pt x="1354" y="6718"/>
                    <a:pt x="1078" y="6768"/>
                    <a:pt x="978" y="6668"/>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251" name="Google Shape;308;p16">
              <a:extLst>
                <a:ext uri="{FF2B5EF4-FFF2-40B4-BE49-F238E27FC236}">
                  <a16:creationId xmlns:a16="http://schemas.microsoft.com/office/drawing/2014/main" id="{C5E7253F-D4FE-ED48-4894-8A3556B614A7}"/>
                </a:ext>
              </a:extLst>
            </p:cNvPr>
            <p:cNvSpPr/>
            <p:nvPr/>
          </p:nvSpPr>
          <p:spPr>
            <a:xfrm>
              <a:off x="3340169" y="2746767"/>
              <a:ext cx="967444" cy="690438"/>
            </a:xfrm>
            <a:custGeom>
              <a:avLst/>
              <a:gdLst/>
              <a:ahLst/>
              <a:cxnLst/>
              <a:rect l="l" t="t" r="r" b="b"/>
              <a:pathLst>
                <a:path w="34663" h="24738" fill="none" extrusionOk="0">
                  <a:moveTo>
                    <a:pt x="978" y="6668"/>
                  </a:moveTo>
                  <a:lnTo>
                    <a:pt x="978" y="6668"/>
                  </a:lnTo>
                  <a:cubicBezTo>
                    <a:pt x="853" y="6592"/>
                    <a:pt x="753" y="6317"/>
                    <a:pt x="677" y="6216"/>
                  </a:cubicBezTo>
                  <a:cubicBezTo>
                    <a:pt x="577" y="6091"/>
                    <a:pt x="352" y="5815"/>
                    <a:pt x="226" y="5640"/>
                  </a:cubicBezTo>
                  <a:cubicBezTo>
                    <a:pt x="176" y="5465"/>
                    <a:pt x="1" y="5089"/>
                    <a:pt x="76" y="4913"/>
                  </a:cubicBezTo>
                  <a:cubicBezTo>
                    <a:pt x="126" y="4788"/>
                    <a:pt x="352" y="4512"/>
                    <a:pt x="452" y="4462"/>
                  </a:cubicBezTo>
                  <a:cubicBezTo>
                    <a:pt x="527" y="4412"/>
                    <a:pt x="677" y="4287"/>
                    <a:pt x="803" y="4337"/>
                  </a:cubicBezTo>
                  <a:cubicBezTo>
                    <a:pt x="853" y="4337"/>
                    <a:pt x="853" y="4562"/>
                    <a:pt x="903" y="4638"/>
                  </a:cubicBezTo>
                  <a:cubicBezTo>
                    <a:pt x="978" y="4638"/>
                    <a:pt x="1204" y="4562"/>
                    <a:pt x="1254" y="4462"/>
                  </a:cubicBezTo>
                  <a:cubicBezTo>
                    <a:pt x="1304" y="4412"/>
                    <a:pt x="1304" y="4237"/>
                    <a:pt x="1354" y="4186"/>
                  </a:cubicBezTo>
                  <a:cubicBezTo>
                    <a:pt x="1479" y="4111"/>
                    <a:pt x="1705" y="4111"/>
                    <a:pt x="1755" y="4061"/>
                  </a:cubicBezTo>
                  <a:cubicBezTo>
                    <a:pt x="1880" y="4011"/>
                    <a:pt x="1981" y="3836"/>
                    <a:pt x="1981" y="3735"/>
                  </a:cubicBezTo>
                  <a:cubicBezTo>
                    <a:pt x="1981" y="3610"/>
                    <a:pt x="1880" y="3460"/>
                    <a:pt x="1805" y="3384"/>
                  </a:cubicBezTo>
                  <a:cubicBezTo>
                    <a:pt x="1705" y="3334"/>
                    <a:pt x="1429" y="3284"/>
                    <a:pt x="1354" y="3159"/>
                  </a:cubicBezTo>
                  <a:cubicBezTo>
                    <a:pt x="1304" y="3059"/>
                    <a:pt x="1304" y="2833"/>
                    <a:pt x="1354" y="2708"/>
                  </a:cubicBezTo>
                  <a:cubicBezTo>
                    <a:pt x="1354" y="2607"/>
                    <a:pt x="1530" y="2482"/>
                    <a:pt x="1530" y="2432"/>
                  </a:cubicBezTo>
                  <a:cubicBezTo>
                    <a:pt x="1530" y="2257"/>
                    <a:pt x="1429" y="2031"/>
                    <a:pt x="1429" y="1931"/>
                  </a:cubicBezTo>
                  <a:lnTo>
                    <a:pt x="1429" y="1655"/>
                  </a:lnTo>
                  <a:cubicBezTo>
                    <a:pt x="1479" y="1530"/>
                    <a:pt x="1580" y="1304"/>
                    <a:pt x="1705" y="1204"/>
                  </a:cubicBezTo>
                  <a:cubicBezTo>
                    <a:pt x="1755" y="1129"/>
                    <a:pt x="1880" y="1028"/>
                    <a:pt x="1981" y="978"/>
                  </a:cubicBezTo>
                  <a:lnTo>
                    <a:pt x="2206" y="978"/>
                  </a:lnTo>
                  <a:cubicBezTo>
                    <a:pt x="2432" y="1028"/>
                    <a:pt x="2933" y="1028"/>
                    <a:pt x="3234" y="1028"/>
                  </a:cubicBezTo>
                  <a:cubicBezTo>
                    <a:pt x="3459" y="1028"/>
                    <a:pt x="3835" y="1079"/>
                    <a:pt x="4061" y="1079"/>
                  </a:cubicBezTo>
                  <a:cubicBezTo>
                    <a:pt x="4362" y="1079"/>
                    <a:pt x="4913" y="978"/>
                    <a:pt x="5189" y="903"/>
                  </a:cubicBezTo>
                  <a:lnTo>
                    <a:pt x="5865" y="678"/>
                  </a:lnTo>
                  <a:cubicBezTo>
                    <a:pt x="5991" y="678"/>
                    <a:pt x="6216" y="577"/>
                    <a:pt x="6317" y="577"/>
                  </a:cubicBezTo>
                  <a:cubicBezTo>
                    <a:pt x="6442" y="577"/>
                    <a:pt x="6667" y="753"/>
                    <a:pt x="6768" y="753"/>
                  </a:cubicBezTo>
                  <a:cubicBezTo>
                    <a:pt x="6943" y="803"/>
                    <a:pt x="7219" y="753"/>
                    <a:pt x="7344" y="753"/>
                  </a:cubicBezTo>
                  <a:cubicBezTo>
                    <a:pt x="7570" y="678"/>
                    <a:pt x="8021" y="577"/>
                    <a:pt x="8246" y="527"/>
                  </a:cubicBezTo>
                  <a:cubicBezTo>
                    <a:pt x="8347" y="452"/>
                    <a:pt x="8572" y="352"/>
                    <a:pt x="8748" y="352"/>
                  </a:cubicBezTo>
                  <a:cubicBezTo>
                    <a:pt x="8848" y="302"/>
                    <a:pt x="9149" y="226"/>
                    <a:pt x="9299" y="226"/>
                  </a:cubicBezTo>
                  <a:cubicBezTo>
                    <a:pt x="9474" y="176"/>
                    <a:pt x="9875" y="1"/>
                    <a:pt x="10101" y="76"/>
                  </a:cubicBezTo>
                  <a:cubicBezTo>
                    <a:pt x="10201" y="76"/>
                    <a:pt x="10427" y="302"/>
                    <a:pt x="10602" y="352"/>
                  </a:cubicBezTo>
                  <a:cubicBezTo>
                    <a:pt x="10728" y="402"/>
                    <a:pt x="11003" y="527"/>
                    <a:pt x="11104" y="627"/>
                  </a:cubicBezTo>
                  <a:cubicBezTo>
                    <a:pt x="11229" y="753"/>
                    <a:pt x="11329" y="1028"/>
                    <a:pt x="11329" y="1129"/>
                  </a:cubicBezTo>
                  <a:cubicBezTo>
                    <a:pt x="11404" y="1204"/>
                    <a:pt x="11404" y="1304"/>
                    <a:pt x="11404" y="1354"/>
                  </a:cubicBezTo>
                  <a:cubicBezTo>
                    <a:pt x="11454" y="1530"/>
                    <a:pt x="11630" y="1755"/>
                    <a:pt x="11630" y="1931"/>
                  </a:cubicBezTo>
                  <a:cubicBezTo>
                    <a:pt x="11555" y="2031"/>
                    <a:pt x="11454" y="2206"/>
                    <a:pt x="11329" y="2332"/>
                  </a:cubicBezTo>
                  <a:cubicBezTo>
                    <a:pt x="11279" y="2432"/>
                    <a:pt x="11179" y="2607"/>
                    <a:pt x="11053" y="2658"/>
                  </a:cubicBezTo>
                  <a:cubicBezTo>
                    <a:pt x="10953" y="2783"/>
                    <a:pt x="10652" y="2883"/>
                    <a:pt x="10602" y="2933"/>
                  </a:cubicBezTo>
                  <a:cubicBezTo>
                    <a:pt x="10502" y="3059"/>
                    <a:pt x="10427" y="3284"/>
                    <a:pt x="10377" y="3334"/>
                  </a:cubicBezTo>
                  <a:cubicBezTo>
                    <a:pt x="10276" y="3460"/>
                    <a:pt x="10051" y="3510"/>
                    <a:pt x="9926" y="3560"/>
                  </a:cubicBezTo>
                  <a:cubicBezTo>
                    <a:pt x="9825" y="3660"/>
                    <a:pt x="9525" y="3836"/>
                    <a:pt x="9424" y="3961"/>
                  </a:cubicBezTo>
                  <a:cubicBezTo>
                    <a:pt x="9374" y="4061"/>
                    <a:pt x="9149" y="4186"/>
                    <a:pt x="9073" y="4287"/>
                  </a:cubicBezTo>
                  <a:cubicBezTo>
                    <a:pt x="9023" y="4412"/>
                    <a:pt x="8973" y="4688"/>
                    <a:pt x="9023" y="4788"/>
                  </a:cubicBezTo>
                  <a:cubicBezTo>
                    <a:pt x="9023" y="5089"/>
                    <a:pt x="9249" y="5590"/>
                    <a:pt x="9424" y="5866"/>
                  </a:cubicBezTo>
                  <a:cubicBezTo>
                    <a:pt x="9474" y="5991"/>
                    <a:pt x="9700" y="6267"/>
                    <a:pt x="9825" y="6367"/>
                  </a:cubicBezTo>
                  <a:cubicBezTo>
                    <a:pt x="9976" y="6542"/>
                    <a:pt x="10552" y="6668"/>
                    <a:pt x="10778" y="6768"/>
                  </a:cubicBezTo>
                  <a:cubicBezTo>
                    <a:pt x="11003" y="6893"/>
                    <a:pt x="11505" y="7219"/>
                    <a:pt x="11780" y="7269"/>
                  </a:cubicBezTo>
                  <a:cubicBezTo>
                    <a:pt x="11855" y="7344"/>
                    <a:pt x="12081" y="7219"/>
                    <a:pt x="12181" y="7219"/>
                  </a:cubicBezTo>
                  <a:cubicBezTo>
                    <a:pt x="12357" y="7269"/>
                    <a:pt x="12457" y="7570"/>
                    <a:pt x="12632" y="7620"/>
                  </a:cubicBezTo>
                  <a:cubicBezTo>
                    <a:pt x="12758" y="7670"/>
                    <a:pt x="13083" y="7720"/>
                    <a:pt x="13259" y="7770"/>
                  </a:cubicBezTo>
                  <a:cubicBezTo>
                    <a:pt x="13359" y="7846"/>
                    <a:pt x="13585" y="7996"/>
                    <a:pt x="13710" y="7996"/>
                  </a:cubicBezTo>
                  <a:cubicBezTo>
                    <a:pt x="13810" y="8071"/>
                    <a:pt x="14111" y="8071"/>
                    <a:pt x="14211" y="8121"/>
                  </a:cubicBezTo>
                  <a:cubicBezTo>
                    <a:pt x="14337" y="8171"/>
                    <a:pt x="14437" y="8397"/>
                    <a:pt x="14562" y="8397"/>
                  </a:cubicBezTo>
                  <a:cubicBezTo>
                    <a:pt x="14612" y="8447"/>
                    <a:pt x="14788" y="8447"/>
                    <a:pt x="14838" y="8447"/>
                  </a:cubicBezTo>
                  <a:cubicBezTo>
                    <a:pt x="14938" y="8447"/>
                    <a:pt x="15114" y="8522"/>
                    <a:pt x="15164" y="8572"/>
                  </a:cubicBezTo>
                  <a:cubicBezTo>
                    <a:pt x="15239" y="8623"/>
                    <a:pt x="15339" y="8748"/>
                    <a:pt x="15389" y="8798"/>
                  </a:cubicBezTo>
                  <a:cubicBezTo>
                    <a:pt x="15464" y="8798"/>
                    <a:pt x="15690" y="8798"/>
                    <a:pt x="15740" y="8848"/>
                  </a:cubicBezTo>
                  <a:cubicBezTo>
                    <a:pt x="15790" y="8848"/>
                    <a:pt x="15840" y="8973"/>
                    <a:pt x="15916" y="9024"/>
                  </a:cubicBezTo>
                  <a:lnTo>
                    <a:pt x="16292" y="9024"/>
                  </a:lnTo>
                  <a:cubicBezTo>
                    <a:pt x="16467" y="9024"/>
                    <a:pt x="16743" y="9074"/>
                    <a:pt x="16868" y="9124"/>
                  </a:cubicBezTo>
                  <a:cubicBezTo>
                    <a:pt x="17094" y="9199"/>
                    <a:pt x="17369" y="9425"/>
                    <a:pt x="17595" y="9475"/>
                  </a:cubicBezTo>
                  <a:cubicBezTo>
                    <a:pt x="17770" y="9575"/>
                    <a:pt x="18221" y="9525"/>
                    <a:pt x="18447" y="9575"/>
                  </a:cubicBezTo>
                  <a:cubicBezTo>
                    <a:pt x="18547" y="9575"/>
                    <a:pt x="18773" y="9750"/>
                    <a:pt x="18898" y="9800"/>
                  </a:cubicBezTo>
                  <a:cubicBezTo>
                    <a:pt x="19124" y="9876"/>
                    <a:pt x="19575" y="9976"/>
                    <a:pt x="19800" y="10026"/>
                  </a:cubicBezTo>
                  <a:cubicBezTo>
                    <a:pt x="19951" y="10101"/>
                    <a:pt x="20352" y="10252"/>
                    <a:pt x="20577" y="10327"/>
                  </a:cubicBezTo>
                  <a:cubicBezTo>
                    <a:pt x="20703" y="10377"/>
                    <a:pt x="20928" y="10427"/>
                    <a:pt x="21028" y="10477"/>
                  </a:cubicBezTo>
                  <a:cubicBezTo>
                    <a:pt x="21204" y="10552"/>
                    <a:pt x="21530" y="10703"/>
                    <a:pt x="21705" y="10828"/>
                  </a:cubicBezTo>
                  <a:cubicBezTo>
                    <a:pt x="21830" y="10878"/>
                    <a:pt x="22056" y="11054"/>
                    <a:pt x="22156" y="11104"/>
                  </a:cubicBezTo>
                  <a:cubicBezTo>
                    <a:pt x="22382" y="11279"/>
                    <a:pt x="22833" y="11730"/>
                    <a:pt x="23109" y="11906"/>
                  </a:cubicBezTo>
                  <a:cubicBezTo>
                    <a:pt x="23334" y="12056"/>
                    <a:pt x="23860" y="12332"/>
                    <a:pt x="24086" y="12507"/>
                  </a:cubicBezTo>
                  <a:cubicBezTo>
                    <a:pt x="24236" y="12633"/>
                    <a:pt x="24587" y="12908"/>
                    <a:pt x="24813" y="12958"/>
                  </a:cubicBezTo>
                  <a:cubicBezTo>
                    <a:pt x="25038" y="13084"/>
                    <a:pt x="25540" y="13134"/>
                    <a:pt x="25815" y="13184"/>
                  </a:cubicBezTo>
                  <a:cubicBezTo>
                    <a:pt x="25991" y="13234"/>
                    <a:pt x="26342" y="13359"/>
                    <a:pt x="26492" y="13409"/>
                  </a:cubicBezTo>
                  <a:cubicBezTo>
                    <a:pt x="26718" y="13535"/>
                    <a:pt x="27169" y="13811"/>
                    <a:pt x="27394" y="13911"/>
                  </a:cubicBezTo>
                  <a:cubicBezTo>
                    <a:pt x="27520" y="13986"/>
                    <a:pt x="27795" y="14086"/>
                    <a:pt x="27896" y="14136"/>
                  </a:cubicBezTo>
                  <a:cubicBezTo>
                    <a:pt x="28021" y="14136"/>
                    <a:pt x="28297" y="14086"/>
                    <a:pt x="28422" y="14086"/>
                  </a:cubicBezTo>
                  <a:cubicBezTo>
                    <a:pt x="28522" y="14086"/>
                    <a:pt x="28798" y="14086"/>
                    <a:pt x="28923" y="14136"/>
                  </a:cubicBezTo>
                  <a:cubicBezTo>
                    <a:pt x="28973" y="14212"/>
                    <a:pt x="28973" y="14312"/>
                    <a:pt x="28923" y="14362"/>
                  </a:cubicBezTo>
                  <a:cubicBezTo>
                    <a:pt x="28923" y="14437"/>
                    <a:pt x="28798" y="14487"/>
                    <a:pt x="28798" y="14537"/>
                  </a:cubicBezTo>
                  <a:cubicBezTo>
                    <a:pt x="28798" y="14587"/>
                    <a:pt x="28873" y="14713"/>
                    <a:pt x="28923" y="14713"/>
                  </a:cubicBezTo>
                  <a:cubicBezTo>
                    <a:pt x="28973" y="14713"/>
                    <a:pt x="29099" y="14587"/>
                    <a:pt x="29149" y="14587"/>
                  </a:cubicBezTo>
                  <a:cubicBezTo>
                    <a:pt x="29199" y="14537"/>
                    <a:pt x="29374" y="14487"/>
                    <a:pt x="29424" y="14537"/>
                  </a:cubicBezTo>
                  <a:cubicBezTo>
                    <a:pt x="29475" y="14537"/>
                    <a:pt x="29424" y="14713"/>
                    <a:pt x="29424" y="14763"/>
                  </a:cubicBezTo>
                  <a:cubicBezTo>
                    <a:pt x="29475" y="14888"/>
                    <a:pt x="29650" y="14938"/>
                    <a:pt x="29700" y="15039"/>
                  </a:cubicBezTo>
                  <a:cubicBezTo>
                    <a:pt x="29700" y="15114"/>
                    <a:pt x="29600" y="15339"/>
                    <a:pt x="29650" y="15440"/>
                  </a:cubicBezTo>
                  <a:cubicBezTo>
                    <a:pt x="29700" y="15565"/>
                    <a:pt x="30051" y="15615"/>
                    <a:pt x="30151" y="15665"/>
                  </a:cubicBezTo>
                  <a:cubicBezTo>
                    <a:pt x="30226" y="15715"/>
                    <a:pt x="30327" y="15891"/>
                    <a:pt x="30377" y="15941"/>
                  </a:cubicBezTo>
                  <a:cubicBezTo>
                    <a:pt x="30502" y="16066"/>
                    <a:pt x="30828" y="16342"/>
                    <a:pt x="31053" y="16392"/>
                  </a:cubicBezTo>
                  <a:cubicBezTo>
                    <a:pt x="31229" y="16517"/>
                    <a:pt x="31630" y="16618"/>
                    <a:pt x="31855" y="16793"/>
                  </a:cubicBezTo>
                  <a:cubicBezTo>
                    <a:pt x="31956" y="16843"/>
                    <a:pt x="32257" y="17119"/>
                    <a:pt x="32357" y="17244"/>
                  </a:cubicBezTo>
                  <a:cubicBezTo>
                    <a:pt x="32532" y="17420"/>
                    <a:pt x="32858" y="17695"/>
                    <a:pt x="33033" y="17795"/>
                  </a:cubicBezTo>
                  <a:cubicBezTo>
                    <a:pt x="33159" y="17921"/>
                    <a:pt x="33309" y="18196"/>
                    <a:pt x="33434" y="18322"/>
                  </a:cubicBezTo>
                  <a:cubicBezTo>
                    <a:pt x="33485" y="18372"/>
                    <a:pt x="33660" y="18472"/>
                    <a:pt x="33710" y="18547"/>
                  </a:cubicBezTo>
                  <a:cubicBezTo>
                    <a:pt x="33835" y="18648"/>
                    <a:pt x="34061" y="18873"/>
                    <a:pt x="34111" y="19049"/>
                  </a:cubicBezTo>
                  <a:lnTo>
                    <a:pt x="34111" y="19500"/>
                  </a:lnTo>
                  <a:lnTo>
                    <a:pt x="34337" y="19951"/>
                  </a:lnTo>
                  <a:cubicBezTo>
                    <a:pt x="34387" y="20001"/>
                    <a:pt x="34562" y="20126"/>
                    <a:pt x="34612" y="20227"/>
                  </a:cubicBezTo>
                  <a:cubicBezTo>
                    <a:pt x="34663" y="20352"/>
                    <a:pt x="34663" y="20552"/>
                    <a:pt x="34663" y="20678"/>
                  </a:cubicBezTo>
                  <a:cubicBezTo>
                    <a:pt x="34612" y="20778"/>
                    <a:pt x="34437" y="20903"/>
                    <a:pt x="34387" y="20953"/>
                  </a:cubicBezTo>
                  <a:cubicBezTo>
                    <a:pt x="34337" y="21079"/>
                    <a:pt x="34337" y="21354"/>
                    <a:pt x="34287" y="21455"/>
                  </a:cubicBezTo>
                  <a:cubicBezTo>
                    <a:pt x="34287" y="21530"/>
                    <a:pt x="34161" y="21630"/>
                    <a:pt x="34161" y="21680"/>
                  </a:cubicBezTo>
                  <a:cubicBezTo>
                    <a:pt x="34111" y="21755"/>
                    <a:pt x="34161" y="21856"/>
                    <a:pt x="34161" y="21981"/>
                  </a:cubicBezTo>
                  <a:cubicBezTo>
                    <a:pt x="34111" y="22031"/>
                    <a:pt x="33886" y="22031"/>
                    <a:pt x="33835" y="22081"/>
                  </a:cubicBezTo>
                  <a:cubicBezTo>
                    <a:pt x="33760" y="22207"/>
                    <a:pt x="33760" y="22482"/>
                    <a:pt x="33760" y="22582"/>
                  </a:cubicBezTo>
                  <a:cubicBezTo>
                    <a:pt x="33710" y="22708"/>
                    <a:pt x="33660" y="22933"/>
                    <a:pt x="33710" y="22983"/>
                  </a:cubicBezTo>
                  <a:cubicBezTo>
                    <a:pt x="33710" y="23109"/>
                    <a:pt x="33835" y="23209"/>
                    <a:pt x="33886" y="23334"/>
                  </a:cubicBezTo>
                  <a:cubicBezTo>
                    <a:pt x="33886" y="23435"/>
                    <a:pt x="33835" y="23710"/>
                    <a:pt x="33835" y="23836"/>
                  </a:cubicBezTo>
                  <a:cubicBezTo>
                    <a:pt x="33835" y="23936"/>
                    <a:pt x="33886" y="24111"/>
                    <a:pt x="33886" y="24237"/>
                  </a:cubicBezTo>
                  <a:cubicBezTo>
                    <a:pt x="33886" y="24337"/>
                    <a:pt x="33886" y="24562"/>
                    <a:pt x="33760" y="24688"/>
                  </a:cubicBezTo>
                  <a:cubicBezTo>
                    <a:pt x="33710" y="24688"/>
                    <a:pt x="33610" y="24738"/>
                    <a:pt x="33535" y="24738"/>
                  </a:cubicBezTo>
                  <a:cubicBezTo>
                    <a:pt x="33485" y="24688"/>
                    <a:pt x="33309" y="24688"/>
                    <a:pt x="33259" y="24613"/>
                  </a:cubicBezTo>
                  <a:cubicBezTo>
                    <a:pt x="33209" y="24562"/>
                    <a:pt x="33084" y="24337"/>
                    <a:pt x="32983" y="24287"/>
                  </a:cubicBezTo>
                  <a:cubicBezTo>
                    <a:pt x="32933" y="24237"/>
                    <a:pt x="32758" y="24161"/>
                    <a:pt x="32708" y="24161"/>
                  </a:cubicBezTo>
                  <a:cubicBezTo>
                    <a:pt x="32582" y="24111"/>
                    <a:pt x="32307" y="24161"/>
                    <a:pt x="32181" y="24237"/>
                  </a:cubicBezTo>
                  <a:cubicBezTo>
                    <a:pt x="32131" y="24237"/>
                    <a:pt x="32081" y="24337"/>
                    <a:pt x="32031" y="24337"/>
                  </a:cubicBezTo>
                  <a:cubicBezTo>
                    <a:pt x="31906" y="24287"/>
                    <a:pt x="31730" y="24011"/>
                    <a:pt x="31630" y="23936"/>
                  </a:cubicBezTo>
                  <a:cubicBezTo>
                    <a:pt x="31505" y="23836"/>
                    <a:pt x="31279" y="23710"/>
                    <a:pt x="31179" y="23660"/>
                  </a:cubicBezTo>
                  <a:cubicBezTo>
                    <a:pt x="31053" y="23660"/>
                    <a:pt x="30953" y="23610"/>
                    <a:pt x="30828" y="23560"/>
                  </a:cubicBezTo>
                  <a:cubicBezTo>
                    <a:pt x="30728" y="23435"/>
                    <a:pt x="30452" y="23209"/>
                    <a:pt x="30377" y="23034"/>
                  </a:cubicBezTo>
                  <a:cubicBezTo>
                    <a:pt x="30327" y="23034"/>
                    <a:pt x="30327" y="22883"/>
                    <a:pt x="30327" y="22883"/>
                  </a:cubicBezTo>
                  <a:cubicBezTo>
                    <a:pt x="30277" y="22808"/>
                    <a:pt x="30151" y="22808"/>
                    <a:pt x="30101" y="22758"/>
                  </a:cubicBezTo>
                  <a:cubicBezTo>
                    <a:pt x="30051" y="22708"/>
                    <a:pt x="29876" y="22532"/>
                    <a:pt x="29926" y="22482"/>
                  </a:cubicBezTo>
                  <a:cubicBezTo>
                    <a:pt x="29926" y="22432"/>
                    <a:pt x="30051" y="22482"/>
                    <a:pt x="30101" y="22432"/>
                  </a:cubicBezTo>
                  <a:cubicBezTo>
                    <a:pt x="30151" y="22357"/>
                    <a:pt x="30101" y="22207"/>
                    <a:pt x="30051" y="22081"/>
                  </a:cubicBezTo>
                  <a:cubicBezTo>
                    <a:pt x="30051" y="22031"/>
                    <a:pt x="29926" y="21906"/>
                    <a:pt x="29926" y="21856"/>
                  </a:cubicBezTo>
                  <a:cubicBezTo>
                    <a:pt x="29926" y="21755"/>
                    <a:pt x="30001" y="21530"/>
                    <a:pt x="29926" y="21405"/>
                  </a:cubicBezTo>
                  <a:cubicBezTo>
                    <a:pt x="29926" y="21304"/>
                    <a:pt x="29775" y="21079"/>
                    <a:pt x="29700" y="20953"/>
                  </a:cubicBezTo>
                  <a:cubicBezTo>
                    <a:pt x="29700" y="20853"/>
                    <a:pt x="29650" y="20678"/>
                    <a:pt x="29600" y="20628"/>
                  </a:cubicBezTo>
                  <a:cubicBezTo>
                    <a:pt x="29550" y="20552"/>
                    <a:pt x="29424" y="20502"/>
                    <a:pt x="29374" y="20502"/>
                  </a:cubicBezTo>
                  <a:cubicBezTo>
                    <a:pt x="29324" y="20502"/>
                    <a:pt x="29199" y="20628"/>
                    <a:pt x="29149" y="20552"/>
                  </a:cubicBezTo>
                  <a:cubicBezTo>
                    <a:pt x="29099" y="20502"/>
                    <a:pt x="29149" y="20277"/>
                    <a:pt x="29149" y="20227"/>
                  </a:cubicBezTo>
                  <a:cubicBezTo>
                    <a:pt x="29149" y="20126"/>
                    <a:pt x="29099" y="19951"/>
                    <a:pt x="29099" y="19826"/>
                  </a:cubicBezTo>
                  <a:cubicBezTo>
                    <a:pt x="29023" y="19725"/>
                    <a:pt x="28923" y="19600"/>
                    <a:pt x="28923" y="19500"/>
                  </a:cubicBezTo>
                  <a:cubicBezTo>
                    <a:pt x="28923" y="19450"/>
                    <a:pt x="28973" y="19374"/>
                    <a:pt x="28973" y="19374"/>
                  </a:cubicBezTo>
                  <a:cubicBezTo>
                    <a:pt x="28923" y="19274"/>
                    <a:pt x="28698" y="19324"/>
                    <a:pt x="28647" y="19274"/>
                  </a:cubicBezTo>
                  <a:cubicBezTo>
                    <a:pt x="28572" y="19274"/>
                    <a:pt x="28572" y="19099"/>
                    <a:pt x="28522" y="19049"/>
                  </a:cubicBezTo>
                  <a:cubicBezTo>
                    <a:pt x="28472" y="19049"/>
                    <a:pt x="28422" y="19149"/>
                    <a:pt x="28347" y="19149"/>
                  </a:cubicBezTo>
                  <a:cubicBezTo>
                    <a:pt x="28246" y="19224"/>
                    <a:pt x="28021" y="19099"/>
                    <a:pt x="27896" y="19049"/>
                  </a:cubicBezTo>
                  <a:cubicBezTo>
                    <a:pt x="27745" y="19049"/>
                    <a:pt x="27470" y="19099"/>
                    <a:pt x="27344" y="19049"/>
                  </a:cubicBezTo>
                  <a:cubicBezTo>
                    <a:pt x="27294" y="19049"/>
                    <a:pt x="27169" y="18923"/>
                    <a:pt x="27119" y="18923"/>
                  </a:cubicBezTo>
                  <a:cubicBezTo>
                    <a:pt x="27069" y="18923"/>
                    <a:pt x="26893" y="18998"/>
                    <a:pt x="26843" y="19049"/>
                  </a:cubicBezTo>
                  <a:lnTo>
                    <a:pt x="26266" y="19049"/>
                  </a:lnTo>
                  <a:cubicBezTo>
                    <a:pt x="26216" y="19099"/>
                    <a:pt x="26116" y="19149"/>
                    <a:pt x="26041" y="19149"/>
                  </a:cubicBezTo>
                  <a:cubicBezTo>
                    <a:pt x="25941" y="19224"/>
                    <a:pt x="25590" y="19149"/>
                    <a:pt x="25490" y="19149"/>
                  </a:cubicBezTo>
                  <a:cubicBezTo>
                    <a:pt x="25439" y="19224"/>
                    <a:pt x="25314" y="19274"/>
                    <a:pt x="25264" y="19274"/>
                  </a:cubicBezTo>
                  <a:cubicBezTo>
                    <a:pt x="25214" y="19224"/>
                    <a:pt x="25089" y="19099"/>
                    <a:pt x="25038" y="19099"/>
                  </a:cubicBezTo>
                  <a:cubicBezTo>
                    <a:pt x="24988" y="19049"/>
                    <a:pt x="24813" y="19099"/>
                    <a:pt x="24763" y="19099"/>
                  </a:cubicBezTo>
                  <a:cubicBezTo>
                    <a:pt x="24688" y="19049"/>
                    <a:pt x="24587" y="18873"/>
                    <a:pt x="24537" y="18873"/>
                  </a:cubicBezTo>
                  <a:cubicBezTo>
                    <a:pt x="24412" y="18823"/>
                    <a:pt x="24312" y="18873"/>
                    <a:pt x="24236" y="18873"/>
                  </a:cubicBezTo>
                  <a:cubicBezTo>
                    <a:pt x="24186" y="18873"/>
                    <a:pt x="24086" y="18773"/>
                    <a:pt x="24011" y="18698"/>
                  </a:cubicBezTo>
                  <a:cubicBezTo>
                    <a:pt x="23911" y="18648"/>
                    <a:pt x="23685" y="18472"/>
                    <a:pt x="23560" y="18472"/>
                  </a:cubicBezTo>
                  <a:cubicBezTo>
                    <a:pt x="23510" y="18422"/>
                    <a:pt x="23334" y="18472"/>
                    <a:pt x="23234" y="18472"/>
                  </a:cubicBezTo>
                  <a:cubicBezTo>
                    <a:pt x="23109" y="18422"/>
                    <a:pt x="22883" y="18247"/>
                    <a:pt x="22783" y="18247"/>
                  </a:cubicBezTo>
                  <a:cubicBezTo>
                    <a:pt x="22657" y="18196"/>
                    <a:pt x="22507" y="18196"/>
                    <a:pt x="22432" y="18247"/>
                  </a:cubicBezTo>
                  <a:cubicBezTo>
                    <a:pt x="22382" y="18247"/>
                    <a:pt x="22332" y="18372"/>
                    <a:pt x="22282" y="18372"/>
                  </a:cubicBezTo>
                  <a:cubicBezTo>
                    <a:pt x="22206" y="18322"/>
                    <a:pt x="22206" y="18146"/>
                    <a:pt x="22206" y="18096"/>
                  </a:cubicBezTo>
                  <a:lnTo>
                    <a:pt x="22206" y="17971"/>
                  </a:lnTo>
                  <a:cubicBezTo>
                    <a:pt x="22282" y="17921"/>
                    <a:pt x="22507" y="17921"/>
                    <a:pt x="22557" y="17871"/>
                  </a:cubicBezTo>
                  <a:lnTo>
                    <a:pt x="22557" y="17745"/>
                  </a:lnTo>
                  <a:cubicBezTo>
                    <a:pt x="22557" y="17695"/>
                    <a:pt x="22507" y="17570"/>
                    <a:pt x="22507" y="17520"/>
                  </a:cubicBezTo>
                  <a:cubicBezTo>
                    <a:pt x="22507" y="17470"/>
                    <a:pt x="22557" y="17344"/>
                    <a:pt x="22607" y="17344"/>
                  </a:cubicBezTo>
                  <a:cubicBezTo>
                    <a:pt x="22657" y="17294"/>
                    <a:pt x="22883" y="17420"/>
                    <a:pt x="23008" y="17344"/>
                  </a:cubicBezTo>
                  <a:lnTo>
                    <a:pt x="23284" y="17344"/>
                  </a:lnTo>
                  <a:cubicBezTo>
                    <a:pt x="23284" y="17294"/>
                    <a:pt x="23334" y="17194"/>
                    <a:pt x="23334" y="17119"/>
                  </a:cubicBezTo>
                  <a:cubicBezTo>
                    <a:pt x="23334" y="17069"/>
                    <a:pt x="23284" y="16893"/>
                    <a:pt x="23234" y="16843"/>
                  </a:cubicBezTo>
                  <a:cubicBezTo>
                    <a:pt x="23184" y="16843"/>
                    <a:pt x="23058" y="16893"/>
                    <a:pt x="23008" y="16893"/>
                  </a:cubicBezTo>
                  <a:cubicBezTo>
                    <a:pt x="22883" y="16968"/>
                    <a:pt x="22733" y="16843"/>
                    <a:pt x="22607" y="16893"/>
                  </a:cubicBezTo>
                  <a:cubicBezTo>
                    <a:pt x="22557" y="16893"/>
                    <a:pt x="22507" y="17019"/>
                    <a:pt x="22432" y="17019"/>
                  </a:cubicBezTo>
                  <a:cubicBezTo>
                    <a:pt x="22382" y="17069"/>
                    <a:pt x="22282" y="17194"/>
                    <a:pt x="22206" y="17244"/>
                  </a:cubicBezTo>
                  <a:cubicBezTo>
                    <a:pt x="22156" y="17294"/>
                    <a:pt x="21981" y="17294"/>
                    <a:pt x="21881" y="17244"/>
                  </a:cubicBezTo>
                  <a:cubicBezTo>
                    <a:pt x="21830" y="17194"/>
                    <a:pt x="21830" y="16968"/>
                    <a:pt x="21755" y="16893"/>
                  </a:cubicBezTo>
                  <a:cubicBezTo>
                    <a:pt x="21705" y="16843"/>
                    <a:pt x="21429" y="16843"/>
                    <a:pt x="21304" y="16843"/>
                  </a:cubicBezTo>
                  <a:cubicBezTo>
                    <a:pt x="21204" y="16843"/>
                    <a:pt x="20853" y="16893"/>
                    <a:pt x="20703" y="16968"/>
                  </a:cubicBezTo>
                  <a:cubicBezTo>
                    <a:pt x="20527" y="17019"/>
                    <a:pt x="20251" y="17194"/>
                    <a:pt x="20126" y="17294"/>
                  </a:cubicBezTo>
                  <a:cubicBezTo>
                    <a:pt x="19901" y="17420"/>
                    <a:pt x="19625" y="17795"/>
                    <a:pt x="19500" y="18021"/>
                  </a:cubicBezTo>
                  <a:cubicBezTo>
                    <a:pt x="19449" y="18096"/>
                    <a:pt x="19399" y="18146"/>
                    <a:pt x="19349" y="18247"/>
                  </a:cubicBezTo>
                  <a:cubicBezTo>
                    <a:pt x="19274" y="18146"/>
                    <a:pt x="19174" y="18021"/>
                    <a:pt x="19124" y="17971"/>
                  </a:cubicBezTo>
                  <a:cubicBezTo>
                    <a:pt x="19048" y="17871"/>
                    <a:pt x="18823" y="17570"/>
                    <a:pt x="18723" y="17520"/>
                  </a:cubicBezTo>
                  <a:cubicBezTo>
                    <a:pt x="18597" y="17520"/>
                    <a:pt x="18372" y="17570"/>
                    <a:pt x="18271" y="17520"/>
                  </a:cubicBezTo>
                  <a:cubicBezTo>
                    <a:pt x="18146" y="17470"/>
                    <a:pt x="17921" y="17244"/>
                    <a:pt x="17870" y="17119"/>
                  </a:cubicBezTo>
                  <a:cubicBezTo>
                    <a:pt x="17820" y="17069"/>
                    <a:pt x="17770" y="16843"/>
                    <a:pt x="17770" y="16793"/>
                  </a:cubicBezTo>
                  <a:cubicBezTo>
                    <a:pt x="17770" y="16668"/>
                    <a:pt x="17820" y="16517"/>
                    <a:pt x="17820" y="16442"/>
                  </a:cubicBezTo>
                  <a:cubicBezTo>
                    <a:pt x="17870" y="16392"/>
                    <a:pt x="17870" y="16242"/>
                    <a:pt x="17820" y="16166"/>
                  </a:cubicBezTo>
                  <a:cubicBezTo>
                    <a:pt x="17820" y="16116"/>
                    <a:pt x="17645" y="16066"/>
                    <a:pt x="17595" y="16016"/>
                  </a:cubicBezTo>
                  <a:cubicBezTo>
                    <a:pt x="17545" y="15891"/>
                    <a:pt x="17469" y="15715"/>
                    <a:pt x="17469" y="15615"/>
                  </a:cubicBezTo>
                  <a:lnTo>
                    <a:pt x="17645" y="15264"/>
                  </a:lnTo>
                  <a:cubicBezTo>
                    <a:pt x="17645" y="15164"/>
                    <a:pt x="17770" y="14988"/>
                    <a:pt x="17695" y="14888"/>
                  </a:cubicBezTo>
                  <a:cubicBezTo>
                    <a:pt x="17695" y="14763"/>
                    <a:pt x="17545" y="14587"/>
                    <a:pt x="17419" y="14537"/>
                  </a:cubicBezTo>
                  <a:cubicBezTo>
                    <a:pt x="17369" y="14487"/>
                    <a:pt x="17194" y="14487"/>
                    <a:pt x="17144" y="14537"/>
                  </a:cubicBezTo>
                  <a:cubicBezTo>
                    <a:pt x="17018" y="14587"/>
                    <a:pt x="16968" y="14888"/>
                    <a:pt x="16868" y="14938"/>
                  </a:cubicBezTo>
                  <a:cubicBezTo>
                    <a:pt x="16743" y="14988"/>
                    <a:pt x="16517" y="14988"/>
                    <a:pt x="16417" y="14938"/>
                  </a:cubicBezTo>
                  <a:cubicBezTo>
                    <a:pt x="16292" y="14888"/>
                    <a:pt x="16241" y="14587"/>
                    <a:pt x="16141" y="14537"/>
                  </a:cubicBezTo>
                  <a:cubicBezTo>
                    <a:pt x="16066" y="14487"/>
                    <a:pt x="15966" y="14537"/>
                    <a:pt x="15840" y="14537"/>
                  </a:cubicBezTo>
                  <a:cubicBezTo>
                    <a:pt x="15790" y="14537"/>
                    <a:pt x="15690" y="14713"/>
                    <a:pt x="15615" y="14763"/>
                  </a:cubicBezTo>
                  <a:cubicBezTo>
                    <a:pt x="15565" y="14813"/>
                    <a:pt x="15565" y="15039"/>
                    <a:pt x="15515" y="15114"/>
                  </a:cubicBezTo>
                  <a:cubicBezTo>
                    <a:pt x="15515" y="15214"/>
                    <a:pt x="15389" y="15389"/>
                    <a:pt x="15289" y="15389"/>
                  </a:cubicBezTo>
                  <a:cubicBezTo>
                    <a:pt x="15164" y="15389"/>
                    <a:pt x="14938" y="15164"/>
                    <a:pt x="14838" y="15039"/>
                  </a:cubicBezTo>
                  <a:cubicBezTo>
                    <a:pt x="14713" y="14938"/>
                    <a:pt x="14612" y="14663"/>
                    <a:pt x="14437" y="14537"/>
                  </a:cubicBezTo>
                  <a:cubicBezTo>
                    <a:pt x="14337" y="14437"/>
                    <a:pt x="13986" y="14312"/>
                    <a:pt x="13885" y="14262"/>
                  </a:cubicBezTo>
                  <a:cubicBezTo>
                    <a:pt x="13710" y="14212"/>
                    <a:pt x="13309" y="14136"/>
                    <a:pt x="13209" y="14036"/>
                  </a:cubicBezTo>
                  <a:cubicBezTo>
                    <a:pt x="13083" y="13986"/>
                    <a:pt x="12858" y="13861"/>
                    <a:pt x="12808" y="13760"/>
                  </a:cubicBezTo>
                  <a:cubicBezTo>
                    <a:pt x="12758" y="13585"/>
                    <a:pt x="12858" y="13234"/>
                    <a:pt x="12808" y="13084"/>
                  </a:cubicBezTo>
                  <a:cubicBezTo>
                    <a:pt x="12808" y="12958"/>
                    <a:pt x="12808" y="12783"/>
                    <a:pt x="12758" y="12733"/>
                  </a:cubicBezTo>
                  <a:cubicBezTo>
                    <a:pt x="12632" y="12633"/>
                    <a:pt x="12457" y="12457"/>
                    <a:pt x="12357" y="12457"/>
                  </a:cubicBezTo>
                  <a:cubicBezTo>
                    <a:pt x="12231" y="12457"/>
                    <a:pt x="12081" y="12557"/>
                    <a:pt x="12006" y="12633"/>
                  </a:cubicBezTo>
                  <a:cubicBezTo>
                    <a:pt x="11956" y="12733"/>
                    <a:pt x="12081" y="12958"/>
                    <a:pt x="12006" y="13084"/>
                  </a:cubicBezTo>
                  <a:cubicBezTo>
                    <a:pt x="11956" y="13134"/>
                    <a:pt x="11730" y="13134"/>
                    <a:pt x="11680" y="13134"/>
                  </a:cubicBezTo>
                  <a:cubicBezTo>
                    <a:pt x="11555" y="13084"/>
                    <a:pt x="11555" y="12783"/>
                    <a:pt x="11505" y="12733"/>
                  </a:cubicBezTo>
                  <a:cubicBezTo>
                    <a:pt x="11404" y="12633"/>
                    <a:pt x="11179" y="12557"/>
                    <a:pt x="11053" y="12507"/>
                  </a:cubicBezTo>
                  <a:cubicBezTo>
                    <a:pt x="10953" y="12507"/>
                    <a:pt x="10728" y="12507"/>
                    <a:pt x="10652" y="12457"/>
                  </a:cubicBezTo>
                  <a:cubicBezTo>
                    <a:pt x="10602" y="12407"/>
                    <a:pt x="10502" y="12181"/>
                    <a:pt x="10502" y="12106"/>
                  </a:cubicBezTo>
                  <a:cubicBezTo>
                    <a:pt x="10552" y="12006"/>
                    <a:pt x="10728" y="11956"/>
                    <a:pt x="10778" y="11906"/>
                  </a:cubicBezTo>
                  <a:cubicBezTo>
                    <a:pt x="10828" y="11780"/>
                    <a:pt x="10878" y="11605"/>
                    <a:pt x="10878" y="11505"/>
                  </a:cubicBezTo>
                  <a:lnTo>
                    <a:pt x="10878" y="11054"/>
                  </a:lnTo>
                  <a:cubicBezTo>
                    <a:pt x="10828" y="10928"/>
                    <a:pt x="10652" y="10703"/>
                    <a:pt x="10552" y="10602"/>
                  </a:cubicBezTo>
                  <a:cubicBezTo>
                    <a:pt x="10377" y="10477"/>
                    <a:pt x="10101" y="10327"/>
                    <a:pt x="9926" y="10252"/>
                  </a:cubicBezTo>
                  <a:cubicBezTo>
                    <a:pt x="9750" y="10201"/>
                    <a:pt x="9474" y="10151"/>
                    <a:pt x="9374" y="10151"/>
                  </a:cubicBezTo>
                  <a:cubicBezTo>
                    <a:pt x="9249" y="10201"/>
                    <a:pt x="9073" y="10252"/>
                    <a:pt x="9023" y="10327"/>
                  </a:cubicBezTo>
                  <a:cubicBezTo>
                    <a:pt x="8973" y="10377"/>
                    <a:pt x="8973" y="10552"/>
                    <a:pt x="8923" y="10653"/>
                  </a:cubicBezTo>
                  <a:cubicBezTo>
                    <a:pt x="8848" y="10703"/>
                    <a:pt x="8572" y="10878"/>
                    <a:pt x="8522" y="11003"/>
                  </a:cubicBezTo>
                  <a:cubicBezTo>
                    <a:pt x="8472" y="11054"/>
                    <a:pt x="8522" y="11154"/>
                    <a:pt x="8472" y="11229"/>
                  </a:cubicBezTo>
                  <a:cubicBezTo>
                    <a:pt x="8397" y="11279"/>
                    <a:pt x="8246" y="11329"/>
                    <a:pt x="8171" y="11329"/>
                  </a:cubicBezTo>
                  <a:cubicBezTo>
                    <a:pt x="8071" y="11279"/>
                    <a:pt x="8121" y="11054"/>
                    <a:pt x="8071" y="11003"/>
                  </a:cubicBezTo>
                  <a:cubicBezTo>
                    <a:pt x="8021" y="10878"/>
                    <a:pt x="7845" y="10778"/>
                    <a:pt x="7720" y="10778"/>
                  </a:cubicBezTo>
                  <a:cubicBezTo>
                    <a:pt x="7620" y="10778"/>
                    <a:pt x="7394" y="10928"/>
                    <a:pt x="7344" y="11054"/>
                  </a:cubicBezTo>
                  <a:cubicBezTo>
                    <a:pt x="7219" y="11104"/>
                    <a:pt x="6993" y="11279"/>
                    <a:pt x="6818" y="11329"/>
                  </a:cubicBezTo>
                  <a:cubicBezTo>
                    <a:pt x="6768" y="11379"/>
                    <a:pt x="6667" y="11379"/>
                    <a:pt x="6542" y="11379"/>
                  </a:cubicBezTo>
                  <a:lnTo>
                    <a:pt x="6317" y="11379"/>
                  </a:lnTo>
                  <a:cubicBezTo>
                    <a:pt x="6216" y="11329"/>
                    <a:pt x="5991" y="11229"/>
                    <a:pt x="5865" y="11154"/>
                  </a:cubicBezTo>
                  <a:cubicBezTo>
                    <a:pt x="5715" y="11104"/>
                    <a:pt x="5489" y="10828"/>
                    <a:pt x="5264" y="10828"/>
                  </a:cubicBezTo>
                  <a:cubicBezTo>
                    <a:pt x="5189" y="10828"/>
                    <a:pt x="5038" y="10928"/>
                    <a:pt x="4913" y="11003"/>
                  </a:cubicBezTo>
                  <a:cubicBezTo>
                    <a:pt x="4813" y="11003"/>
                    <a:pt x="4587" y="11154"/>
                    <a:pt x="4462" y="11154"/>
                  </a:cubicBezTo>
                  <a:cubicBezTo>
                    <a:pt x="4286" y="11154"/>
                    <a:pt x="3961" y="11054"/>
                    <a:pt x="3835" y="11003"/>
                  </a:cubicBezTo>
                  <a:cubicBezTo>
                    <a:pt x="3735" y="10878"/>
                    <a:pt x="3735" y="10552"/>
                    <a:pt x="3610" y="10377"/>
                  </a:cubicBezTo>
                  <a:cubicBezTo>
                    <a:pt x="3560" y="10327"/>
                    <a:pt x="3384" y="10151"/>
                    <a:pt x="3384" y="10101"/>
                  </a:cubicBezTo>
                  <a:cubicBezTo>
                    <a:pt x="3334" y="9926"/>
                    <a:pt x="3459" y="9575"/>
                    <a:pt x="3459" y="9425"/>
                  </a:cubicBezTo>
                  <a:cubicBezTo>
                    <a:pt x="3384" y="9249"/>
                    <a:pt x="3334" y="8973"/>
                    <a:pt x="3234" y="8848"/>
                  </a:cubicBezTo>
                  <a:cubicBezTo>
                    <a:pt x="3108" y="8798"/>
                    <a:pt x="2883" y="8898"/>
                    <a:pt x="2783" y="8848"/>
                  </a:cubicBezTo>
                  <a:cubicBezTo>
                    <a:pt x="2607" y="8848"/>
                    <a:pt x="2332" y="8748"/>
                    <a:pt x="2206" y="8673"/>
                  </a:cubicBezTo>
                  <a:cubicBezTo>
                    <a:pt x="2156" y="8623"/>
                    <a:pt x="1981" y="8522"/>
                    <a:pt x="1931" y="8447"/>
                  </a:cubicBezTo>
                  <a:cubicBezTo>
                    <a:pt x="1805" y="8297"/>
                    <a:pt x="1755" y="7896"/>
                    <a:pt x="1805" y="7720"/>
                  </a:cubicBezTo>
                  <a:cubicBezTo>
                    <a:pt x="1880" y="7670"/>
                    <a:pt x="2156" y="7720"/>
                    <a:pt x="2206" y="7620"/>
                  </a:cubicBezTo>
                  <a:cubicBezTo>
                    <a:pt x="2256" y="7495"/>
                    <a:pt x="2031" y="7169"/>
                    <a:pt x="1981" y="7044"/>
                  </a:cubicBezTo>
                  <a:cubicBezTo>
                    <a:pt x="1880" y="6943"/>
                    <a:pt x="1580" y="6818"/>
                    <a:pt x="1479" y="6768"/>
                  </a:cubicBezTo>
                  <a:cubicBezTo>
                    <a:pt x="1354" y="6718"/>
                    <a:pt x="1078" y="6768"/>
                    <a:pt x="978" y="6668"/>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52" name="Google Shape;309;p16">
              <a:extLst>
                <a:ext uri="{FF2B5EF4-FFF2-40B4-BE49-F238E27FC236}">
                  <a16:creationId xmlns:a16="http://schemas.microsoft.com/office/drawing/2014/main" id="{34D0EC1D-3CF6-A496-325D-D0D441F2B6F2}"/>
                </a:ext>
              </a:extLst>
            </p:cNvPr>
            <p:cNvSpPr/>
            <p:nvPr/>
          </p:nvSpPr>
          <p:spPr>
            <a:xfrm>
              <a:off x="3340169" y="2748358"/>
              <a:ext cx="967444" cy="688847"/>
            </a:xfrm>
            <a:custGeom>
              <a:avLst/>
              <a:gdLst/>
              <a:ahLst/>
              <a:cxnLst/>
              <a:rect l="l" t="t" r="r" b="b"/>
              <a:pathLst>
                <a:path w="34663" h="24681" extrusionOk="0">
                  <a:moveTo>
                    <a:pt x="9971" y="1"/>
                  </a:moveTo>
                  <a:cubicBezTo>
                    <a:pt x="9744" y="1"/>
                    <a:pt x="9444" y="128"/>
                    <a:pt x="9299" y="169"/>
                  </a:cubicBezTo>
                  <a:cubicBezTo>
                    <a:pt x="9149" y="169"/>
                    <a:pt x="8848" y="245"/>
                    <a:pt x="8748" y="295"/>
                  </a:cubicBezTo>
                  <a:cubicBezTo>
                    <a:pt x="8572" y="295"/>
                    <a:pt x="8347" y="395"/>
                    <a:pt x="8246" y="470"/>
                  </a:cubicBezTo>
                  <a:cubicBezTo>
                    <a:pt x="8021" y="520"/>
                    <a:pt x="7570" y="621"/>
                    <a:pt x="7344" y="696"/>
                  </a:cubicBezTo>
                  <a:cubicBezTo>
                    <a:pt x="7261" y="696"/>
                    <a:pt x="7110" y="718"/>
                    <a:pt x="6967" y="718"/>
                  </a:cubicBezTo>
                  <a:cubicBezTo>
                    <a:pt x="6896" y="718"/>
                    <a:pt x="6826" y="712"/>
                    <a:pt x="6768" y="696"/>
                  </a:cubicBezTo>
                  <a:cubicBezTo>
                    <a:pt x="6667" y="696"/>
                    <a:pt x="6442" y="520"/>
                    <a:pt x="6317" y="520"/>
                  </a:cubicBezTo>
                  <a:cubicBezTo>
                    <a:pt x="6216" y="520"/>
                    <a:pt x="5991" y="621"/>
                    <a:pt x="5865" y="621"/>
                  </a:cubicBezTo>
                  <a:lnTo>
                    <a:pt x="5189" y="846"/>
                  </a:lnTo>
                  <a:cubicBezTo>
                    <a:pt x="4913" y="921"/>
                    <a:pt x="4362" y="1022"/>
                    <a:pt x="4061" y="1022"/>
                  </a:cubicBezTo>
                  <a:cubicBezTo>
                    <a:pt x="3835" y="1022"/>
                    <a:pt x="3459" y="971"/>
                    <a:pt x="3234" y="971"/>
                  </a:cubicBezTo>
                  <a:cubicBezTo>
                    <a:pt x="2933" y="971"/>
                    <a:pt x="2432" y="971"/>
                    <a:pt x="2206" y="921"/>
                  </a:cubicBezTo>
                  <a:lnTo>
                    <a:pt x="1981" y="921"/>
                  </a:lnTo>
                  <a:cubicBezTo>
                    <a:pt x="1880" y="971"/>
                    <a:pt x="1755" y="1072"/>
                    <a:pt x="1705" y="1147"/>
                  </a:cubicBezTo>
                  <a:cubicBezTo>
                    <a:pt x="1580" y="1247"/>
                    <a:pt x="1479" y="1473"/>
                    <a:pt x="1429" y="1598"/>
                  </a:cubicBezTo>
                  <a:lnTo>
                    <a:pt x="1429" y="1874"/>
                  </a:lnTo>
                  <a:cubicBezTo>
                    <a:pt x="1429" y="1974"/>
                    <a:pt x="1530" y="2200"/>
                    <a:pt x="1530" y="2375"/>
                  </a:cubicBezTo>
                  <a:cubicBezTo>
                    <a:pt x="1530" y="2425"/>
                    <a:pt x="1354" y="2550"/>
                    <a:pt x="1354" y="2651"/>
                  </a:cubicBezTo>
                  <a:cubicBezTo>
                    <a:pt x="1304" y="2776"/>
                    <a:pt x="1304" y="3002"/>
                    <a:pt x="1354" y="3102"/>
                  </a:cubicBezTo>
                  <a:cubicBezTo>
                    <a:pt x="1429" y="3227"/>
                    <a:pt x="1705" y="3277"/>
                    <a:pt x="1805" y="3327"/>
                  </a:cubicBezTo>
                  <a:cubicBezTo>
                    <a:pt x="1880" y="3403"/>
                    <a:pt x="1981" y="3553"/>
                    <a:pt x="1981" y="3678"/>
                  </a:cubicBezTo>
                  <a:cubicBezTo>
                    <a:pt x="1981" y="3779"/>
                    <a:pt x="1880" y="3954"/>
                    <a:pt x="1755" y="4004"/>
                  </a:cubicBezTo>
                  <a:cubicBezTo>
                    <a:pt x="1705" y="4054"/>
                    <a:pt x="1479" y="4054"/>
                    <a:pt x="1354" y="4129"/>
                  </a:cubicBezTo>
                  <a:cubicBezTo>
                    <a:pt x="1304" y="4180"/>
                    <a:pt x="1304" y="4355"/>
                    <a:pt x="1254" y="4405"/>
                  </a:cubicBezTo>
                  <a:cubicBezTo>
                    <a:pt x="1204" y="4505"/>
                    <a:pt x="978" y="4581"/>
                    <a:pt x="903" y="4581"/>
                  </a:cubicBezTo>
                  <a:cubicBezTo>
                    <a:pt x="853" y="4505"/>
                    <a:pt x="853" y="4280"/>
                    <a:pt x="803" y="4280"/>
                  </a:cubicBezTo>
                  <a:cubicBezTo>
                    <a:pt x="782" y="4272"/>
                    <a:pt x="762" y="4268"/>
                    <a:pt x="740" y="4268"/>
                  </a:cubicBezTo>
                  <a:cubicBezTo>
                    <a:pt x="631" y="4268"/>
                    <a:pt x="515" y="4363"/>
                    <a:pt x="452" y="4405"/>
                  </a:cubicBezTo>
                  <a:cubicBezTo>
                    <a:pt x="352" y="4455"/>
                    <a:pt x="126" y="4731"/>
                    <a:pt x="76" y="4856"/>
                  </a:cubicBezTo>
                  <a:cubicBezTo>
                    <a:pt x="1" y="5032"/>
                    <a:pt x="176" y="5408"/>
                    <a:pt x="226" y="5583"/>
                  </a:cubicBezTo>
                  <a:cubicBezTo>
                    <a:pt x="352" y="5758"/>
                    <a:pt x="577" y="6034"/>
                    <a:pt x="677" y="6159"/>
                  </a:cubicBezTo>
                  <a:cubicBezTo>
                    <a:pt x="753" y="6260"/>
                    <a:pt x="853" y="6535"/>
                    <a:pt x="978" y="6611"/>
                  </a:cubicBezTo>
                  <a:cubicBezTo>
                    <a:pt x="1078" y="6711"/>
                    <a:pt x="1354" y="6661"/>
                    <a:pt x="1479" y="6711"/>
                  </a:cubicBezTo>
                  <a:cubicBezTo>
                    <a:pt x="1580" y="6761"/>
                    <a:pt x="1880" y="6886"/>
                    <a:pt x="1981" y="6987"/>
                  </a:cubicBezTo>
                  <a:cubicBezTo>
                    <a:pt x="2031" y="7112"/>
                    <a:pt x="2256" y="7438"/>
                    <a:pt x="2206" y="7563"/>
                  </a:cubicBezTo>
                  <a:cubicBezTo>
                    <a:pt x="2156" y="7663"/>
                    <a:pt x="1880" y="7613"/>
                    <a:pt x="1805" y="7663"/>
                  </a:cubicBezTo>
                  <a:cubicBezTo>
                    <a:pt x="1755" y="7839"/>
                    <a:pt x="1805" y="8240"/>
                    <a:pt x="1931" y="8390"/>
                  </a:cubicBezTo>
                  <a:cubicBezTo>
                    <a:pt x="1981" y="8465"/>
                    <a:pt x="2156" y="8566"/>
                    <a:pt x="2206" y="8616"/>
                  </a:cubicBezTo>
                  <a:cubicBezTo>
                    <a:pt x="2332" y="8691"/>
                    <a:pt x="2607" y="8791"/>
                    <a:pt x="2783" y="8791"/>
                  </a:cubicBezTo>
                  <a:cubicBezTo>
                    <a:pt x="2804" y="8802"/>
                    <a:pt x="2831" y="8806"/>
                    <a:pt x="2861" y="8806"/>
                  </a:cubicBezTo>
                  <a:cubicBezTo>
                    <a:pt x="2944" y="8806"/>
                    <a:pt x="3052" y="8777"/>
                    <a:pt x="3143" y="8777"/>
                  </a:cubicBezTo>
                  <a:cubicBezTo>
                    <a:pt x="3176" y="8777"/>
                    <a:pt x="3207" y="8780"/>
                    <a:pt x="3234" y="8791"/>
                  </a:cubicBezTo>
                  <a:cubicBezTo>
                    <a:pt x="3334" y="8916"/>
                    <a:pt x="3384" y="9192"/>
                    <a:pt x="3459" y="9368"/>
                  </a:cubicBezTo>
                  <a:cubicBezTo>
                    <a:pt x="3459" y="9518"/>
                    <a:pt x="3334" y="9869"/>
                    <a:pt x="3384" y="10044"/>
                  </a:cubicBezTo>
                  <a:cubicBezTo>
                    <a:pt x="3384" y="10094"/>
                    <a:pt x="3560" y="10270"/>
                    <a:pt x="3610" y="10320"/>
                  </a:cubicBezTo>
                  <a:cubicBezTo>
                    <a:pt x="3735" y="10495"/>
                    <a:pt x="3735" y="10821"/>
                    <a:pt x="3835" y="10946"/>
                  </a:cubicBezTo>
                  <a:cubicBezTo>
                    <a:pt x="3961" y="10997"/>
                    <a:pt x="4286" y="11097"/>
                    <a:pt x="4462" y="11097"/>
                  </a:cubicBezTo>
                  <a:cubicBezTo>
                    <a:pt x="4587" y="11097"/>
                    <a:pt x="4813" y="10946"/>
                    <a:pt x="4913" y="10946"/>
                  </a:cubicBezTo>
                  <a:cubicBezTo>
                    <a:pt x="5038" y="10871"/>
                    <a:pt x="5189" y="10771"/>
                    <a:pt x="5264" y="10771"/>
                  </a:cubicBezTo>
                  <a:cubicBezTo>
                    <a:pt x="5489" y="10771"/>
                    <a:pt x="5715" y="11047"/>
                    <a:pt x="5865" y="11097"/>
                  </a:cubicBezTo>
                  <a:cubicBezTo>
                    <a:pt x="5991" y="11172"/>
                    <a:pt x="6216" y="11272"/>
                    <a:pt x="6317" y="11322"/>
                  </a:cubicBezTo>
                  <a:lnTo>
                    <a:pt x="6542" y="11322"/>
                  </a:lnTo>
                  <a:cubicBezTo>
                    <a:pt x="6667" y="11322"/>
                    <a:pt x="6768" y="11322"/>
                    <a:pt x="6818" y="11272"/>
                  </a:cubicBezTo>
                  <a:cubicBezTo>
                    <a:pt x="6993" y="11222"/>
                    <a:pt x="7219" y="11047"/>
                    <a:pt x="7344" y="10997"/>
                  </a:cubicBezTo>
                  <a:cubicBezTo>
                    <a:pt x="7394" y="10871"/>
                    <a:pt x="7620" y="10721"/>
                    <a:pt x="7720" y="10721"/>
                  </a:cubicBezTo>
                  <a:cubicBezTo>
                    <a:pt x="7845" y="10721"/>
                    <a:pt x="8021" y="10821"/>
                    <a:pt x="8071" y="10946"/>
                  </a:cubicBezTo>
                  <a:cubicBezTo>
                    <a:pt x="8121" y="10997"/>
                    <a:pt x="8071" y="11222"/>
                    <a:pt x="8171" y="11272"/>
                  </a:cubicBezTo>
                  <a:cubicBezTo>
                    <a:pt x="8246" y="11272"/>
                    <a:pt x="8397" y="11222"/>
                    <a:pt x="8472" y="11172"/>
                  </a:cubicBezTo>
                  <a:cubicBezTo>
                    <a:pt x="8522" y="11097"/>
                    <a:pt x="8472" y="10997"/>
                    <a:pt x="8522" y="10946"/>
                  </a:cubicBezTo>
                  <a:cubicBezTo>
                    <a:pt x="8572" y="10821"/>
                    <a:pt x="8848" y="10646"/>
                    <a:pt x="8923" y="10596"/>
                  </a:cubicBezTo>
                  <a:cubicBezTo>
                    <a:pt x="8973" y="10495"/>
                    <a:pt x="8973" y="10320"/>
                    <a:pt x="9023" y="10270"/>
                  </a:cubicBezTo>
                  <a:cubicBezTo>
                    <a:pt x="9073" y="10195"/>
                    <a:pt x="9249" y="10144"/>
                    <a:pt x="9374" y="10094"/>
                  </a:cubicBezTo>
                  <a:cubicBezTo>
                    <a:pt x="9474" y="10094"/>
                    <a:pt x="9750" y="10144"/>
                    <a:pt x="9926" y="10195"/>
                  </a:cubicBezTo>
                  <a:cubicBezTo>
                    <a:pt x="10101" y="10270"/>
                    <a:pt x="10377" y="10420"/>
                    <a:pt x="10552" y="10545"/>
                  </a:cubicBezTo>
                  <a:cubicBezTo>
                    <a:pt x="10652" y="10646"/>
                    <a:pt x="10828" y="10871"/>
                    <a:pt x="10878" y="10997"/>
                  </a:cubicBezTo>
                  <a:lnTo>
                    <a:pt x="10878" y="11448"/>
                  </a:lnTo>
                  <a:cubicBezTo>
                    <a:pt x="10878" y="11548"/>
                    <a:pt x="10828" y="11723"/>
                    <a:pt x="10778" y="11849"/>
                  </a:cubicBezTo>
                  <a:cubicBezTo>
                    <a:pt x="10728" y="11899"/>
                    <a:pt x="10552" y="11949"/>
                    <a:pt x="10502" y="12049"/>
                  </a:cubicBezTo>
                  <a:cubicBezTo>
                    <a:pt x="10502" y="12124"/>
                    <a:pt x="10602" y="12350"/>
                    <a:pt x="10652" y="12400"/>
                  </a:cubicBezTo>
                  <a:cubicBezTo>
                    <a:pt x="10728" y="12450"/>
                    <a:pt x="10953" y="12450"/>
                    <a:pt x="11053" y="12450"/>
                  </a:cubicBezTo>
                  <a:cubicBezTo>
                    <a:pt x="11179" y="12500"/>
                    <a:pt x="11404" y="12576"/>
                    <a:pt x="11505" y="12676"/>
                  </a:cubicBezTo>
                  <a:cubicBezTo>
                    <a:pt x="11555" y="12726"/>
                    <a:pt x="11555" y="13027"/>
                    <a:pt x="11680" y="13077"/>
                  </a:cubicBezTo>
                  <a:cubicBezTo>
                    <a:pt x="11730" y="13077"/>
                    <a:pt x="11956" y="13077"/>
                    <a:pt x="12006" y="13027"/>
                  </a:cubicBezTo>
                  <a:cubicBezTo>
                    <a:pt x="12081" y="12901"/>
                    <a:pt x="11956" y="12676"/>
                    <a:pt x="12006" y="12576"/>
                  </a:cubicBezTo>
                  <a:cubicBezTo>
                    <a:pt x="12081" y="12500"/>
                    <a:pt x="12231" y="12400"/>
                    <a:pt x="12357" y="12400"/>
                  </a:cubicBezTo>
                  <a:cubicBezTo>
                    <a:pt x="12457" y="12400"/>
                    <a:pt x="12632" y="12576"/>
                    <a:pt x="12758" y="12676"/>
                  </a:cubicBezTo>
                  <a:cubicBezTo>
                    <a:pt x="12808" y="12726"/>
                    <a:pt x="12808" y="12901"/>
                    <a:pt x="12808" y="13027"/>
                  </a:cubicBezTo>
                  <a:cubicBezTo>
                    <a:pt x="12858" y="13177"/>
                    <a:pt x="12758" y="13528"/>
                    <a:pt x="12808" y="13703"/>
                  </a:cubicBezTo>
                  <a:cubicBezTo>
                    <a:pt x="12858" y="13804"/>
                    <a:pt x="13083" y="13929"/>
                    <a:pt x="13209" y="13979"/>
                  </a:cubicBezTo>
                  <a:cubicBezTo>
                    <a:pt x="13309" y="14079"/>
                    <a:pt x="13710" y="14155"/>
                    <a:pt x="13885" y="14205"/>
                  </a:cubicBezTo>
                  <a:cubicBezTo>
                    <a:pt x="13986" y="14255"/>
                    <a:pt x="14337" y="14380"/>
                    <a:pt x="14437" y="14480"/>
                  </a:cubicBezTo>
                  <a:cubicBezTo>
                    <a:pt x="14612" y="14606"/>
                    <a:pt x="14713" y="14881"/>
                    <a:pt x="14838" y="14982"/>
                  </a:cubicBezTo>
                  <a:cubicBezTo>
                    <a:pt x="14938" y="15107"/>
                    <a:pt x="15164" y="15332"/>
                    <a:pt x="15289" y="15332"/>
                  </a:cubicBezTo>
                  <a:cubicBezTo>
                    <a:pt x="15389" y="15332"/>
                    <a:pt x="15515" y="15157"/>
                    <a:pt x="15515" y="15057"/>
                  </a:cubicBezTo>
                  <a:cubicBezTo>
                    <a:pt x="15565" y="14982"/>
                    <a:pt x="15565" y="14756"/>
                    <a:pt x="15615" y="14706"/>
                  </a:cubicBezTo>
                  <a:cubicBezTo>
                    <a:pt x="15690" y="14656"/>
                    <a:pt x="15790" y="14480"/>
                    <a:pt x="15840" y="14480"/>
                  </a:cubicBezTo>
                  <a:cubicBezTo>
                    <a:pt x="15924" y="14480"/>
                    <a:pt x="15996" y="14458"/>
                    <a:pt x="16058" y="14458"/>
                  </a:cubicBezTo>
                  <a:cubicBezTo>
                    <a:pt x="16088" y="14458"/>
                    <a:pt x="16116" y="14464"/>
                    <a:pt x="16141" y="14480"/>
                  </a:cubicBezTo>
                  <a:cubicBezTo>
                    <a:pt x="16241" y="14530"/>
                    <a:pt x="16292" y="14831"/>
                    <a:pt x="16417" y="14881"/>
                  </a:cubicBezTo>
                  <a:cubicBezTo>
                    <a:pt x="16467" y="14906"/>
                    <a:pt x="16548" y="14919"/>
                    <a:pt x="16633" y="14919"/>
                  </a:cubicBezTo>
                  <a:cubicBezTo>
                    <a:pt x="16718" y="14919"/>
                    <a:pt x="16805" y="14906"/>
                    <a:pt x="16868" y="14881"/>
                  </a:cubicBezTo>
                  <a:cubicBezTo>
                    <a:pt x="16968" y="14831"/>
                    <a:pt x="17018" y="14530"/>
                    <a:pt x="17144" y="14480"/>
                  </a:cubicBezTo>
                  <a:cubicBezTo>
                    <a:pt x="17169" y="14455"/>
                    <a:pt x="17225" y="14443"/>
                    <a:pt x="17281" y="14443"/>
                  </a:cubicBezTo>
                  <a:cubicBezTo>
                    <a:pt x="17338" y="14443"/>
                    <a:pt x="17394" y="14455"/>
                    <a:pt x="17419" y="14480"/>
                  </a:cubicBezTo>
                  <a:cubicBezTo>
                    <a:pt x="17545" y="14530"/>
                    <a:pt x="17695" y="14706"/>
                    <a:pt x="17695" y="14831"/>
                  </a:cubicBezTo>
                  <a:cubicBezTo>
                    <a:pt x="17770" y="14931"/>
                    <a:pt x="17645" y="15107"/>
                    <a:pt x="17645" y="15207"/>
                  </a:cubicBezTo>
                  <a:lnTo>
                    <a:pt x="17469" y="15558"/>
                  </a:lnTo>
                  <a:cubicBezTo>
                    <a:pt x="17469" y="15658"/>
                    <a:pt x="17545" y="15834"/>
                    <a:pt x="17595" y="15959"/>
                  </a:cubicBezTo>
                  <a:cubicBezTo>
                    <a:pt x="17645" y="16009"/>
                    <a:pt x="17820" y="16059"/>
                    <a:pt x="17820" y="16109"/>
                  </a:cubicBezTo>
                  <a:cubicBezTo>
                    <a:pt x="17870" y="16185"/>
                    <a:pt x="17870" y="16335"/>
                    <a:pt x="17820" y="16385"/>
                  </a:cubicBezTo>
                  <a:cubicBezTo>
                    <a:pt x="17820" y="16460"/>
                    <a:pt x="17770" y="16611"/>
                    <a:pt x="17770" y="16736"/>
                  </a:cubicBezTo>
                  <a:cubicBezTo>
                    <a:pt x="17770" y="16786"/>
                    <a:pt x="17820" y="17012"/>
                    <a:pt x="17870" y="17062"/>
                  </a:cubicBezTo>
                  <a:cubicBezTo>
                    <a:pt x="17921" y="17187"/>
                    <a:pt x="18146" y="17413"/>
                    <a:pt x="18271" y="17463"/>
                  </a:cubicBezTo>
                  <a:cubicBezTo>
                    <a:pt x="18305" y="17480"/>
                    <a:pt x="18352" y="17485"/>
                    <a:pt x="18405" y="17485"/>
                  </a:cubicBezTo>
                  <a:cubicBezTo>
                    <a:pt x="18511" y="17485"/>
                    <a:pt x="18639" y="17463"/>
                    <a:pt x="18723" y="17463"/>
                  </a:cubicBezTo>
                  <a:cubicBezTo>
                    <a:pt x="18823" y="17513"/>
                    <a:pt x="19048" y="17814"/>
                    <a:pt x="19124" y="17914"/>
                  </a:cubicBezTo>
                  <a:cubicBezTo>
                    <a:pt x="19174" y="17964"/>
                    <a:pt x="19274" y="18089"/>
                    <a:pt x="19349" y="18190"/>
                  </a:cubicBezTo>
                  <a:cubicBezTo>
                    <a:pt x="19399" y="18089"/>
                    <a:pt x="19449" y="18039"/>
                    <a:pt x="19500" y="17964"/>
                  </a:cubicBezTo>
                  <a:cubicBezTo>
                    <a:pt x="19625" y="17738"/>
                    <a:pt x="19901" y="17363"/>
                    <a:pt x="20126" y="17237"/>
                  </a:cubicBezTo>
                  <a:cubicBezTo>
                    <a:pt x="20251" y="17137"/>
                    <a:pt x="20527" y="16962"/>
                    <a:pt x="20703" y="16911"/>
                  </a:cubicBezTo>
                  <a:cubicBezTo>
                    <a:pt x="20853" y="16836"/>
                    <a:pt x="21204" y="16786"/>
                    <a:pt x="21304" y="16786"/>
                  </a:cubicBezTo>
                  <a:cubicBezTo>
                    <a:pt x="21429" y="16786"/>
                    <a:pt x="21705" y="16786"/>
                    <a:pt x="21755" y="16836"/>
                  </a:cubicBezTo>
                  <a:cubicBezTo>
                    <a:pt x="21830" y="16911"/>
                    <a:pt x="21830" y="17137"/>
                    <a:pt x="21881" y="17187"/>
                  </a:cubicBezTo>
                  <a:cubicBezTo>
                    <a:pt x="21931" y="17212"/>
                    <a:pt x="22000" y="17225"/>
                    <a:pt x="22062" y="17225"/>
                  </a:cubicBezTo>
                  <a:cubicBezTo>
                    <a:pt x="22125" y="17225"/>
                    <a:pt x="22181" y="17212"/>
                    <a:pt x="22206" y="17187"/>
                  </a:cubicBezTo>
                  <a:cubicBezTo>
                    <a:pt x="22282" y="17137"/>
                    <a:pt x="22382" y="17012"/>
                    <a:pt x="22432" y="16962"/>
                  </a:cubicBezTo>
                  <a:cubicBezTo>
                    <a:pt x="22507" y="16962"/>
                    <a:pt x="22557" y="16836"/>
                    <a:pt x="22607" y="16836"/>
                  </a:cubicBezTo>
                  <a:cubicBezTo>
                    <a:pt x="22629" y="16827"/>
                    <a:pt x="22652" y="16824"/>
                    <a:pt x="22676" y="16824"/>
                  </a:cubicBezTo>
                  <a:cubicBezTo>
                    <a:pt x="22753" y="16824"/>
                    <a:pt x="22835" y="16861"/>
                    <a:pt x="22913" y="16861"/>
                  </a:cubicBezTo>
                  <a:cubicBezTo>
                    <a:pt x="22946" y="16861"/>
                    <a:pt x="22978" y="16854"/>
                    <a:pt x="23008" y="16836"/>
                  </a:cubicBezTo>
                  <a:cubicBezTo>
                    <a:pt x="23058" y="16836"/>
                    <a:pt x="23184" y="16786"/>
                    <a:pt x="23234" y="16786"/>
                  </a:cubicBezTo>
                  <a:cubicBezTo>
                    <a:pt x="23284" y="16836"/>
                    <a:pt x="23334" y="17012"/>
                    <a:pt x="23334" y="17062"/>
                  </a:cubicBezTo>
                  <a:cubicBezTo>
                    <a:pt x="23334" y="17137"/>
                    <a:pt x="23284" y="17237"/>
                    <a:pt x="23284" y="17287"/>
                  </a:cubicBezTo>
                  <a:lnTo>
                    <a:pt x="23008" y="17287"/>
                  </a:lnTo>
                  <a:cubicBezTo>
                    <a:pt x="22978" y="17306"/>
                    <a:pt x="22942" y="17312"/>
                    <a:pt x="22903" y="17312"/>
                  </a:cubicBezTo>
                  <a:cubicBezTo>
                    <a:pt x="22812" y="17312"/>
                    <a:pt x="22709" y="17275"/>
                    <a:pt x="22649" y="17275"/>
                  </a:cubicBezTo>
                  <a:cubicBezTo>
                    <a:pt x="22630" y="17275"/>
                    <a:pt x="22616" y="17279"/>
                    <a:pt x="22607" y="17287"/>
                  </a:cubicBezTo>
                  <a:cubicBezTo>
                    <a:pt x="22557" y="17287"/>
                    <a:pt x="22507" y="17413"/>
                    <a:pt x="22507" y="17463"/>
                  </a:cubicBezTo>
                  <a:cubicBezTo>
                    <a:pt x="22507" y="17513"/>
                    <a:pt x="22557" y="17638"/>
                    <a:pt x="22557" y="17688"/>
                  </a:cubicBezTo>
                  <a:lnTo>
                    <a:pt x="22557" y="17814"/>
                  </a:lnTo>
                  <a:cubicBezTo>
                    <a:pt x="22507" y="17864"/>
                    <a:pt x="22282" y="17864"/>
                    <a:pt x="22206" y="17914"/>
                  </a:cubicBezTo>
                  <a:lnTo>
                    <a:pt x="22206" y="18039"/>
                  </a:lnTo>
                  <a:cubicBezTo>
                    <a:pt x="22206" y="18089"/>
                    <a:pt x="22206" y="18265"/>
                    <a:pt x="22282" y="18315"/>
                  </a:cubicBezTo>
                  <a:cubicBezTo>
                    <a:pt x="22332" y="18315"/>
                    <a:pt x="22382" y="18190"/>
                    <a:pt x="22432" y="18190"/>
                  </a:cubicBezTo>
                  <a:cubicBezTo>
                    <a:pt x="22469" y="18165"/>
                    <a:pt x="22526" y="18152"/>
                    <a:pt x="22589" y="18152"/>
                  </a:cubicBezTo>
                  <a:cubicBezTo>
                    <a:pt x="22651" y="18152"/>
                    <a:pt x="22720" y="18165"/>
                    <a:pt x="22783" y="18190"/>
                  </a:cubicBezTo>
                  <a:cubicBezTo>
                    <a:pt x="22883" y="18190"/>
                    <a:pt x="23109" y="18365"/>
                    <a:pt x="23234" y="18415"/>
                  </a:cubicBezTo>
                  <a:cubicBezTo>
                    <a:pt x="23301" y="18415"/>
                    <a:pt x="23401" y="18393"/>
                    <a:pt x="23475" y="18393"/>
                  </a:cubicBezTo>
                  <a:cubicBezTo>
                    <a:pt x="23512" y="18393"/>
                    <a:pt x="23543" y="18398"/>
                    <a:pt x="23560" y="18415"/>
                  </a:cubicBezTo>
                  <a:cubicBezTo>
                    <a:pt x="23685" y="18415"/>
                    <a:pt x="23911" y="18591"/>
                    <a:pt x="24011" y="18641"/>
                  </a:cubicBezTo>
                  <a:cubicBezTo>
                    <a:pt x="24086" y="18716"/>
                    <a:pt x="24186" y="18816"/>
                    <a:pt x="24236" y="18816"/>
                  </a:cubicBezTo>
                  <a:cubicBezTo>
                    <a:pt x="24287" y="18816"/>
                    <a:pt x="24348" y="18794"/>
                    <a:pt x="24420" y="18794"/>
                  </a:cubicBezTo>
                  <a:cubicBezTo>
                    <a:pt x="24456" y="18794"/>
                    <a:pt x="24495" y="18799"/>
                    <a:pt x="24537" y="18816"/>
                  </a:cubicBezTo>
                  <a:cubicBezTo>
                    <a:pt x="24587" y="18816"/>
                    <a:pt x="24688" y="18992"/>
                    <a:pt x="24763" y="19042"/>
                  </a:cubicBezTo>
                  <a:cubicBezTo>
                    <a:pt x="24796" y="19042"/>
                    <a:pt x="24885" y="19019"/>
                    <a:pt x="24956" y="19019"/>
                  </a:cubicBezTo>
                  <a:cubicBezTo>
                    <a:pt x="24991" y="19019"/>
                    <a:pt x="25022" y="19025"/>
                    <a:pt x="25038" y="19042"/>
                  </a:cubicBezTo>
                  <a:cubicBezTo>
                    <a:pt x="25089" y="19042"/>
                    <a:pt x="25214" y="19167"/>
                    <a:pt x="25264" y="19217"/>
                  </a:cubicBezTo>
                  <a:cubicBezTo>
                    <a:pt x="25314" y="19217"/>
                    <a:pt x="25439" y="19167"/>
                    <a:pt x="25490" y="19092"/>
                  </a:cubicBezTo>
                  <a:cubicBezTo>
                    <a:pt x="25556" y="19092"/>
                    <a:pt x="25735" y="19125"/>
                    <a:pt x="25876" y="19125"/>
                  </a:cubicBezTo>
                  <a:cubicBezTo>
                    <a:pt x="25946" y="19125"/>
                    <a:pt x="26008" y="19117"/>
                    <a:pt x="26041" y="19092"/>
                  </a:cubicBezTo>
                  <a:cubicBezTo>
                    <a:pt x="26116" y="19092"/>
                    <a:pt x="26216" y="19042"/>
                    <a:pt x="26266" y="18992"/>
                  </a:cubicBezTo>
                  <a:lnTo>
                    <a:pt x="26843" y="18992"/>
                  </a:lnTo>
                  <a:cubicBezTo>
                    <a:pt x="26893" y="18941"/>
                    <a:pt x="27069" y="18866"/>
                    <a:pt x="27119" y="18866"/>
                  </a:cubicBezTo>
                  <a:cubicBezTo>
                    <a:pt x="27169" y="18866"/>
                    <a:pt x="27294" y="18992"/>
                    <a:pt x="27344" y="18992"/>
                  </a:cubicBezTo>
                  <a:cubicBezTo>
                    <a:pt x="27386" y="19008"/>
                    <a:pt x="27444" y="19014"/>
                    <a:pt x="27509" y="19014"/>
                  </a:cubicBezTo>
                  <a:cubicBezTo>
                    <a:pt x="27639" y="19014"/>
                    <a:pt x="27795" y="18992"/>
                    <a:pt x="27896" y="18992"/>
                  </a:cubicBezTo>
                  <a:cubicBezTo>
                    <a:pt x="27993" y="19031"/>
                    <a:pt x="28152" y="19115"/>
                    <a:pt x="28264" y="19115"/>
                  </a:cubicBezTo>
                  <a:cubicBezTo>
                    <a:pt x="28296" y="19115"/>
                    <a:pt x="28325" y="19109"/>
                    <a:pt x="28347" y="19092"/>
                  </a:cubicBezTo>
                  <a:cubicBezTo>
                    <a:pt x="28422" y="19092"/>
                    <a:pt x="28472" y="18992"/>
                    <a:pt x="28522" y="18992"/>
                  </a:cubicBezTo>
                  <a:cubicBezTo>
                    <a:pt x="28572" y="19042"/>
                    <a:pt x="28572" y="19217"/>
                    <a:pt x="28647" y="19217"/>
                  </a:cubicBezTo>
                  <a:cubicBezTo>
                    <a:pt x="28698" y="19267"/>
                    <a:pt x="28923" y="19217"/>
                    <a:pt x="28973" y="19317"/>
                  </a:cubicBezTo>
                  <a:cubicBezTo>
                    <a:pt x="28973" y="19317"/>
                    <a:pt x="28923" y="19393"/>
                    <a:pt x="28923" y="19443"/>
                  </a:cubicBezTo>
                  <a:cubicBezTo>
                    <a:pt x="28923" y="19543"/>
                    <a:pt x="29023" y="19668"/>
                    <a:pt x="29099" y="19769"/>
                  </a:cubicBezTo>
                  <a:cubicBezTo>
                    <a:pt x="29099" y="19894"/>
                    <a:pt x="29149" y="20069"/>
                    <a:pt x="29149" y="20170"/>
                  </a:cubicBezTo>
                  <a:cubicBezTo>
                    <a:pt x="29149" y="20220"/>
                    <a:pt x="29099" y="20445"/>
                    <a:pt x="29149" y="20495"/>
                  </a:cubicBezTo>
                  <a:cubicBezTo>
                    <a:pt x="29160" y="20513"/>
                    <a:pt x="29176" y="20519"/>
                    <a:pt x="29194" y="20519"/>
                  </a:cubicBezTo>
                  <a:cubicBezTo>
                    <a:pt x="29253" y="20519"/>
                    <a:pt x="29336" y="20445"/>
                    <a:pt x="29374" y="20445"/>
                  </a:cubicBezTo>
                  <a:cubicBezTo>
                    <a:pt x="29424" y="20445"/>
                    <a:pt x="29550" y="20495"/>
                    <a:pt x="29600" y="20571"/>
                  </a:cubicBezTo>
                  <a:cubicBezTo>
                    <a:pt x="29650" y="20621"/>
                    <a:pt x="29700" y="20796"/>
                    <a:pt x="29700" y="20896"/>
                  </a:cubicBezTo>
                  <a:cubicBezTo>
                    <a:pt x="29775" y="21022"/>
                    <a:pt x="29926" y="21247"/>
                    <a:pt x="29926" y="21348"/>
                  </a:cubicBezTo>
                  <a:cubicBezTo>
                    <a:pt x="30001" y="21473"/>
                    <a:pt x="29926" y="21698"/>
                    <a:pt x="29926" y="21799"/>
                  </a:cubicBezTo>
                  <a:cubicBezTo>
                    <a:pt x="29926" y="21849"/>
                    <a:pt x="30051" y="21974"/>
                    <a:pt x="30051" y="22024"/>
                  </a:cubicBezTo>
                  <a:cubicBezTo>
                    <a:pt x="30101" y="22150"/>
                    <a:pt x="30151" y="22300"/>
                    <a:pt x="30101" y="22375"/>
                  </a:cubicBezTo>
                  <a:cubicBezTo>
                    <a:pt x="30076" y="22400"/>
                    <a:pt x="30032" y="22400"/>
                    <a:pt x="29995" y="22400"/>
                  </a:cubicBezTo>
                  <a:cubicBezTo>
                    <a:pt x="29957" y="22400"/>
                    <a:pt x="29926" y="22400"/>
                    <a:pt x="29926" y="22425"/>
                  </a:cubicBezTo>
                  <a:cubicBezTo>
                    <a:pt x="29876" y="22475"/>
                    <a:pt x="30051" y="22651"/>
                    <a:pt x="30101" y="22701"/>
                  </a:cubicBezTo>
                  <a:cubicBezTo>
                    <a:pt x="30151" y="22751"/>
                    <a:pt x="30277" y="22751"/>
                    <a:pt x="30327" y="22826"/>
                  </a:cubicBezTo>
                  <a:cubicBezTo>
                    <a:pt x="30327" y="22826"/>
                    <a:pt x="30327" y="22977"/>
                    <a:pt x="30377" y="22977"/>
                  </a:cubicBezTo>
                  <a:cubicBezTo>
                    <a:pt x="30452" y="23152"/>
                    <a:pt x="30728" y="23378"/>
                    <a:pt x="30828" y="23503"/>
                  </a:cubicBezTo>
                  <a:cubicBezTo>
                    <a:pt x="30953" y="23553"/>
                    <a:pt x="31053" y="23603"/>
                    <a:pt x="31179" y="23603"/>
                  </a:cubicBezTo>
                  <a:cubicBezTo>
                    <a:pt x="31279" y="23653"/>
                    <a:pt x="31505" y="23779"/>
                    <a:pt x="31630" y="23879"/>
                  </a:cubicBezTo>
                  <a:cubicBezTo>
                    <a:pt x="31730" y="23954"/>
                    <a:pt x="31906" y="24230"/>
                    <a:pt x="32031" y="24280"/>
                  </a:cubicBezTo>
                  <a:cubicBezTo>
                    <a:pt x="32081" y="24280"/>
                    <a:pt x="32131" y="24180"/>
                    <a:pt x="32181" y="24180"/>
                  </a:cubicBezTo>
                  <a:cubicBezTo>
                    <a:pt x="32272" y="24125"/>
                    <a:pt x="32440" y="24084"/>
                    <a:pt x="32574" y="24084"/>
                  </a:cubicBezTo>
                  <a:cubicBezTo>
                    <a:pt x="32626" y="24084"/>
                    <a:pt x="32673" y="24090"/>
                    <a:pt x="32708" y="24104"/>
                  </a:cubicBezTo>
                  <a:cubicBezTo>
                    <a:pt x="32758" y="24104"/>
                    <a:pt x="32933" y="24180"/>
                    <a:pt x="32983" y="24230"/>
                  </a:cubicBezTo>
                  <a:cubicBezTo>
                    <a:pt x="33084" y="24280"/>
                    <a:pt x="33209" y="24505"/>
                    <a:pt x="33259" y="24556"/>
                  </a:cubicBezTo>
                  <a:cubicBezTo>
                    <a:pt x="33309" y="24631"/>
                    <a:pt x="33485" y="24631"/>
                    <a:pt x="33535" y="24681"/>
                  </a:cubicBezTo>
                  <a:cubicBezTo>
                    <a:pt x="33610" y="24681"/>
                    <a:pt x="33710" y="24631"/>
                    <a:pt x="33760" y="24631"/>
                  </a:cubicBezTo>
                  <a:cubicBezTo>
                    <a:pt x="33886" y="24505"/>
                    <a:pt x="33886" y="24280"/>
                    <a:pt x="33886" y="24180"/>
                  </a:cubicBezTo>
                  <a:cubicBezTo>
                    <a:pt x="33886" y="24054"/>
                    <a:pt x="33835" y="23879"/>
                    <a:pt x="33835" y="23779"/>
                  </a:cubicBezTo>
                  <a:cubicBezTo>
                    <a:pt x="33835" y="23653"/>
                    <a:pt x="33886" y="23378"/>
                    <a:pt x="33886" y="23277"/>
                  </a:cubicBezTo>
                  <a:cubicBezTo>
                    <a:pt x="33835" y="23152"/>
                    <a:pt x="33710" y="23052"/>
                    <a:pt x="33710" y="22926"/>
                  </a:cubicBezTo>
                  <a:cubicBezTo>
                    <a:pt x="33660" y="22876"/>
                    <a:pt x="33710" y="22651"/>
                    <a:pt x="33760" y="22525"/>
                  </a:cubicBezTo>
                  <a:cubicBezTo>
                    <a:pt x="33760" y="22425"/>
                    <a:pt x="33760" y="22150"/>
                    <a:pt x="33835" y="22024"/>
                  </a:cubicBezTo>
                  <a:cubicBezTo>
                    <a:pt x="33886" y="21974"/>
                    <a:pt x="34111" y="21974"/>
                    <a:pt x="34161" y="21924"/>
                  </a:cubicBezTo>
                  <a:cubicBezTo>
                    <a:pt x="34161" y="21799"/>
                    <a:pt x="34111" y="21698"/>
                    <a:pt x="34161" y="21623"/>
                  </a:cubicBezTo>
                  <a:cubicBezTo>
                    <a:pt x="34161" y="21573"/>
                    <a:pt x="34287" y="21473"/>
                    <a:pt x="34287" y="21398"/>
                  </a:cubicBezTo>
                  <a:cubicBezTo>
                    <a:pt x="34337" y="21297"/>
                    <a:pt x="34337" y="21022"/>
                    <a:pt x="34387" y="20896"/>
                  </a:cubicBezTo>
                  <a:cubicBezTo>
                    <a:pt x="34437" y="20846"/>
                    <a:pt x="34612" y="20721"/>
                    <a:pt x="34663" y="20621"/>
                  </a:cubicBezTo>
                  <a:cubicBezTo>
                    <a:pt x="34663" y="20495"/>
                    <a:pt x="34663" y="20295"/>
                    <a:pt x="34612" y="20170"/>
                  </a:cubicBezTo>
                  <a:cubicBezTo>
                    <a:pt x="34562" y="20069"/>
                    <a:pt x="34387" y="19944"/>
                    <a:pt x="34337" y="19894"/>
                  </a:cubicBezTo>
                  <a:lnTo>
                    <a:pt x="34111" y="19443"/>
                  </a:lnTo>
                  <a:lnTo>
                    <a:pt x="34111" y="18992"/>
                  </a:lnTo>
                  <a:cubicBezTo>
                    <a:pt x="34061" y="18816"/>
                    <a:pt x="33835" y="18591"/>
                    <a:pt x="33710" y="18490"/>
                  </a:cubicBezTo>
                  <a:cubicBezTo>
                    <a:pt x="33660" y="18415"/>
                    <a:pt x="33485" y="18315"/>
                    <a:pt x="33434" y="18265"/>
                  </a:cubicBezTo>
                  <a:cubicBezTo>
                    <a:pt x="33309" y="18139"/>
                    <a:pt x="33159" y="17864"/>
                    <a:pt x="33033" y="17738"/>
                  </a:cubicBezTo>
                  <a:cubicBezTo>
                    <a:pt x="32858" y="17638"/>
                    <a:pt x="32532" y="17363"/>
                    <a:pt x="32357" y="17187"/>
                  </a:cubicBezTo>
                  <a:cubicBezTo>
                    <a:pt x="32257" y="17062"/>
                    <a:pt x="31956" y="16786"/>
                    <a:pt x="31855" y="16736"/>
                  </a:cubicBezTo>
                  <a:cubicBezTo>
                    <a:pt x="31630" y="16561"/>
                    <a:pt x="31229" y="16460"/>
                    <a:pt x="31053" y="16335"/>
                  </a:cubicBezTo>
                  <a:cubicBezTo>
                    <a:pt x="30828" y="16285"/>
                    <a:pt x="30502" y="16009"/>
                    <a:pt x="30377" y="15884"/>
                  </a:cubicBezTo>
                  <a:cubicBezTo>
                    <a:pt x="30327" y="15834"/>
                    <a:pt x="30226" y="15658"/>
                    <a:pt x="30151" y="15608"/>
                  </a:cubicBezTo>
                  <a:cubicBezTo>
                    <a:pt x="30051" y="15558"/>
                    <a:pt x="29700" y="15508"/>
                    <a:pt x="29650" y="15383"/>
                  </a:cubicBezTo>
                  <a:cubicBezTo>
                    <a:pt x="29600" y="15282"/>
                    <a:pt x="29700" y="15057"/>
                    <a:pt x="29700" y="14982"/>
                  </a:cubicBezTo>
                  <a:cubicBezTo>
                    <a:pt x="29650" y="14881"/>
                    <a:pt x="29475" y="14831"/>
                    <a:pt x="29424" y="14706"/>
                  </a:cubicBezTo>
                  <a:cubicBezTo>
                    <a:pt x="29424" y="14656"/>
                    <a:pt x="29475" y="14480"/>
                    <a:pt x="29424" y="14480"/>
                  </a:cubicBezTo>
                  <a:cubicBezTo>
                    <a:pt x="29410" y="14466"/>
                    <a:pt x="29384" y="14460"/>
                    <a:pt x="29354" y="14460"/>
                  </a:cubicBezTo>
                  <a:cubicBezTo>
                    <a:pt x="29282" y="14460"/>
                    <a:pt x="29184" y="14495"/>
                    <a:pt x="29149" y="14530"/>
                  </a:cubicBezTo>
                  <a:cubicBezTo>
                    <a:pt x="29099" y="14530"/>
                    <a:pt x="28973" y="14656"/>
                    <a:pt x="28923" y="14656"/>
                  </a:cubicBezTo>
                  <a:cubicBezTo>
                    <a:pt x="28873" y="14656"/>
                    <a:pt x="28798" y="14530"/>
                    <a:pt x="28798" y="14480"/>
                  </a:cubicBezTo>
                  <a:cubicBezTo>
                    <a:pt x="28798" y="14430"/>
                    <a:pt x="28923" y="14380"/>
                    <a:pt x="28923" y="14305"/>
                  </a:cubicBezTo>
                  <a:cubicBezTo>
                    <a:pt x="28973" y="14255"/>
                    <a:pt x="28973" y="14155"/>
                    <a:pt x="28923" y="14079"/>
                  </a:cubicBezTo>
                  <a:cubicBezTo>
                    <a:pt x="28798" y="14029"/>
                    <a:pt x="28522" y="14029"/>
                    <a:pt x="28422" y="14029"/>
                  </a:cubicBezTo>
                  <a:cubicBezTo>
                    <a:pt x="28297" y="14029"/>
                    <a:pt x="28021" y="14079"/>
                    <a:pt x="27896" y="14079"/>
                  </a:cubicBezTo>
                  <a:cubicBezTo>
                    <a:pt x="27795" y="14029"/>
                    <a:pt x="27520" y="13929"/>
                    <a:pt x="27394" y="13854"/>
                  </a:cubicBezTo>
                  <a:cubicBezTo>
                    <a:pt x="27169" y="13754"/>
                    <a:pt x="26718" y="13478"/>
                    <a:pt x="26492" y="13352"/>
                  </a:cubicBezTo>
                  <a:cubicBezTo>
                    <a:pt x="26342" y="13302"/>
                    <a:pt x="25991" y="13177"/>
                    <a:pt x="25815" y="13127"/>
                  </a:cubicBezTo>
                  <a:cubicBezTo>
                    <a:pt x="25540" y="13077"/>
                    <a:pt x="25038" y="13027"/>
                    <a:pt x="24813" y="12901"/>
                  </a:cubicBezTo>
                  <a:cubicBezTo>
                    <a:pt x="24587" y="12851"/>
                    <a:pt x="24236" y="12576"/>
                    <a:pt x="24086" y="12450"/>
                  </a:cubicBezTo>
                  <a:cubicBezTo>
                    <a:pt x="23860" y="12275"/>
                    <a:pt x="23334" y="11999"/>
                    <a:pt x="23109" y="11849"/>
                  </a:cubicBezTo>
                  <a:cubicBezTo>
                    <a:pt x="22833" y="11673"/>
                    <a:pt x="22382" y="11222"/>
                    <a:pt x="22156" y="11047"/>
                  </a:cubicBezTo>
                  <a:cubicBezTo>
                    <a:pt x="22056" y="10997"/>
                    <a:pt x="21830" y="10821"/>
                    <a:pt x="21705" y="10771"/>
                  </a:cubicBezTo>
                  <a:cubicBezTo>
                    <a:pt x="21530" y="10646"/>
                    <a:pt x="21204" y="10495"/>
                    <a:pt x="21028" y="10420"/>
                  </a:cubicBezTo>
                  <a:cubicBezTo>
                    <a:pt x="20928" y="10370"/>
                    <a:pt x="20703" y="10320"/>
                    <a:pt x="20577" y="10270"/>
                  </a:cubicBezTo>
                  <a:cubicBezTo>
                    <a:pt x="20352" y="10195"/>
                    <a:pt x="19951" y="10044"/>
                    <a:pt x="19800" y="9969"/>
                  </a:cubicBezTo>
                  <a:cubicBezTo>
                    <a:pt x="19575" y="9919"/>
                    <a:pt x="19124" y="9819"/>
                    <a:pt x="18898" y="9743"/>
                  </a:cubicBezTo>
                  <a:cubicBezTo>
                    <a:pt x="18773" y="9693"/>
                    <a:pt x="18547" y="9518"/>
                    <a:pt x="18447" y="9518"/>
                  </a:cubicBezTo>
                  <a:cubicBezTo>
                    <a:pt x="18221" y="9468"/>
                    <a:pt x="17770" y="9518"/>
                    <a:pt x="17595" y="9418"/>
                  </a:cubicBezTo>
                  <a:cubicBezTo>
                    <a:pt x="17369" y="9368"/>
                    <a:pt x="17094" y="9142"/>
                    <a:pt x="16868" y="9067"/>
                  </a:cubicBezTo>
                  <a:cubicBezTo>
                    <a:pt x="16743" y="9017"/>
                    <a:pt x="16467" y="8967"/>
                    <a:pt x="16292" y="8967"/>
                  </a:cubicBezTo>
                  <a:lnTo>
                    <a:pt x="15916" y="8967"/>
                  </a:lnTo>
                  <a:cubicBezTo>
                    <a:pt x="15840" y="8916"/>
                    <a:pt x="15790" y="8791"/>
                    <a:pt x="15740" y="8791"/>
                  </a:cubicBezTo>
                  <a:cubicBezTo>
                    <a:pt x="15690" y="8741"/>
                    <a:pt x="15464" y="8741"/>
                    <a:pt x="15389" y="8741"/>
                  </a:cubicBezTo>
                  <a:cubicBezTo>
                    <a:pt x="15339" y="8691"/>
                    <a:pt x="15239" y="8566"/>
                    <a:pt x="15164" y="8515"/>
                  </a:cubicBezTo>
                  <a:cubicBezTo>
                    <a:pt x="15114" y="8465"/>
                    <a:pt x="14938" y="8390"/>
                    <a:pt x="14838" y="8390"/>
                  </a:cubicBezTo>
                  <a:cubicBezTo>
                    <a:pt x="14788" y="8390"/>
                    <a:pt x="14612" y="8390"/>
                    <a:pt x="14562" y="8340"/>
                  </a:cubicBezTo>
                  <a:cubicBezTo>
                    <a:pt x="14437" y="8340"/>
                    <a:pt x="14337" y="8114"/>
                    <a:pt x="14211" y="8064"/>
                  </a:cubicBezTo>
                  <a:cubicBezTo>
                    <a:pt x="14111" y="8014"/>
                    <a:pt x="13810" y="8014"/>
                    <a:pt x="13710" y="7939"/>
                  </a:cubicBezTo>
                  <a:cubicBezTo>
                    <a:pt x="13585" y="7939"/>
                    <a:pt x="13359" y="7789"/>
                    <a:pt x="13259" y="7713"/>
                  </a:cubicBezTo>
                  <a:cubicBezTo>
                    <a:pt x="13083" y="7663"/>
                    <a:pt x="12758" y="7613"/>
                    <a:pt x="12632" y="7563"/>
                  </a:cubicBezTo>
                  <a:cubicBezTo>
                    <a:pt x="12457" y="7513"/>
                    <a:pt x="12357" y="7212"/>
                    <a:pt x="12181" y="7162"/>
                  </a:cubicBezTo>
                  <a:cubicBezTo>
                    <a:pt x="12104" y="7162"/>
                    <a:pt x="11953" y="7236"/>
                    <a:pt x="11853" y="7236"/>
                  </a:cubicBezTo>
                  <a:cubicBezTo>
                    <a:pt x="11823" y="7236"/>
                    <a:pt x="11798" y="7229"/>
                    <a:pt x="11780" y="7212"/>
                  </a:cubicBezTo>
                  <a:cubicBezTo>
                    <a:pt x="11505" y="7162"/>
                    <a:pt x="11003" y="6836"/>
                    <a:pt x="10778" y="6711"/>
                  </a:cubicBezTo>
                  <a:cubicBezTo>
                    <a:pt x="10552" y="6611"/>
                    <a:pt x="9976" y="6485"/>
                    <a:pt x="9825" y="6310"/>
                  </a:cubicBezTo>
                  <a:cubicBezTo>
                    <a:pt x="9700" y="6210"/>
                    <a:pt x="9474" y="5934"/>
                    <a:pt x="9424" y="5809"/>
                  </a:cubicBezTo>
                  <a:cubicBezTo>
                    <a:pt x="9249" y="5533"/>
                    <a:pt x="9023" y="5032"/>
                    <a:pt x="9023" y="4731"/>
                  </a:cubicBezTo>
                  <a:cubicBezTo>
                    <a:pt x="8973" y="4631"/>
                    <a:pt x="9023" y="4355"/>
                    <a:pt x="9073" y="4230"/>
                  </a:cubicBezTo>
                  <a:cubicBezTo>
                    <a:pt x="9149" y="4129"/>
                    <a:pt x="9374" y="4004"/>
                    <a:pt x="9424" y="3904"/>
                  </a:cubicBezTo>
                  <a:cubicBezTo>
                    <a:pt x="9525" y="3779"/>
                    <a:pt x="9825" y="3603"/>
                    <a:pt x="9926" y="3503"/>
                  </a:cubicBezTo>
                  <a:cubicBezTo>
                    <a:pt x="10051" y="3453"/>
                    <a:pt x="10276" y="3403"/>
                    <a:pt x="10377" y="3277"/>
                  </a:cubicBezTo>
                  <a:cubicBezTo>
                    <a:pt x="10427" y="3227"/>
                    <a:pt x="10502" y="3002"/>
                    <a:pt x="10602" y="2876"/>
                  </a:cubicBezTo>
                  <a:cubicBezTo>
                    <a:pt x="10652" y="2826"/>
                    <a:pt x="10953" y="2726"/>
                    <a:pt x="11053" y="2601"/>
                  </a:cubicBezTo>
                  <a:cubicBezTo>
                    <a:pt x="11179" y="2550"/>
                    <a:pt x="11279" y="2375"/>
                    <a:pt x="11329" y="2275"/>
                  </a:cubicBezTo>
                  <a:cubicBezTo>
                    <a:pt x="11454" y="2149"/>
                    <a:pt x="11555" y="1974"/>
                    <a:pt x="11630" y="1874"/>
                  </a:cubicBezTo>
                  <a:cubicBezTo>
                    <a:pt x="11630" y="1698"/>
                    <a:pt x="11454" y="1473"/>
                    <a:pt x="11404" y="1297"/>
                  </a:cubicBezTo>
                  <a:cubicBezTo>
                    <a:pt x="11404" y="1247"/>
                    <a:pt x="11404" y="1147"/>
                    <a:pt x="11329" y="1072"/>
                  </a:cubicBezTo>
                  <a:cubicBezTo>
                    <a:pt x="11329" y="971"/>
                    <a:pt x="11229" y="696"/>
                    <a:pt x="11104" y="570"/>
                  </a:cubicBezTo>
                  <a:cubicBezTo>
                    <a:pt x="11003" y="470"/>
                    <a:pt x="10728" y="345"/>
                    <a:pt x="10602" y="295"/>
                  </a:cubicBezTo>
                  <a:cubicBezTo>
                    <a:pt x="10427" y="245"/>
                    <a:pt x="10201" y="19"/>
                    <a:pt x="10101" y="19"/>
                  </a:cubicBezTo>
                  <a:cubicBezTo>
                    <a:pt x="10062" y="6"/>
                    <a:pt x="10018" y="1"/>
                    <a:pt x="9971" y="1"/>
                  </a:cubicBezTo>
                  <a:close/>
                </a:path>
              </a:pathLst>
            </a:custGeom>
            <a:solidFill>
              <a:schemeClr val="bg1"/>
            </a:solidFill>
            <a:ln>
              <a:noFill/>
            </a:ln>
          </p:spPr>
          <p:txBody>
            <a:bodyPr spcFirstLastPara="1" wrap="square" lIns="121900" tIns="121900" rIns="121900" bIns="121900" anchor="ctr" anchorCtr="0">
              <a:noAutofit/>
            </a:bodyPr>
            <a:lstStyle/>
            <a:p>
              <a:endParaRPr sz="2400"/>
            </a:p>
          </p:txBody>
        </p:sp>
        <p:sp>
          <p:nvSpPr>
            <p:cNvPr id="253" name="Google Shape;310;p16">
              <a:extLst>
                <a:ext uri="{FF2B5EF4-FFF2-40B4-BE49-F238E27FC236}">
                  <a16:creationId xmlns:a16="http://schemas.microsoft.com/office/drawing/2014/main" id="{F914AA3F-CC02-2E70-11D5-47BF50D1578E}"/>
                </a:ext>
              </a:extLst>
            </p:cNvPr>
            <p:cNvSpPr/>
            <p:nvPr/>
          </p:nvSpPr>
          <p:spPr>
            <a:xfrm>
              <a:off x="3340169" y="2746767"/>
              <a:ext cx="967444" cy="690438"/>
            </a:xfrm>
            <a:custGeom>
              <a:avLst/>
              <a:gdLst/>
              <a:ahLst/>
              <a:cxnLst/>
              <a:rect l="l" t="t" r="r" b="b"/>
              <a:pathLst>
                <a:path w="34663" h="24738" fill="none" extrusionOk="0">
                  <a:moveTo>
                    <a:pt x="978" y="6668"/>
                  </a:moveTo>
                  <a:lnTo>
                    <a:pt x="978" y="6668"/>
                  </a:lnTo>
                  <a:cubicBezTo>
                    <a:pt x="853" y="6592"/>
                    <a:pt x="753" y="6317"/>
                    <a:pt x="677" y="6216"/>
                  </a:cubicBezTo>
                  <a:cubicBezTo>
                    <a:pt x="577" y="6091"/>
                    <a:pt x="352" y="5815"/>
                    <a:pt x="226" y="5640"/>
                  </a:cubicBezTo>
                  <a:cubicBezTo>
                    <a:pt x="176" y="5465"/>
                    <a:pt x="1" y="5089"/>
                    <a:pt x="76" y="4913"/>
                  </a:cubicBezTo>
                  <a:cubicBezTo>
                    <a:pt x="126" y="4788"/>
                    <a:pt x="352" y="4512"/>
                    <a:pt x="452" y="4462"/>
                  </a:cubicBezTo>
                  <a:cubicBezTo>
                    <a:pt x="527" y="4412"/>
                    <a:pt x="677" y="4287"/>
                    <a:pt x="803" y="4337"/>
                  </a:cubicBezTo>
                  <a:cubicBezTo>
                    <a:pt x="853" y="4337"/>
                    <a:pt x="853" y="4562"/>
                    <a:pt x="903" y="4638"/>
                  </a:cubicBezTo>
                  <a:cubicBezTo>
                    <a:pt x="978" y="4638"/>
                    <a:pt x="1204" y="4562"/>
                    <a:pt x="1254" y="4462"/>
                  </a:cubicBezTo>
                  <a:cubicBezTo>
                    <a:pt x="1304" y="4412"/>
                    <a:pt x="1304" y="4237"/>
                    <a:pt x="1354" y="4186"/>
                  </a:cubicBezTo>
                  <a:cubicBezTo>
                    <a:pt x="1479" y="4111"/>
                    <a:pt x="1705" y="4111"/>
                    <a:pt x="1755" y="4061"/>
                  </a:cubicBezTo>
                  <a:cubicBezTo>
                    <a:pt x="1880" y="4011"/>
                    <a:pt x="1981" y="3836"/>
                    <a:pt x="1981" y="3735"/>
                  </a:cubicBezTo>
                  <a:cubicBezTo>
                    <a:pt x="1981" y="3610"/>
                    <a:pt x="1880" y="3460"/>
                    <a:pt x="1805" y="3384"/>
                  </a:cubicBezTo>
                  <a:cubicBezTo>
                    <a:pt x="1705" y="3334"/>
                    <a:pt x="1429" y="3284"/>
                    <a:pt x="1354" y="3159"/>
                  </a:cubicBezTo>
                  <a:cubicBezTo>
                    <a:pt x="1304" y="3059"/>
                    <a:pt x="1304" y="2833"/>
                    <a:pt x="1354" y="2708"/>
                  </a:cubicBezTo>
                  <a:cubicBezTo>
                    <a:pt x="1354" y="2607"/>
                    <a:pt x="1530" y="2482"/>
                    <a:pt x="1530" y="2432"/>
                  </a:cubicBezTo>
                  <a:cubicBezTo>
                    <a:pt x="1530" y="2257"/>
                    <a:pt x="1429" y="2031"/>
                    <a:pt x="1429" y="1931"/>
                  </a:cubicBezTo>
                  <a:lnTo>
                    <a:pt x="1429" y="1655"/>
                  </a:lnTo>
                  <a:cubicBezTo>
                    <a:pt x="1479" y="1530"/>
                    <a:pt x="1580" y="1304"/>
                    <a:pt x="1705" y="1204"/>
                  </a:cubicBezTo>
                  <a:cubicBezTo>
                    <a:pt x="1755" y="1129"/>
                    <a:pt x="1880" y="1028"/>
                    <a:pt x="1981" y="978"/>
                  </a:cubicBezTo>
                  <a:lnTo>
                    <a:pt x="2206" y="978"/>
                  </a:lnTo>
                  <a:cubicBezTo>
                    <a:pt x="2432" y="1028"/>
                    <a:pt x="2933" y="1028"/>
                    <a:pt x="3234" y="1028"/>
                  </a:cubicBezTo>
                  <a:cubicBezTo>
                    <a:pt x="3459" y="1028"/>
                    <a:pt x="3835" y="1079"/>
                    <a:pt x="4061" y="1079"/>
                  </a:cubicBezTo>
                  <a:cubicBezTo>
                    <a:pt x="4362" y="1079"/>
                    <a:pt x="4913" y="978"/>
                    <a:pt x="5189" y="903"/>
                  </a:cubicBezTo>
                  <a:lnTo>
                    <a:pt x="5865" y="678"/>
                  </a:lnTo>
                  <a:cubicBezTo>
                    <a:pt x="5991" y="678"/>
                    <a:pt x="6216" y="577"/>
                    <a:pt x="6317" y="577"/>
                  </a:cubicBezTo>
                  <a:cubicBezTo>
                    <a:pt x="6442" y="577"/>
                    <a:pt x="6667" y="753"/>
                    <a:pt x="6768" y="753"/>
                  </a:cubicBezTo>
                  <a:cubicBezTo>
                    <a:pt x="6943" y="803"/>
                    <a:pt x="7219" y="753"/>
                    <a:pt x="7344" y="753"/>
                  </a:cubicBezTo>
                  <a:cubicBezTo>
                    <a:pt x="7570" y="678"/>
                    <a:pt x="8021" y="577"/>
                    <a:pt x="8246" y="527"/>
                  </a:cubicBezTo>
                  <a:cubicBezTo>
                    <a:pt x="8347" y="452"/>
                    <a:pt x="8572" y="352"/>
                    <a:pt x="8748" y="352"/>
                  </a:cubicBezTo>
                  <a:cubicBezTo>
                    <a:pt x="8848" y="302"/>
                    <a:pt x="9149" y="226"/>
                    <a:pt x="9299" y="226"/>
                  </a:cubicBezTo>
                  <a:cubicBezTo>
                    <a:pt x="9474" y="176"/>
                    <a:pt x="9875" y="1"/>
                    <a:pt x="10101" y="76"/>
                  </a:cubicBezTo>
                  <a:cubicBezTo>
                    <a:pt x="10201" y="76"/>
                    <a:pt x="10427" y="302"/>
                    <a:pt x="10602" y="352"/>
                  </a:cubicBezTo>
                  <a:cubicBezTo>
                    <a:pt x="10728" y="402"/>
                    <a:pt x="11003" y="527"/>
                    <a:pt x="11104" y="627"/>
                  </a:cubicBezTo>
                  <a:cubicBezTo>
                    <a:pt x="11229" y="753"/>
                    <a:pt x="11329" y="1028"/>
                    <a:pt x="11329" y="1129"/>
                  </a:cubicBezTo>
                  <a:cubicBezTo>
                    <a:pt x="11404" y="1204"/>
                    <a:pt x="11404" y="1304"/>
                    <a:pt x="11404" y="1354"/>
                  </a:cubicBezTo>
                  <a:cubicBezTo>
                    <a:pt x="11454" y="1530"/>
                    <a:pt x="11630" y="1755"/>
                    <a:pt x="11630" y="1931"/>
                  </a:cubicBezTo>
                  <a:cubicBezTo>
                    <a:pt x="11555" y="2031"/>
                    <a:pt x="11454" y="2206"/>
                    <a:pt x="11329" y="2332"/>
                  </a:cubicBezTo>
                  <a:cubicBezTo>
                    <a:pt x="11279" y="2432"/>
                    <a:pt x="11179" y="2607"/>
                    <a:pt x="11053" y="2658"/>
                  </a:cubicBezTo>
                  <a:cubicBezTo>
                    <a:pt x="10953" y="2783"/>
                    <a:pt x="10652" y="2883"/>
                    <a:pt x="10602" y="2933"/>
                  </a:cubicBezTo>
                  <a:cubicBezTo>
                    <a:pt x="10502" y="3059"/>
                    <a:pt x="10427" y="3284"/>
                    <a:pt x="10377" y="3334"/>
                  </a:cubicBezTo>
                  <a:cubicBezTo>
                    <a:pt x="10276" y="3460"/>
                    <a:pt x="10051" y="3510"/>
                    <a:pt x="9926" y="3560"/>
                  </a:cubicBezTo>
                  <a:cubicBezTo>
                    <a:pt x="9825" y="3660"/>
                    <a:pt x="9525" y="3836"/>
                    <a:pt x="9424" y="3961"/>
                  </a:cubicBezTo>
                  <a:cubicBezTo>
                    <a:pt x="9374" y="4061"/>
                    <a:pt x="9149" y="4186"/>
                    <a:pt x="9073" y="4287"/>
                  </a:cubicBezTo>
                  <a:cubicBezTo>
                    <a:pt x="9023" y="4412"/>
                    <a:pt x="8973" y="4688"/>
                    <a:pt x="9023" y="4788"/>
                  </a:cubicBezTo>
                  <a:cubicBezTo>
                    <a:pt x="9023" y="5089"/>
                    <a:pt x="9249" y="5590"/>
                    <a:pt x="9424" y="5866"/>
                  </a:cubicBezTo>
                  <a:cubicBezTo>
                    <a:pt x="9474" y="5991"/>
                    <a:pt x="9700" y="6267"/>
                    <a:pt x="9825" y="6367"/>
                  </a:cubicBezTo>
                  <a:cubicBezTo>
                    <a:pt x="9976" y="6542"/>
                    <a:pt x="10552" y="6668"/>
                    <a:pt x="10778" y="6768"/>
                  </a:cubicBezTo>
                  <a:cubicBezTo>
                    <a:pt x="11003" y="6893"/>
                    <a:pt x="11505" y="7219"/>
                    <a:pt x="11780" y="7269"/>
                  </a:cubicBezTo>
                  <a:cubicBezTo>
                    <a:pt x="11855" y="7344"/>
                    <a:pt x="12081" y="7219"/>
                    <a:pt x="12181" y="7219"/>
                  </a:cubicBezTo>
                  <a:cubicBezTo>
                    <a:pt x="12357" y="7269"/>
                    <a:pt x="12457" y="7570"/>
                    <a:pt x="12632" y="7620"/>
                  </a:cubicBezTo>
                  <a:cubicBezTo>
                    <a:pt x="12758" y="7670"/>
                    <a:pt x="13083" y="7720"/>
                    <a:pt x="13259" y="7770"/>
                  </a:cubicBezTo>
                  <a:cubicBezTo>
                    <a:pt x="13359" y="7846"/>
                    <a:pt x="13585" y="7996"/>
                    <a:pt x="13710" y="7996"/>
                  </a:cubicBezTo>
                  <a:cubicBezTo>
                    <a:pt x="13810" y="8071"/>
                    <a:pt x="14111" y="8071"/>
                    <a:pt x="14211" y="8121"/>
                  </a:cubicBezTo>
                  <a:cubicBezTo>
                    <a:pt x="14337" y="8171"/>
                    <a:pt x="14437" y="8397"/>
                    <a:pt x="14562" y="8397"/>
                  </a:cubicBezTo>
                  <a:cubicBezTo>
                    <a:pt x="14612" y="8447"/>
                    <a:pt x="14788" y="8447"/>
                    <a:pt x="14838" y="8447"/>
                  </a:cubicBezTo>
                  <a:cubicBezTo>
                    <a:pt x="14938" y="8447"/>
                    <a:pt x="15114" y="8522"/>
                    <a:pt x="15164" y="8572"/>
                  </a:cubicBezTo>
                  <a:cubicBezTo>
                    <a:pt x="15239" y="8623"/>
                    <a:pt x="15339" y="8748"/>
                    <a:pt x="15389" y="8798"/>
                  </a:cubicBezTo>
                  <a:cubicBezTo>
                    <a:pt x="15464" y="8798"/>
                    <a:pt x="15690" y="8798"/>
                    <a:pt x="15740" y="8848"/>
                  </a:cubicBezTo>
                  <a:cubicBezTo>
                    <a:pt x="15790" y="8848"/>
                    <a:pt x="15840" y="8973"/>
                    <a:pt x="15916" y="9024"/>
                  </a:cubicBezTo>
                  <a:lnTo>
                    <a:pt x="16292" y="9024"/>
                  </a:lnTo>
                  <a:cubicBezTo>
                    <a:pt x="16467" y="9024"/>
                    <a:pt x="16743" y="9074"/>
                    <a:pt x="16868" y="9124"/>
                  </a:cubicBezTo>
                  <a:cubicBezTo>
                    <a:pt x="17094" y="9199"/>
                    <a:pt x="17369" y="9425"/>
                    <a:pt x="17595" y="9475"/>
                  </a:cubicBezTo>
                  <a:cubicBezTo>
                    <a:pt x="17770" y="9575"/>
                    <a:pt x="18221" y="9525"/>
                    <a:pt x="18447" y="9575"/>
                  </a:cubicBezTo>
                  <a:cubicBezTo>
                    <a:pt x="18547" y="9575"/>
                    <a:pt x="18773" y="9750"/>
                    <a:pt x="18898" y="9800"/>
                  </a:cubicBezTo>
                  <a:cubicBezTo>
                    <a:pt x="19124" y="9876"/>
                    <a:pt x="19575" y="9976"/>
                    <a:pt x="19800" y="10026"/>
                  </a:cubicBezTo>
                  <a:cubicBezTo>
                    <a:pt x="19951" y="10101"/>
                    <a:pt x="20352" y="10252"/>
                    <a:pt x="20577" y="10327"/>
                  </a:cubicBezTo>
                  <a:cubicBezTo>
                    <a:pt x="20703" y="10377"/>
                    <a:pt x="20928" y="10427"/>
                    <a:pt x="21028" y="10477"/>
                  </a:cubicBezTo>
                  <a:cubicBezTo>
                    <a:pt x="21204" y="10552"/>
                    <a:pt x="21530" y="10703"/>
                    <a:pt x="21705" y="10828"/>
                  </a:cubicBezTo>
                  <a:cubicBezTo>
                    <a:pt x="21830" y="10878"/>
                    <a:pt x="22056" y="11054"/>
                    <a:pt x="22156" y="11104"/>
                  </a:cubicBezTo>
                  <a:cubicBezTo>
                    <a:pt x="22382" y="11279"/>
                    <a:pt x="22833" y="11730"/>
                    <a:pt x="23109" y="11906"/>
                  </a:cubicBezTo>
                  <a:cubicBezTo>
                    <a:pt x="23334" y="12056"/>
                    <a:pt x="23860" y="12332"/>
                    <a:pt x="24086" y="12507"/>
                  </a:cubicBezTo>
                  <a:cubicBezTo>
                    <a:pt x="24236" y="12633"/>
                    <a:pt x="24587" y="12908"/>
                    <a:pt x="24813" y="12958"/>
                  </a:cubicBezTo>
                  <a:cubicBezTo>
                    <a:pt x="25038" y="13084"/>
                    <a:pt x="25540" y="13134"/>
                    <a:pt x="25815" y="13184"/>
                  </a:cubicBezTo>
                  <a:cubicBezTo>
                    <a:pt x="25991" y="13234"/>
                    <a:pt x="26342" y="13359"/>
                    <a:pt x="26492" y="13409"/>
                  </a:cubicBezTo>
                  <a:cubicBezTo>
                    <a:pt x="26718" y="13535"/>
                    <a:pt x="27169" y="13811"/>
                    <a:pt x="27394" y="13911"/>
                  </a:cubicBezTo>
                  <a:cubicBezTo>
                    <a:pt x="27520" y="13986"/>
                    <a:pt x="27795" y="14086"/>
                    <a:pt x="27896" y="14136"/>
                  </a:cubicBezTo>
                  <a:cubicBezTo>
                    <a:pt x="28021" y="14136"/>
                    <a:pt x="28297" y="14086"/>
                    <a:pt x="28422" y="14086"/>
                  </a:cubicBezTo>
                  <a:cubicBezTo>
                    <a:pt x="28522" y="14086"/>
                    <a:pt x="28798" y="14086"/>
                    <a:pt x="28923" y="14136"/>
                  </a:cubicBezTo>
                  <a:cubicBezTo>
                    <a:pt x="28973" y="14212"/>
                    <a:pt x="28973" y="14312"/>
                    <a:pt x="28923" y="14362"/>
                  </a:cubicBezTo>
                  <a:cubicBezTo>
                    <a:pt x="28923" y="14437"/>
                    <a:pt x="28798" y="14487"/>
                    <a:pt x="28798" y="14537"/>
                  </a:cubicBezTo>
                  <a:cubicBezTo>
                    <a:pt x="28798" y="14587"/>
                    <a:pt x="28873" y="14713"/>
                    <a:pt x="28923" y="14713"/>
                  </a:cubicBezTo>
                  <a:cubicBezTo>
                    <a:pt x="28973" y="14713"/>
                    <a:pt x="29099" y="14587"/>
                    <a:pt x="29149" y="14587"/>
                  </a:cubicBezTo>
                  <a:cubicBezTo>
                    <a:pt x="29199" y="14537"/>
                    <a:pt x="29374" y="14487"/>
                    <a:pt x="29424" y="14537"/>
                  </a:cubicBezTo>
                  <a:cubicBezTo>
                    <a:pt x="29475" y="14537"/>
                    <a:pt x="29424" y="14713"/>
                    <a:pt x="29424" y="14763"/>
                  </a:cubicBezTo>
                  <a:cubicBezTo>
                    <a:pt x="29475" y="14888"/>
                    <a:pt x="29650" y="14938"/>
                    <a:pt x="29700" y="15039"/>
                  </a:cubicBezTo>
                  <a:cubicBezTo>
                    <a:pt x="29700" y="15114"/>
                    <a:pt x="29600" y="15339"/>
                    <a:pt x="29650" y="15440"/>
                  </a:cubicBezTo>
                  <a:cubicBezTo>
                    <a:pt x="29700" y="15565"/>
                    <a:pt x="30051" y="15615"/>
                    <a:pt x="30151" y="15665"/>
                  </a:cubicBezTo>
                  <a:cubicBezTo>
                    <a:pt x="30226" y="15715"/>
                    <a:pt x="30327" y="15891"/>
                    <a:pt x="30377" y="15941"/>
                  </a:cubicBezTo>
                  <a:cubicBezTo>
                    <a:pt x="30502" y="16066"/>
                    <a:pt x="30828" y="16342"/>
                    <a:pt x="31053" y="16392"/>
                  </a:cubicBezTo>
                  <a:cubicBezTo>
                    <a:pt x="31229" y="16517"/>
                    <a:pt x="31630" y="16618"/>
                    <a:pt x="31855" y="16793"/>
                  </a:cubicBezTo>
                  <a:cubicBezTo>
                    <a:pt x="31956" y="16843"/>
                    <a:pt x="32257" y="17119"/>
                    <a:pt x="32357" y="17244"/>
                  </a:cubicBezTo>
                  <a:cubicBezTo>
                    <a:pt x="32532" y="17420"/>
                    <a:pt x="32858" y="17695"/>
                    <a:pt x="33033" y="17795"/>
                  </a:cubicBezTo>
                  <a:cubicBezTo>
                    <a:pt x="33159" y="17921"/>
                    <a:pt x="33309" y="18196"/>
                    <a:pt x="33434" y="18322"/>
                  </a:cubicBezTo>
                  <a:cubicBezTo>
                    <a:pt x="33485" y="18372"/>
                    <a:pt x="33660" y="18472"/>
                    <a:pt x="33710" y="18547"/>
                  </a:cubicBezTo>
                  <a:cubicBezTo>
                    <a:pt x="33835" y="18648"/>
                    <a:pt x="34061" y="18873"/>
                    <a:pt x="34111" y="19049"/>
                  </a:cubicBezTo>
                  <a:lnTo>
                    <a:pt x="34111" y="19500"/>
                  </a:lnTo>
                  <a:lnTo>
                    <a:pt x="34337" y="19951"/>
                  </a:lnTo>
                  <a:cubicBezTo>
                    <a:pt x="34387" y="20001"/>
                    <a:pt x="34562" y="20126"/>
                    <a:pt x="34612" y="20227"/>
                  </a:cubicBezTo>
                  <a:cubicBezTo>
                    <a:pt x="34663" y="20352"/>
                    <a:pt x="34663" y="20552"/>
                    <a:pt x="34663" y="20678"/>
                  </a:cubicBezTo>
                  <a:cubicBezTo>
                    <a:pt x="34612" y="20778"/>
                    <a:pt x="34437" y="20903"/>
                    <a:pt x="34387" y="20953"/>
                  </a:cubicBezTo>
                  <a:cubicBezTo>
                    <a:pt x="34337" y="21079"/>
                    <a:pt x="34337" y="21354"/>
                    <a:pt x="34287" y="21455"/>
                  </a:cubicBezTo>
                  <a:cubicBezTo>
                    <a:pt x="34287" y="21530"/>
                    <a:pt x="34161" y="21630"/>
                    <a:pt x="34161" y="21680"/>
                  </a:cubicBezTo>
                  <a:cubicBezTo>
                    <a:pt x="34111" y="21755"/>
                    <a:pt x="34161" y="21856"/>
                    <a:pt x="34161" y="21981"/>
                  </a:cubicBezTo>
                  <a:cubicBezTo>
                    <a:pt x="34111" y="22031"/>
                    <a:pt x="33886" y="22031"/>
                    <a:pt x="33835" y="22081"/>
                  </a:cubicBezTo>
                  <a:cubicBezTo>
                    <a:pt x="33760" y="22207"/>
                    <a:pt x="33760" y="22482"/>
                    <a:pt x="33760" y="22582"/>
                  </a:cubicBezTo>
                  <a:cubicBezTo>
                    <a:pt x="33710" y="22708"/>
                    <a:pt x="33660" y="22933"/>
                    <a:pt x="33710" y="22983"/>
                  </a:cubicBezTo>
                  <a:cubicBezTo>
                    <a:pt x="33710" y="23109"/>
                    <a:pt x="33835" y="23209"/>
                    <a:pt x="33886" y="23334"/>
                  </a:cubicBezTo>
                  <a:cubicBezTo>
                    <a:pt x="33886" y="23435"/>
                    <a:pt x="33835" y="23710"/>
                    <a:pt x="33835" y="23836"/>
                  </a:cubicBezTo>
                  <a:cubicBezTo>
                    <a:pt x="33835" y="23936"/>
                    <a:pt x="33886" y="24111"/>
                    <a:pt x="33886" y="24237"/>
                  </a:cubicBezTo>
                  <a:cubicBezTo>
                    <a:pt x="33886" y="24337"/>
                    <a:pt x="33886" y="24562"/>
                    <a:pt x="33760" y="24688"/>
                  </a:cubicBezTo>
                  <a:cubicBezTo>
                    <a:pt x="33710" y="24688"/>
                    <a:pt x="33610" y="24738"/>
                    <a:pt x="33535" y="24738"/>
                  </a:cubicBezTo>
                  <a:cubicBezTo>
                    <a:pt x="33485" y="24688"/>
                    <a:pt x="33309" y="24688"/>
                    <a:pt x="33259" y="24613"/>
                  </a:cubicBezTo>
                  <a:cubicBezTo>
                    <a:pt x="33209" y="24562"/>
                    <a:pt x="33084" y="24337"/>
                    <a:pt x="32983" y="24287"/>
                  </a:cubicBezTo>
                  <a:cubicBezTo>
                    <a:pt x="32933" y="24237"/>
                    <a:pt x="32758" y="24161"/>
                    <a:pt x="32708" y="24161"/>
                  </a:cubicBezTo>
                  <a:cubicBezTo>
                    <a:pt x="32582" y="24111"/>
                    <a:pt x="32307" y="24161"/>
                    <a:pt x="32181" y="24237"/>
                  </a:cubicBezTo>
                  <a:cubicBezTo>
                    <a:pt x="32131" y="24237"/>
                    <a:pt x="32081" y="24337"/>
                    <a:pt x="32031" y="24337"/>
                  </a:cubicBezTo>
                  <a:cubicBezTo>
                    <a:pt x="31906" y="24287"/>
                    <a:pt x="31730" y="24011"/>
                    <a:pt x="31630" y="23936"/>
                  </a:cubicBezTo>
                  <a:cubicBezTo>
                    <a:pt x="31505" y="23836"/>
                    <a:pt x="31279" y="23710"/>
                    <a:pt x="31179" y="23660"/>
                  </a:cubicBezTo>
                  <a:cubicBezTo>
                    <a:pt x="31053" y="23660"/>
                    <a:pt x="30953" y="23610"/>
                    <a:pt x="30828" y="23560"/>
                  </a:cubicBezTo>
                  <a:cubicBezTo>
                    <a:pt x="30728" y="23435"/>
                    <a:pt x="30452" y="23209"/>
                    <a:pt x="30377" y="23034"/>
                  </a:cubicBezTo>
                  <a:cubicBezTo>
                    <a:pt x="30327" y="23034"/>
                    <a:pt x="30327" y="22883"/>
                    <a:pt x="30327" y="22883"/>
                  </a:cubicBezTo>
                  <a:cubicBezTo>
                    <a:pt x="30277" y="22808"/>
                    <a:pt x="30151" y="22808"/>
                    <a:pt x="30101" y="22758"/>
                  </a:cubicBezTo>
                  <a:cubicBezTo>
                    <a:pt x="30051" y="22708"/>
                    <a:pt x="29876" y="22532"/>
                    <a:pt x="29926" y="22482"/>
                  </a:cubicBezTo>
                  <a:cubicBezTo>
                    <a:pt x="29926" y="22432"/>
                    <a:pt x="30051" y="22482"/>
                    <a:pt x="30101" y="22432"/>
                  </a:cubicBezTo>
                  <a:cubicBezTo>
                    <a:pt x="30151" y="22357"/>
                    <a:pt x="30101" y="22207"/>
                    <a:pt x="30051" y="22081"/>
                  </a:cubicBezTo>
                  <a:cubicBezTo>
                    <a:pt x="30051" y="22031"/>
                    <a:pt x="29926" y="21906"/>
                    <a:pt x="29926" y="21856"/>
                  </a:cubicBezTo>
                  <a:cubicBezTo>
                    <a:pt x="29926" y="21755"/>
                    <a:pt x="30001" y="21530"/>
                    <a:pt x="29926" y="21405"/>
                  </a:cubicBezTo>
                  <a:cubicBezTo>
                    <a:pt x="29926" y="21304"/>
                    <a:pt x="29775" y="21079"/>
                    <a:pt x="29700" y="20953"/>
                  </a:cubicBezTo>
                  <a:cubicBezTo>
                    <a:pt x="29700" y="20853"/>
                    <a:pt x="29650" y="20678"/>
                    <a:pt x="29600" y="20628"/>
                  </a:cubicBezTo>
                  <a:cubicBezTo>
                    <a:pt x="29550" y="20552"/>
                    <a:pt x="29424" y="20502"/>
                    <a:pt x="29374" y="20502"/>
                  </a:cubicBezTo>
                  <a:cubicBezTo>
                    <a:pt x="29324" y="20502"/>
                    <a:pt x="29199" y="20628"/>
                    <a:pt x="29149" y="20552"/>
                  </a:cubicBezTo>
                  <a:cubicBezTo>
                    <a:pt x="29099" y="20502"/>
                    <a:pt x="29149" y="20277"/>
                    <a:pt x="29149" y="20227"/>
                  </a:cubicBezTo>
                  <a:cubicBezTo>
                    <a:pt x="29149" y="20126"/>
                    <a:pt x="29099" y="19951"/>
                    <a:pt x="29099" y="19826"/>
                  </a:cubicBezTo>
                  <a:cubicBezTo>
                    <a:pt x="29023" y="19725"/>
                    <a:pt x="28923" y="19600"/>
                    <a:pt x="28923" y="19500"/>
                  </a:cubicBezTo>
                  <a:cubicBezTo>
                    <a:pt x="28923" y="19450"/>
                    <a:pt x="28973" y="19374"/>
                    <a:pt x="28973" y="19374"/>
                  </a:cubicBezTo>
                  <a:cubicBezTo>
                    <a:pt x="28923" y="19274"/>
                    <a:pt x="28698" y="19324"/>
                    <a:pt x="28647" y="19274"/>
                  </a:cubicBezTo>
                  <a:cubicBezTo>
                    <a:pt x="28572" y="19274"/>
                    <a:pt x="28572" y="19099"/>
                    <a:pt x="28522" y="19049"/>
                  </a:cubicBezTo>
                  <a:cubicBezTo>
                    <a:pt x="28472" y="19049"/>
                    <a:pt x="28422" y="19149"/>
                    <a:pt x="28347" y="19149"/>
                  </a:cubicBezTo>
                  <a:cubicBezTo>
                    <a:pt x="28246" y="19224"/>
                    <a:pt x="28021" y="19099"/>
                    <a:pt x="27896" y="19049"/>
                  </a:cubicBezTo>
                  <a:cubicBezTo>
                    <a:pt x="27745" y="19049"/>
                    <a:pt x="27470" y="19099"/>
                    <a:pt x="27344" y="19049"/>
                  </a:cubicBezTo>
                  <a:cubicBezTo>
                    <a:pt x="27294" y="19049"/>
                    <a:pt x="27169" y="18923"/>
                    <a:pt x="27119" y="18923"/>
                  </a:cubicBezTo>
                  <a:cubicBezTo>
                    <a:pt x="27069" y="18923"/>
                    <a:pt x="26893" y="18998"/>
                    <a:pt x="26843" y="19049"/>
                  </a:cubicBezTo>
                  <a:lnTo>
                    <a:pt x="26266" y="19049"/>
                  </a:lnTo>
                  <a:cubicBezTo>
                    <a:pt x="26216" y="19099"/>
                    <a:pt x="26116" y="19149"/>
                    <a:pt x="26041" y="19149"/>
                  </a:cubicBezTo>
                  <a:cubicBezTo>
                    <a:pt x="25941" y="19224"/>
                    <a:pt x="25590" y="19149"/>
                    <a:pt x="25490" y="19149"/>
                  </a:cubicBezTo>
                  <a:cubicBezTo>
                    <a:pt x="25439" y="19224"/>
                    <a:pt x="25314" y="19274"/>
                    <a:pt x="25264" y="19274"/>
                  </a:cubicBezTo>
                  <a:cubicBezTo>
                    <a:pt x="25214" y="19224"/>
                    <a:pt x="25089" y="19099"/>
                    <a:pt x="25038" y="19099"/>
                  </a:cubicBezTo>
                  <a:cubicBezTo>
                    <a:pt x="24988" y="19049"/>
                    <a:pt x="24813" y="19099"/>
                    <a:pt x="24763" y="19099"/>
                  </a:cubicBezTo>
                  <a:cubicBezTo>
                    <a:pt x="24688" y="19049"/>
                    <a:pt x="24587" y="18873"/>
                    <a:pt x="24537" y="18873"/>
                  </a:cubicBezTo>
                  <a:cubicBezTo>
                    <a:pt x="24412" y="18823"/>
                    <a:pt x="24312" y="18873"/>
                    <a:pt x="24236" y="18873"/>
                  </a:cubicBezTo>
                  <a:cubicBezTo>
                    <a:pt x="24186" y="18873"/>
                    <a:pt x="24086" y="18773"/>
                    <a:pt x="24011" y="18698"/>
                  </a:cubicBezTo>
                  <a:cubicBezTo>
                    <a:pt x="23911" y="18648"/>
                    <a:pt x="23685" y="18472"/>
                    <a:pt x="23560" y="18472"/>
                  </a:cubicBezTo>
                  <a:cubicBezTo>
                    <a:pt x="23510" y="18422"/>
                    <a:pt x="23334" y="18472"/>
                    <a:pt x="23234" y="18472"/>
                  </a:cubicBezTo>
                  <a:cubicBezTo>
                    <a:pt x="23109" y="18422"/>
                    <a:pt x="22883" y="18247"/>
                    <a:pt x="22783" y="18247"/>
                  </a:cubicBezTo>
                  <a:cubicBezTo>
                    <a:pt x="22657" y="18196"/>
                    <a:pt x="22507" y="18196"/>
                    <a:pt x="22432" y="18247"/>
                  </a:cubicBezTo>
                  <a:cubicBezTo>
                    <a:pt x="22382" y="18247"/>
                    <a:pt x="22332" y="18372"/>
                    <a:pt x="22282" y="18372"/>
                  </a:cubicBezTo>
                  <a:cubicBezTo>
                    <a:pt x="22206" y="18322"/>
                    <a:pt x="22206" y="18146"/>
                    <a:pt x="22206" y="18096"/>
                  </a:cubicBezTo>
                  <a:lnTo>
                    <a:pt x="22206" y="17971"/>
                  </a:lnTo>
                  <a:cubicBezTo>
                    <a:pt x="22282" y="17921"/>
                    <a:pt x="22507" y="17921"/>
                    <a:pt x="22557" y="17871"/>
                  </a:cubicBezTo>
                  <a:lnTo>
                    <a:pt x="22557" y="17745"/>
                  </a:lnTo>
                  <a:cubicBezTo>
                    <a:pt x="22557" y="17695"/>
                    <a:pt x="22507" y="17570"/>
                    <a:pt x="22507" y="17520"/>
                  </a:cubicBezTo>
                  <a:cubicBezTo>
                    <a:pt x="22507" y="17470"/>
                    <a:pt x="22557" y="17344"/>
                    <a:pt x="22607" y="17344"/>
                  </a:cubicBezTo>
                  <a:cubicBezTo>
                    <a:pt x="22657" y="17294"/>
                    <a:pt x="22883" y="17420"/>
                    <a:pt x="23008" y="17344"/>
                  </a:cubicBezTo>
                  <a:lnTo>
                    <a:pt x="23284" y="17344"/>
                  </a:lnTo>
                  <a:cubicBezTo>
                    <a:pt x="23284" y="17294"/>
                    <a:pt x="23334" y="17194"/>
                    <a:pt x="23334" y="17119"/>
                  </a:cubicBezTo>
                  <a:cubicBezTo>
                    <a:pt x="23334" y="17069"/>
                    <a:pt x="23284" y="16893"/>
                    <a:pt x="23234" y="16843"/>
                  </a:cubicBezTo>
                  <a:cubicBezTo>
                    <a:pt x="23184" y="16843"/>
                    <a:pt x="23058" y="16893"/>
                    <a:pt x="23008" y="16893"/>
                  </a:cubicBezTo>
                  <a:cubicBezTo>
                    <a:pt x="22883" y="16968"/>
                    <a:pt x="22733" y="16843"/>
                    <a:pt x="22607" y="16893"/>
                  </a:cubicBezTo>
                  <a:cubicBezTo>
                    <a:pt x="22557" y="16893"/>
                    <a:pt x="22507" y="17019"/>
                    <a:pt x="22432" y="17019"/>
                  </a:cubicBezTo>
                  <a:cubicBezTo>
                    <a:pt x="22382" y="17069"/>
                    <a:pt x="22282" y="17194"/>
                    <a:pt x="22206" y="17244"/>
                  </a:cubicBezTo>
                  <a:cubicBezTo>
                    <a:pt x="22156" y="17294"/>
                    <a:pt x="21981" y="17294"/>
                    <a:pt x="21881" y="17244"/>
                  </a:cubicBezTo>
                  <a:cubicBezTo>
                    <a:pt x="21830" y="17194"/>
                    <a:pt x="21830" y="16968"/>
                    <a:pt x="21755" y="16893"/>
                  </a:cubicBezTo>
                  <a:cubicBezTo>
                    <a:pt x="21705" y="16843"/>
                    <a:pt x="21429" y="16843"/>
                    <a:pt x="21304" y="16843"/>
                  </a:cubicBezTo>
                  <a:cubicBezTo>
                    <a:pt x="21204" y="16843"/>
                    <a:pt x="20853" y="16893"/>
                    <a:pt x="20703" y="16968"/>
                  </a:cubicBezTo>
                  <a:cubicBezTo>
                    <a:pt x="20527" y="17019"/>
                    <a:pt x="20251" y="17194"/>
                    <a:pt x="20126" y="17294"/>
                  </a:cubicBezTo>
                  <a:cubicBezTo>
                    <a:pt x="19901" y="17420"/>
                    <a:pt x="19625" y="17795"/>
                    <a:pt x="19500" y="18021"/>
                  </a:cubicBezTo>
                  <a:cubicBezTo>
                    <a:pt x="19449" y="18096"/>
                    <a:pt x="19399" y="18146"/>
                    <a:pt x="19349" y="18247"/>
                  </a:cubicBezTo>
                  <a:cubicBezTo>
                    <a:pt x="19274" y="18146"/>
                    <a:pt x="19174" y="18021"/>
                    <a:pt x="19124" y="17971"/>
                  </a:cubicBezTo>
                  <a:cubicBezTo>
                    <a:pt x="19048" y="17871"/>
                    <a:pt x="18823" y="17570"/>
                    <a:pt x="18723" y="17520"/>
                  </a:cubicBezTo>
                  <a:cubicBezTo>
                    <a:pt x="18597" y="17520"/>
                    <a:pt x="18372" y="17570"/>
                    <a:pt x="18271" y="17520"/>
                  </a:cubicBezTo>
                  <a:cubicBezTo>
                    <a:pt x="18146" y="17470"/>
                    <a:pt x="17921" y="17244"/>
                    <a:pt x="17870" y="17119"/>
                  </a:cubicBezTo>
                  <a:cubicBezTo>
                    <a:pt x="17820" y="17069"/>
                    <a:pt x="17770" y="16843"/>
                    <a:pt x="17770" y="16793"/>
                  </a:cubicBezTo>
                  <a:cubicBezTo>
                    <a:pt x="17770" y="16668"/>
                    <a:pt x="17820" y="16517"/>
                    <a:pt x="17820" y="16442"/>
                  </a:cubicBezTo>
                  <a:cubicBezTo>
                    <a:pt x="17870" y="16392"/>
                    <a:pt x="17870" y="16242"/>
                    <a:pt x="17820" y="16166"/>
                  </a:cubicBezTo>
                  <a:cubicBezTo>
                    <a:pt x="17820" y="16116"/>
                    <a:pt x="17645" y="16066"/>
                    <a:pt x="17595" y="16016"/>
                  </a:cubicBezTo>
                  <a:cubicBezTo>
                    <a:pt x="17545" y="15891"/>
                    <a:pt x="17469" y="15715"/>
                    <a:pt x="17469" y="15615"/>
                  </a:cubicBezTo>
                  <a:lnTo>
                    <a:pt x="17645" y="15264"/>
                  </a:lnTo>
                  <a:cubicBezTo>
                    <a:pt x="17645" y="15164"/>
                    <a:pt x="17770" y="14988"/>
                    <a:pt x="17695" y="14888"/>
                  </a:cubicBezTo>
                  <a:cubicBezTo>
                    <a:pt x="17695" y="14763"/>
                    <a:pt x="17545" y="14587"/>
                    <a:pt x="17419" y="14537"/>
                  </a:cubicBezTo>
                  <a:cubicBezTo>
                    <a:pt x="17369" y="14487"/>
                    <a:pt x="17194" y="14487"/>
                    <a:pt x="17144" y="14537"/>
                  </a:cubicBezTo>
                  <a:cubicBezTo>
                    <a:pt x="17018" y="14587"/>
                    <a:pt x="16968" y="14888"/>
                    <a:pt x="16868" y="14938"/>
                  </a:cubicBezTo>
                  <a:cubicBezTo>
                    <a:pt x="16743" y="14988"/>
                    <a:pt x="16517" y="14988"/>
                    <a:pt x="16417" y="14938"/>
                  </a:cubicBezTo>
                  <a:cubicBezTo>
                    <a:pt x="16292" y="14888"/>
                    <a:pt x="16241" y="14587"/>
                    <a:pt x="16141" y="14537"/>
                  </a:cubicBezTo>
                  <a:cubicBezTo>
                    <a:pt x="16066" y="14487"/>
                    <a:pt x="15966" y="14537"/>
                    <a:pt x="15840" y="14537"/>
                  </a:cubicBezTo>
                  <a:cubicBezTo>
                    <a:pt x="15790" y="14537"/>
                    <a:pt x="15690" y="14713"/>
                    <a:pt x="15615" y="14763"/>
                  </a:cubicBezTo>
                  <a:cubicBezTo>
                    <a:pt x="15565" y="14813"/>
                    <a:pt x="15565" y="15039"/>
                    <a:pt x="15515" y="15114"/>
                  </a:cubicBezTo>
                  <a:cubicBezTo>
                    <a:pt x="15515" y="15214"/>
                    <a:pt x="15389" y="15389"/>
                    <a:pt x="15289" y="15389"/>
                  </a:cubicBezTo>
                  <a:cubicBezTo>
                    <a:pt x="15164" y="15389"/>
                    <a:pt x="14938" y="15164"/>
                    <a:pt x="14838" y="15039"/>
                  </a:cubicBezTo>
                  <a:cubicBezTo>
                    <a:pt x="14713" y="14938"/>
                    <a:pt x="14612" y="14663"/>
                    <a:pt x="14437" y="14537"/>
                  </a:cubicBezTo>
                  <a:cubicBezTo>
                    <a:pt x="14337" y="14437"/>
                    <a:pt x="13986" y="14312"/>
                    <a:pt x="13885" y="14262"/>
                  </a:cubicBezTo>
                  <a:cubicBezTo>
                    <a:pt x="13710" y="14212"/>
                    <a:pt x="13309" y="14136"/>
                    <a:pt x="13209" y="14036"/>
                  </a:cubicBezTo>
                  <a:cubicBezTo>
                    <a:pt x="13083" y="13986"/>
                    <a:pt x="12858" y="13861"/>
                    <a:pt x="12808" y="13760"/>
                  </a:cubicBezTo>
                  <a:cubicBezTo>
                    <a:pt x="12758" y="13585"/>
                    <a:pt x="12858" y="13234"/>
                    <a:pt x="12808" y="13084"/>
                  </a:cubicBezTo>
                  <a:cubicBezTo>
                    <a:pt x="12808" y="12958"/>
                    <a:pt x="12808" y="12783"/>
                    <a:pt x="12758" y="12733"/>
                  </a:cubicBezTo>
                  <a:cubicBezTo>
                    <a:pt x="12632" y="12633"/>
                    <a:pt x="12457" y="12457"/>
                    <a:pt x="12357" y="12457"/>
                  </a:cubicBezTo>
                  <a:cubicBezTo>
                    <a:pt x="12231" y="12457"/>
                    <a:pt x="12081" y="12557"/>
                    <a:pt x="12006" y="12633"/>
                  </a:cubicBezTo>
                  <a:cubicBezTo>
                    <a:pt x="11956" y="12733"/>
                    <a:pt x="12081" y="12958"/>
                    <a:pt x="12006" y="13084"/>
                  </a:cubicBezTo>
                  <a:cubicBezTo>
                    <a:pt x="11956" y="13134"/>
                    <a:pt x="11730" y="13134"/>
                    <a:pt x="11680" y="13134"/>
                  </a:cubicBezTo>
                  <a:cubicBezTo>
                    <a:pt x="11555" y="13084"/>
                    <a:pt x="11555" y="12783"/>
                    <a:pt x="11505" y="12733"/>
                  </a:cubicBezTo>
                  <a:cubicBezTo>
                    <a:pt x="11404" y="12633"/>
                    <a:pt x="11179" y="12557"/>
                    <a:pt x="11053" y="12507"/>
                  </a:cubicBezTo>
                  <a:cubicBezTo>
                    <a:pt x="10953" y="12507"/>
                    <a:pt x="10728" y="12507"/>
                    <a:pt x="10652" y="12457"/>
                  </a:cubicBezTo>
                  <a:cubicBezTo>
                    <a:pt x="10602" y="12407"/>
                    <a:pt x="10502" y="12181"/>
                    <a:pt x="10502" y="12106"/>
                  </a:cubicBezTo>
                  <a:cubicBezTo>
                    <a:pt x="10552" y="12006"/>
                    <a:pt x="10728" y="11956"/>
                    <a:pt x="10778" y="11906"/>
                  </a:cubicBezTo>
                  <a:cubicBezTo>
                    <a:pt x="10828" y="11780"/>
                    <a:pt x="10878" y="11605"/>
                    <a:pt x="10878" y="11505"/>
                  </a:cubicBezTo>
                  <a:lnTo>
                    <a:pt x="10878" y="11054"/>
                  </a:lnTo>
                  <a:cubicBezTo>
                    <a:pt x="10828" y="10928"/>
                    <a:pt x="10652" y="10703"/>
                    <a:pt x="10552" y="10602"/>
                  </a:cubicBezTo>
                  <a:cubicBezTo>
                    <a:pt x="10377" y="10477"/>
                    <a:pt x="10101" y="10327"/>
                    <a:pt x="9926" y="10252"/>
                  </a:cubicBezTo>
                  <a:cubicBezTo>
                    <a:pt x="9750" y="10201"/>
                    <a:pt x="9474" y="10151"/>
                    <a:pt x="9374" y="10151"/>
                  </a:cubicBezTo>
                  <a:cubicBezTo>
                    <a:pt x="9249" y="10201"/>
                    <a:pt x="9073" y="10252"/>
                    <a:pt x="9023" y="10327"/>
                  </a:cubicBezTo>
                  <a:cubicBezTo>
                    <a:pt x="8973" y="10377"/>
                    <a:pt x="8973" y="10552"/>
                    <a:pt x="8923" y="10653"/>
                  </a:cubicBezTo>
                  <a:cubicBezTo>
                    <a:pt x="8848" y="10703"/>
                    <a:pt x="8572" y="10878"/>
                    <a:pt x="8522" y="11003"/>
                  </a:cubicBezTo>
                  <a:cubicBezTo>
                    <a:pt x="8472" y="11054"/>
                    <a:pt x="8522" y="11154"/>
                    <a:pt x="8472" y="11229"/>
                  </a:cubicBezTo>
                  <a:cubicBezTo>
                    <a:pt x="8397" y="11279"/>
                    <a:pt x="8246" y="11329"/>
                    <a:pt x="8171" y="11329"/>
                  </a:cubicBezTo>
                  <a:cubicBezTo>
                    <a:pt x="8071" y="11279"/>
                    <a:pt x="8121" y="11054"/>
                    <a:pt x="8071" y="11003"/>
                  </a:cubicBezTo>
                  <a:cubicBezTo>
                    <a:pt x="8021" y="10878"/>
                    <a:pt x="7845" y="10778"/>
                    <a:pt x="7720" y="10778"/>
                  </a:cubicBezTo>
                  <a:cubicBezTo>
                    <a:pt x="7620" y="10778"/>
                    <a:pt x="7394" y="10928"/>
                    <a:pt x="7344" y="11054"/>
                  </a:cubicBezTo>
                  <a:cubicBezTo>
                    <a:pt x="7219" y="11104"/>
                    <a:pt x="6993" y="11279"/>
                    <a:pt x="6818" y="11329"/>
                  </a:cubicBezTo>
                  <a:cubicBezTo>
                    <a:pt x="6768" y="11379"/>
                    <a:pt x="6667" y="11379"/>
                    <a:pt x="6542" y="11379"/>
                  </a:cubicBezTo>
                  <a:lnTo>
                    <a:pt x="6317" y="11379"/>
                  </a:lnTo>
                  <a:cubicBezTo>
                    <a:pt x="6216" y="11329"/>
                    <a:pt x="5991" y="11229"/>
                    <a:pt x="5865" y="11154"/>
                  </a:cubicBezTo>
                  <a:cubicBezTo>
                    <a:pt x="5715" y="11104"/>
                    <a:pt x="5489" y="10828"/>
                    <a:pt x="5264" y="10828"/>
                  </a:cubicBezTo>
                  <a:cubicBezTo>
                    <a:pt x="5189" y="10828"/>
                    <a:pt x="5038" y="10928"/>
                    <a:pt x="4913" y="11003"/>
                  </a:cubicBezTo>
                  <a:cubicBezTo>
                    <a:pt x="4813" y="11003"/>
                    <a:pt x="4587" y="11154"/>
                    <a:pt x="4462" y="11154"/>
                  </a:cubicBezTo>
                  <a:cubicBezTo>
                    <a:pt x="4286" y="11154"/>
                    <a:pt x="3961" y="11054"/>
                    <a:pt x="3835" y="11003"/>
                  </a:cubicBezTo>
                  <a:cubicBezTo>
                    <a:pt x="3735" y="10878"/>
                    <a:pt x="3735" y="10552"/>
                    <a:pt x="3610" y="10377"/>
                  </a:cubicBezTo>
                  <a:cubicBezTo>
                    <a:pt x="3560" y="10327"/>
                    <a:pt x="3384" y="10151"/>
                    <a:pt x="3384" y="10101"/>
                  </a:cubicBezTo>
                  <a:cubicBezTo>
                    <a:pt x="3334" y="9926"/>
                    <a:pt x="3459" y="9575"/>
                    <a:pt x="3459" y="9425"/>
                  </a:cubicBezTo>
                  <a:cubicBezTo>
                    <a:pt x="3384" y="9249"/>
                    <a:pt x="3334" y="8973"/>
                    <a:pt x="3234" y="8848"/>
                  </a:cubicBezTo>
                  <a:cubicBezTo>
                    <a:pt x="3108" y="8798"/>
                    <a:pt x="2883" y="8898"/>
                    <a:pt x="2783" y="8848"/>
                  </a:cubicBezTo>
                  <a:cubicBezTo>
                    <a:pt x="2607" y="8848"/>
                    <a:pt x="2332" y="8748"/>
                    <a:pt x="2206" y="8673"/>
                  </a:cubicBezTo>
                  <a:cubicBezTo>
                    <a:pt x="2156" y="8623"/>
                    <a:pt x="1981" y="8522"/>
                    <a:pt x="1931" y="8447"/>
                  </a:cubicBezTo>
                  <a:cubicBezTo>
                    <a:pt x="1805" y="8297"/>
                    <a:pt x="1755" y="7896"/>
                    <a:pt x="1805" y="7720"/>
                  </a:cubicBezTo>
                  <a:cubicBezTo>
                    <a:pt x="1880" y="7670"/>
                    <a:pt x="2156" y="7720"/>
                    <a:pt x="2206" y="7620"/>
                  </a:cubicBezTo>
                  <a:cubicBezTo>
                    <a:pt x="2256" y="7495"/>
                    <a:pt x="2031" y="7169"/>
                    <a:pt x="1981" y="7044"/>
                  </a:cubicBezTo>
                  <a:cubicBezTo>
                    <a:pt x="1880" y="6943"/>
                    <a:pt x="1580" y="6818"/>
                    <a:pt x="1479" y="6768"/>
                  </a:cubicBezTo>
                  <a:cubicBezTo>
                    <a:pt x="1354" y="6718"/>
                    <a:pt x="1078" y="6768"/>
                    <a:pt x="978" y="6668"/>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54" name="Google Shape;311;p16">
              <a:extLst>
                <a:ext uri="{FF2B5EF4-FFF2-40B4-BE49-F238E27FC236}">
                  <a16:creationId xmlns:a16="http://schemas.microsoft.com/office/drawing/2014/main" id="{DCCC7171-3FD6-3751-40FB-4BCA756904DE}"/>
                </a:ext>
              </a:extLst>
            </p:cNvPr>
            <p:cNvSpPr/>
            <p:nvPr/>
          </p:nvSpPr>
          <p:spPr>
            <a:xfrm>
              <a:off x="3601099" y="3363745"/>
              <a:ext cx="408519" cy="776456"/>
            </a:xfrm>
            <a:custGeom>
              <a:avLst/>
              <a:gdLst/>
              <a:ahLst/>
              <a:cxnLst/>
              <a:rect l="l" t="t" r="r" b="b"/>
              <a:pathLst>
                <a:path w="14637" h="27820" extrusionOk="0">
                  <a:moveTo>
                    <a:pt x="14637" y="12832"/>
                  </a:moveTo>
                  <a:cubicBezTo>
                    <a:pt x="14637" y="12908"/>
                    <a:pt x="14637" y="13008"/>
                    <a:pt x="14562" y="13058"/>
                  </a:cubicBezTo>
                  <a:cubicBezTo>
                    <a:pt x="14562" y="13058"/>
                    <a:pt x="14461" y="13058"/>
                    <a:pt x="14411" y="13133"/>
                  </a:cubicBezTo>
                  <a:cubicBezTo>
                    <a:pt x="14336" y="13183"/>
                    <a:pt x="14236" y="13284"/>
                    <a:pt x="14236" y="13409"/>
                  </a:cubicBezTo>
                  <a:lnTo>
                    <a:pt x="14236" y="13685"/>
                  </a:lnTo>
                  <a:cubicBezTo>
                    <a:pt x="14236" y="13735"/>
                    <a:pt x="14411" y="13860"/>
                    <a:pt x="14336" y="13960"/>
                  </a:cubicBezTo>
                  <a:cubicBezTo>
                    <a:pt x="14336" y="14010"/>
                    <a:pt x="14186" y="13960"/>
                    <a:pt x="14110" y="14010"/>
                  </a:cubicBezTo>
                  <a:cubicBezTo>
                    <a:pt x="14060" y="14086"/>
                    <a:pt x="13960" y="14186"/>
                    <a:pt x="13960" y="14236"/>
                  </a:cubicBezTo>
                  <a:cubicBezTo>
                    <a:pt x="13885" y="14311"/>
                    <a:pt x="13885" y="14462"/>
                    <a:pt x="13885" y="14462"/>
                  </a:cubicBezTo>
                  <a:lnTo>
                    <a:pt x="13785" y="14587"/>
                  </a:lnTo>
                  <a:cubicBezTo>
                    <a:pt x="13735" y="14637"/>
                    <a:pt x="13735" y="14762"/>
                    <a:pt x="13659" y="14762"/>
                  </a:cubicBezTo>
                  <a:cubicBezTo>
                    <a:pt x="13659" y="14762"/>
                    <a:pt x="13559" y="14762"/>
                    <a:pt x="13559" y="14687"/>
                  </a:cubicBezTo>
                  <a:cubicBezTo>
                    <a:pt x="13559" y="14687"/>
                    <a:pt x="13609" y="14587"/>
                    <a:pt x="13559" y="14587"/>
                  </a:cubicBezTo>
                  <a:cubicBezTo>
                    <a:pt x="13509" y="14537"/>
                    <a:pt x="13384" y="14587"/>
                    <a:pt x="13334" y="14587"/>
                  </a:cubicBezTo>
                  <a:cubicBezTo>
                    <a:pt x="13283" y="14537"/>
                    <a:pt x="13208" y="14537"/>
                    <a:pt x="13158" y="14537"/>
                  </a:cubicBezTo>
                  <a:lnTo>
                    <a:pt x="13058" y="14537"/>
                  </a:lnTo>
                  <a:cubicBezTo>
                    <a:pt x="12983" y="14587"/>
                    <a:pt x="13058" y="14637"/>
                    <a:pt x="13058" y="14687"/>
                  </a:cubicBezTo>
                  <a:cubicBezTo>
                    <a:pt x="13058" y="14762"/>
                    <a:pt x="12983" y="14812"/>
                    <a:pt x="12933" y="14812"/>
                  </a:cubicBezTo>
                  <a:cubicBezTo>
                    <a:pt x="12882" y="14812"/>
                    <a:pt x="12757" y="14637"/>
                    <a:pt x="12707" y="14587"/>
                  </a:cubicBezTo>
                  <a:cubicBezTo>
                    <a:pt x="12707" y="14537"/>
                    <a:pt x="12707" y="14411"/>
                    <a:pt x="12657" y="14411"/>
                  </a:cubicBezTo>
                  <a:cubicBezTo>
                    <a:pt x="12657" y="14361"/>
                    <a:pt x="12607" y="14311"/>
                    <a:pt x="12532" y="14311"/>
                  </a:cubicBezTo>
                  <a:cubicBezTo>
                    <a:pt x="12481" y="14311"/>
                    <a:pt x="12381" y="14361"/>
                    <a:pt x="12306" y="14411"/>
                  </a:cubicBezTo>
                  <a:lnTo>
                    <a:pt x="11855" y="14411"/>
                  </a:lnTo>
                  <a:cubicBezTo>
                    <a:pt x="11805" y="14411"/>
                    <a:pt x="11629" y="14462"/>
                    <a:pt x="11579" y="14462"/>
                  </a:cubicBezTo>
                  <a:cubicBezTo>
                    <a:pt x="11303" y="14587"/>
                    <a:pt x="10677" y="14762"/>
                    <a:pt x="10451" y="14863"/>
                  </a:cubicBezTo>
                  <a:cubicBezTo>
                    <a:pt x="10176" y="15038"/>
                    <a:pt x="9674" y="15364"/>
                    <a:pt x="9449" y="15589"/>
                  </a:cubicBezTo>
                  <a:cubicBezTo>
                    <a:pt x="9273" y="15715"/>
                    <a:pt x="9048" y="15990"/>
                    <a:pt x="8922" y="16116"/>
                  </a:cubicBezTo>
                  <a:cubicBezTo>
                    <a:pt x="8872" y="16216"/>
                    <a:pt x="8747" y="16391"/>
                    <a:pt x="8697" y="16441"/>
                  </a:cubicBezTo>
                  <a:cubicBezTo>
                    <a:pt x="8697" y="16567"/>
                    <a:pt x="8697" y="16792"/>
                    <a:pt x="8647" y="16842"/>
                  </a:cubicBezTo>
                  <a:cubicBezTo>
                    <a:pt x="8647" y="16893"/>
                    <a:pt x="8521" y="17068"/>
                    <a:pt x="8521" y="17118"/>
                  </a:cubicBezTo>
                  <a:lnTo>
                    <a:pt x="8521" y="17344"/>
                  </a:lnTo>
                  <a:cubicBezTo>
                    <a:pt x="8471" y="17394"/>
                    <a:pt x="8421" y="17519"/>
                    <a:pt x="8421" y="17569"/>
                  </a:cubicBezTo>
                  <a:cubicBezTo>
                    <a:pt x="8471" y="17695"/>
                    <a:pt x="8647" y="17845"/>
                    <a:pt x="8647" y="17970"/>
                  </a:cubicBezTo>
                  <a:cubicBezTo>
                    <a:pt x="8697" y="18146"/>
                    <a:pt x="8647" y="18522"/>
                    <a:pt x="8697" y="18697"/>
                  </a:cubicBezTo>
                  <a:cubicBezTo>
                    <a:pt x="8697" y="18822"/>
                    <a:pt x="8822" y="19048"/>
                    <a:pt x="8822" y="19148"/>
                  </a:cubicBezTo>
                  <a:cubicBezTo>
                    <a:pt x="8872" y="19324"/>
                    <a:pt x="8922" y="19549"/>
                    <a:pt x="8922" y="19650"/>
                  </a:cubicBezTo>
                  <a:cubicBezTo>
                    <a:pt x="8922" y="19725"/>
                    <a:pt x="8973" y="19875"/>
                    <a:pt x="8973" y="19950"/>
                  </a:cubicBezTo>
                  <a:cubicBezTo>
                    <a:pt x="8973" y="20101"/>
                    <a:pt x="9098" y="20326"/>
                    <a:pt x="9098" y="20452"/>
                  </a:cubicBezTo>
                  <a:cubicBezTo>
                    <a:pt x="9148" y="20552"/>
                    <a:pt x="9148" y="20727"/>
                    <a:pt x="9098" y="20853"/>
                  </a:cubicBezTo>
                  <a:cubicBezTo>
                    <a:pt x="9098" y="20953"/>
                    <a:pt x="8922" y="21128"/>
                    <a:pt x="8822" y="21228"/>
                  </a:cubicBezTo>
                  <a:cubicBezTo>
                    <a:pt x="8697" y="21354"/>
                    <a:pt x="8471" y="21529"/>
                    <a:pt x="8421" y="21579"/>
                  </a:cubicBezTo>
                  <a:cubicBezTo>
                    <a:pt x="8296" y="21680"/>
                    <a:pt x="8146" y="21905"/>
                    <a:pt x="8020" y="22030"/>
                  </a:cubicBezTo>
                  <a:cubicBezTo>
                    <a:pt x="7920" y="22131"/>
                    <a:pt x="7619" y="22256"/>
                    <a:pt x="7469" y="22306"/>
                  </a:cubicBezTo>
                  <a:cubicBezTo>
                    <a:pt x="7344" y="22356"/>
                    <a:pt x="7118" y="22356"/>
                    <a:pt x="7068" y="22406"/>
                  </a:cubicBezTo>
                  <a:cubicBezTo>
                    <a:pt x="6943" y="22482"/>
                    <a:pt x="6792" y="22707"/>
                    <a:pt x="6717" y="22757"/>
                  </a:cubicBezTo>
                  <a:cubicBezTo>
                    <a:pt x="6491" y="23033"/>
                    <a:pt x="6216" y="23609"/>
                    <a:pt x="6040" y="23885"/>
                  </a:cubicBezTo>
                  <a:cubicBezTo>
                    <a:pt x="5890" y="24111"/>
                    <a:pt x="5439" y="24437"/>
                    <a:pt x="5364" y="24737"/>
                  </a:cubicBezTo>
                  <a:cubicBezTo>
                    <a:pt x="5263" y="25013"/>
                    <a:pt x="5489" y="25564"/>
                    <a:pt x="5439" y="25865"/>
                  </a:cubicBezTo>
                  <a:cubicBezTo>
                    <a:pt x="5439" y="26015"/>
                    <a:pt x="5263" y="26416"/>
                    <a:pt x="5213" y="26592"/>
                  </a:cubicBezTo>
                  <a:cubicBezTo>
                    <a:pt x="5088" y="26767"/>
                    <a:pt x="4988" y="27093"/>
                    <a:pt x="4862" y="27218"/>
                  </a:cubicBezTo>
                  <a:cubicBezTo>
                    <a:pt x="4762" y="27319"/>
                    <a:pt x="4411" y="27544"/>
                    <a:pt x="4236" y="27544"/>
                  </a:cubicBezTo>
                  <a:cubicBezTo>
                    <a:pt x="4085" y="27594"/>
                    <a:pt x="3684" y="27444"/>
                    <a:pt x="3459" y="27444"/>
                  </a:cubicBezTo>
                  <a:cubicBezTo>
                    <a:pt x="3333" y="27444"/>
                    <a:pt x="3008" y="27494"/>
                    <a:pt x="2882" y="27544"/>
                  </a:cubicBezTo>
                  <a:cubicBezTo>
                    <a:pt x="2657" y="27594"/>
                    <a:pt x="2281" y="27820"/>
                    <a:pt x="2055" y="27820"/>
                  </a:cubicBezTo>
                  <a:cubicBezTo>
                    <a:pt x="1930" y="27820"/>
                    <a:pt x="1704" y="27670"/>
                    <a:pt x="1604" y="27670"/>
                  </a:cubicBezTo>
                  <a:cubicBezTo>
                    <a:pt x="1429" y="27544"/>
                    <a:pt x="1078" y="27369"/>
                    <a:pt x="978" y="27269"/>
                  </a:cubicBezTo>
                  <a:cubicBezTo>
                    <a:pt x="852" y="27143"/>
                    <a:pt x="627" y="26868"/>
                    <a:pt x="577" y="26692"/>
                  </a:cubicBezTo>
                  <a:lnTo>
                    <a:pt x="577" y="26141"/>
                  </a:lnTo>
                  <a:cubicBezTo>
                    <a:pt x="526" y="25965"/>
                    <a:pt x="526" y="25640"/>
                    <a:pt x="526" y="25514"/>
                  </a:cubicBezTo>
                  <a:cubicBezTo>
                    <a:pt x="526" y="25339"/>
                    <a:pt x="577" y="25063"/>
                    <a:pt x="577" y="24888"/>
                  </a:cubicBezTo>
                  <a:cubicBezTo>
                    <a:pt x="577" y="24737"/>
                    <a:pt x="401" y="24437"/>
                    <a:pt x="351" y="24336"/>
                  </a:cubicBezTo>
                  <a:lnTo>
                    <a:pt x="351" y="24061"/>
                  </a:lnTo>
                  <a:cubicBezTo>
                    <a:pt x="401" y="23985"/>
                    <a:pt x="577" y="23985"/>
                    <a:pt x="627" y="23935"/>
                  </a:cubicBezTo>
                  <a:cubicBezTo>
                    <a:pt x="752" y="23885"/>
                    <a:pt x="852" y="23609"/>
                    <a:pt x="927" y="23534"/>
                  </a:cubicBezTo>
                  <a:cubicBezTo>
                    <a:pt x="1028" y="23484"/>
                    <a:pt x="1303" y="23534"/>
                    <a:pt x="1429" y="23484"/>
                  </a:cubicBezTo>
                  <a:cubicBezTo>
                    <a:pt x="1604" y="23434"/>
                    <a:pt x="1830" y="23208"/>
                    <a:pt x="1880" y="23083"/>
                  </a:cubicBezTo>
                  <a:cubicBezTo>
                    <a:pt x="1980" y="22933"/>
                    <a:pt x="1980" y="22482"/>
                    <a:pt x="2055" y="22306"/>
                  </a:cubicBezTo>
                  <a:cubicBezTo>
                    <a:pt x="2055" y="22181"/>
                    <a:pt x="2156" y="22030"/>
                    <a:pt x="2206" y="21905"/>
                  </a:cubicBezTo>
                  <a:cubicBezTo>
                    <a:pt x="2281" y="21730"/>
                    <a:pt x="2506" y="21454"/>
                    <a:pt x="2506" y="21304"/>
                  </a:cubicBezTo>
                  <a:cubicBezTo>
                    <a:pt x="2506" y="21228"/>
                    <a:pt x="2381" y="21078"/>
                    <a:pt x="2381" y="21003"/>
                  </a:cubicBezTo>
                  <a:cubicBezTo>
                    <a:pt x="2381" y="20853"/>
                    <a:pt x="2657" y="20627"/>
                    <a:pt x="2657" y="20452"/>
                  </a:cubicBezTo>
                  <a:cubicBezTo>
                    <a:pt x="2732" y="20276"/>
                    <a:pt x="2732" y="19950"/>
                    <a:pt x="2607" y="19825"/>
                  </a:cubicBezTo>
                  <a:cubicBezTo>
                    <a:pt x="2557" y="19650"/>
                    <a:pt x="2206" y="19599"/>
                    <a:pt x="2105" y="19499"/>
                  </a:cubicBezTo>
                  <a:cubicBezTo>
                    <a:pt x="2055" y="19424"/>
                    <a:pt x="1980" y="19274"/>
                    <a:pt x="1880" y="19274"/>
                  </a:cubicBezTo>
                  <a:cubicBezTo>
                    <a:pt x="1830" y="19198"/>
                    <a:pt x="1654" y="19198"/>
                    <a:pt x="1604" y="19148"/>
                  </a:cubicBezTo>
                  <a:cubicBezTo>
                    <a:pt x="1529" y="19048"/>
                    <a:pt x="1704" y="18747"/>
                    <a:pt x="1830" y="18647"/>
                  </a:cubicBezTo>
                  <a:cubicBezTo>
                    <a:pt x="1880" y="18472"/>
                    <a:pt x="2156" y="18246"/>
                    <a:pt x="2281" y="18196"/>
                  </a:cubicBezTo>
                  <a:cubicBezTo>
                    <a:pt x="2331" y="18146"/>
                    <a:pt x="2506" y="18146"/>
                    <a:pt x="2557" y="18071"/>
                  </a:cubicBezTo>
                  <a:cubicBezTo>
                    <a:pt x="2657" y="18020"/>
                    <a:pt x="2782" y="17745"/>
                    <a:pt x="2882" y="17695"/>
                  </a:cubicBezTo>
                  <a:cubicBezTo>
                    <a:pt x="3008" y="17619"/>
                    <a:pt x="3233" y="17519"/>
                    <a:pt x="3333" y="17519"/>
                  </a:cubicBezTo>
                  <a:cubicBezTo>
                    <a:pt x="3459" y="17469"/>
                    <a:pt x="3684" y="17394"/>
                    <a:pt x="3785" y="17394"/>
                  </a:cubicBezTo>
                  <a:cubicBezTo>
                    <a:pt x="3910" y="17394"/>
                    <a:pt x="4186" y="17519"/>
                    <a:pt x="4311" y="17519"/>
                  </a:cubicBezTo>
                  <a:cubicBezTo>
                    <a:pt x="4411" y="17519"/>
                    <a:pt x="4587" y="17394"/>
                    <a:pt x="4637" y="17344"/>
                  </a:cubicBezTo>
                  <a:cubicBezTo>
                    <a:pt x="4762" y="17243"/>
                    <a:pt x="4988" y="17018"/>
                    <a:pt x="5038" y="16842"/>
                  </a:cubicBezTo>
                  <a:cubicBezTo>
                    <a:pt x="5138" y="16667"/>
                    <a:pt x="5263" y="16266"/>
                    <a:pt x="5263" y="16040"/>
                  </a:cubicBezTo>
                  <a:cubicBezTo>
                    <a:pt x="5263" y="15815"/>
                    <a:pt x="5313" y="15439"/>
                    <a:pt x="5263" y="15213"/>
                  </a:cubicBezTo>
                  <a:cubicBezTo>
                    <a:pt x="5213" y="15138"/>
                    <a:pt x="5088" y="14913"/>
                    <a:pt x="4988" y="14863"/>
                  </a:cubicBezTo>
                  <a:cubicBezTo>
                    <a:pt x="4912" y="14812"/>
                    <a:pt x="4762" y="14812"/>
                    <a:pt x="4687" y="14762"/>
                  </a:cubicBezTo>
                  <a:cubicBezTo>
                    <a:pt x="4587" y="14637"/>
                    <a:pt x="4536" y="14361"/>
                    <a:pt x="4411" y="14236"/>
                  </a:cubicBezTo>
                  <a:cubicBezTo>
                    <a:pt x="4361" y="14136"/>
                    <a:pt x="4186" y="14086"/>
                    <a:pt x="4085" y="13960"/>
                  </a:cubicBezTo>
                  <a:cubicBezTo>
                    <a:pt x="4010" y="13910"/>
                    <a:pt x="3910" y="13685"/>
                    <a:pt x="3860" y="13584"/>
                  </a:cubicBezTo>
                  <a:cubicBezTo>
                    <a:pt x="3785" y="13459"/>
                    <a:pt x="3785" y="13284"/>
                    <a:pt x="3785" y="13183"/>
                  </a:cubicBezTo>
                  <a:cubicBezTo>
                    <a:pt x="3734" y="13058"/>
                    <a:pt x="3634" y="12908"/>
                    <a:pt x="3634" y="12782"/>
                  </a:cubicBezTo>
                  <a:cubicBezTo>
                    <a:pt x="3559" y="12607"/>
                    <a:pt x="3634" y="12281"/>
                    <a:pt x="3559" y="12055"/>
                  </a:cubicBezTo>
                  <a:cubicBezTo>
                    <a:pt x="3559" y="11880"/>
                    <a:pt x="3409" y="11479"/>
                    <a:pt x="3409" y="11329"/>
                  </a:cubicBezTo>
                  <a:cubicBezTo>
                    <a:pt x="3333" y="11103"/>
                    <a:pt x="3333" y="10752"/>
                    <a:pt x="3283" y="10577"/>
                  </a:cubicBezTo>
                  <a:cubicBezTo>
                    <a:pt x="3233" y="10426"/>
                    <a:pt x="3058" y="10126"/>
                    <a:pt x="3008" y="9975"/>
                  </a:cubicBezTo>
                  <a:cubicBezTo>
                    <a:pt x="2958" y="9800"/>
                    <a:pt x="2958" y="9399"/>
                    <a:pt x="2832" y="9223"/>
                  </a:cubicBezTo>
                  <a:cubicBezTo>
                    <a:pt x="2732" y="9073"/>
                    <a:pt x="2331" y="8847"/>
                    <a:pt x="2206" y="8672"/>
                  </a:cubicBezTo>
                  <a:cubicBezTo>
                    <a:pt x="2156" y="8547"/>
                    <a:pt x="2156" y="8271"/>
                    <a:pt x="2055" y="8171"/>
                  </a:cubicBezTo>
                  <a:cubicBezTo>
                    <a:pt x="1980" y="7995"/>
                    <a:pt x="1704" y="7820"/>
                    <a:pt x="1604" y="7770"/>
                  </a:cubicBezTo>
                  <a:cubicBezTo>
                    <a:pt x="1479" y="7720"/>
                    <a:pt x="1303" y="7644"/>
                    <a:pt x="1303" y="7594"/>
                  </a:cubicBezTo>
                  <a:cubicBezTo>
                    <a:pt x="1203" y="7494"/>
                    <a:pt x="1203" y="7193"/>
                    <a:pt x="1153" y="7093"/>
                  </a:cubicBezTo>
                  <a:cubicBezTo>
                    <a:pt x="1028" y="6867"/>
                    <a:pt x="927" y="6466"/>
                    <a:pt x="802" y="6291"/>
                  </a:cubicBezTo>
                  <a:cubicBezTo>
                    <a:pt x="752" y="6191"/>
                    <a:pt x="526" y="5965"/>
                    <a:pt x="451" y="5840"/>
                  </a:cubicBezTo>
                  <a:cubicBezTo>
                    <a:pt x="451" y="5690"/>
                    <a:pt x="526" y="5414"/>
                    <a:pt x="451" y="5289"/>
                  </a:cubicBezTo>
                  <a:cubicBezTo>
                    <a:pt x="451" y="5238"/>
                    <a:pt x="351" y="5113"/>
                    <a:pt x="351" y="5063"/>
                  </a:cubicBezTo>
                  <a:lnTo>
                    <a:pt x="351" y="4837"/>
                  </a:lnTo>
                  <a:cubicBezTo>
                    <a:pt x="301" y="4837"/>
                    <a:pt x="226" y="4737"/>
                    <a:pt x="176" y="4662"/>
                  </a:cubicBezTo>
                  <a:cubicBezTo>
                    <a:pt x="176" y="4662"/>
                    <a:pt x="176" y="4562"/>
                    <a:pt x="125" y="4512"/>
                  </a:cubicBezTo>
                  <a:cubicBezTo>
                    <a:pt x="125" y="4436"/>
                    <a:pt x="0" y="4286"/>
                    <a:pt x="0" y="4211"/>
                  </a:cubicBezTo>
                  <a:cubicBezTo>
                    <a:pt x="0" y="4111"/>
                    <a:pt x="125" y="3985"/>
                    <a:pt x="125" y="3885"/>
                  </a:cubicBezTo>
                  <a:cubicBezTo>
                    <a:pt x="125" y="3760"/>
                    <a:pt x="75" y="3534"/>
                    <a:pt x="0" y="3434"/>
                  </a:cubicBezTo>
                  <a:cubicBezTo>
                    <a:pt x="75" y="3309"/>
                    <a:pt x="226" y="3258"/>
                    <a:pt x="301" y="3208"/>
                  </a:cubicBezTo>
                  <a:cubicBezTo>
                    <a:pt x="351" y="3208"/>
                    <a:pt x="526" y="3208"/>
                    <a:pt x="577" y="3158"/>
                  </a:cubicBezTo>
                  <a:lnTo>
                    <a:pt x="577" y="2807"/>
                  </a:lnTo>
                  <a:cubicBezTo>
                    <a:pt x="577" y="2757"/>
                    <a:pt x="401" y="2632"/>
                    <a:pt x="401" y="2532"/>
                  </a:cubicBezTo>
                  <a:cubicBezTo>
                    <a:pt x="401" y="2482"/>
                    <a:pt x="577" y="2306"/>
                    <a:pt x="677" y="2256"/>
                  </a:cubicBezTo>
                  <a:cubicBezTo>
                    <a:pt x="802" y="2181"/>
                    <a:pt x="1028" y="2131"/>
                    <a:pt x="1153" y="2181"/>
                  </a:cubicBezTo>
                  <a:cubicBezTo>
                    <a:pt x="1203" y="2181"/>
                    <a:pt x="1303" y="2306"/>
                    <a:pt x="1379" y="2306"/>
                  </a:cubicBezTo>
                  <a:cubicBezTo>
                    <a:pt x="1429" y="2306"/>
                    <a:pt x="1654" y="2306"/>
                    <a:pt x="1755" y="2256"/>
                  </a:cubicBezTo>
                  <a:cubicBezTo>
                    <a:pt x="1830" y="2256"/>
                    <a:pt x="1880" y="2080"/>
                    <a:pt x="1930" y="2080"/>
                  </a:cubicBezTo>
                  <a:cubicBezTo>
                    <a:pt x="1980" y="2030"/>
                    <a:pt x="2156" y="1905"/>
                    <a:pt x="2281" y="1905"/>
                  </a:cubicBezTo>
                  <a:cubicBezTo>
                    <a:pt x="2331" y="1855"/>
                    <a:pt x="2557" y="1855"/>
                    <a:pt x="2607" y="1905"/>
                  </a:cubicBezTo>
                  <a:cubicBezTo>
                    <a:pt x="2657" y="1955"/>
                    <a:pt x="2657" y="2131"/>
                    <a:pt x="2657" y="2181"/>
                  </a:cubicBezTo>
                  <a:cubicBezTo>
                    <a:pt x="2732" y="2306"/>
                    <a:pt x="2832" y="2482"/>
                    <a:pt x="2832" y="2532"/>
                  </a:cubicBezTo>
                  <a:cubicBezTo>
                    <a:pt x="2832" y="2632"/>
                    <a:pt x="2732" y="2857"/>
                    <a:pt x="2732" y="2933"/>
                  </a:cubicBezTo>
                  <a:cubicBezTo>
                    <a:pt x="2782" y="3033"/>
                    <a:pt x="2958" y="3208"/>
                    <a:pt x="3058" y="3208"/>
                  </a:cubicBezTo>
                  <a:cubicBezTo>
                    <a:pt x="3183" y="3258"/>
                    <a:pt x="3459" y="3258"/>
                    <a:pt x="3509" y="3208"/>
                  </a:cubicBezTo>
                  <a:cubicBezTo>
                    <a:pt x="3634" y="3158"/>
                    <a:pt x="3634" y="2933"/>
                    <a:pt x="3684" y="2857"/>
                  </a:cubicBezTo>
                  <a:cubicBezTo>
                    <a:pt x="3734" y="2807"/>
                    <a:pt x="3910" y="2807"/>
                    <a:pt x="4010" y="2807"/>
                  </a:cubicBezTo>
                  <a:cubicBezTo>
                    <a:pt x="4135" y="2757"/>
                    <a:pt x="4411" y="2582"/>
                    <a:pt x="4587" y="2582"/>
                  </a:cubicBezTo>
                  <a:cubicBezTo>
                    <a:pt x="4687" y="2582"/>
                    <a:pt x="4912" y="2582"/>
                    <a:pt x="4988" y="2632"/>
                  </a:cubicBezTo>
                  <a:cubicBezTo>
                    <a:pt x="5088" y="2707"/>
                    <a:pt x="5213" y="2933"/>
                    <a:pt x="5313" y="2983"/>
                  </a:cubicBezTo>
                  <a:cubicBezTo>
                    <a:pt x="5439" y="3033"/>
                    <a:pt x="5589" y="3033"/>
                    <a:pt x="5714" y="2983"/>
                  </a:cubicBezTo>
                  <a:cubicBezTo>
                    <a:pt x="5765" y="2933"/>
                    <a:pt x="5940" y="2707"/>
                    <a:pt x="5890" y="2532"/>
                  </a:cubicBezTo>
                  <a:cubicBezTo>
                    <a:pt x="5890" y="2482"/>
                    <a:pt x="5714" y="2356"/>
                    <a:pt x="5714" y="2256"/>
                  </a:cubicBezTo>
                  <a:cubicBezTo>
                    <a:pt x="5664" y="2131"/>
                    <a:pt x="5664" y="1955"/>
                    <a:pt x="5714" y="1855"/>
                  </a:cubicBezTo>
                  <a:cubicBezTo>
                    <a:pt x="5714" y="1730"/>
                    <a:pt x="5815" y="1504"/>
                    <a:pt x="5940" y="1454"/>
                  </a:cubicBezTo>
                  <a:cubicBezTo>
                    <a:pt x="5940" y="1404"/>
                    <a:pt x="6115" y="1354"/>
                    <a:pt x="6166" y="1278"/>
                  </a:cubicBezTo>
                  <a:cubicBezTo>
                    <a:pt x="6166" y="1178"/>
                    <a:pt x="6166" y="953"/>
                    <a:pt x="6216" y="903"/>
                  </a:cubicBezTo>
                  <a:cubicBezTo>
                    <a:pt x="6216" y="827"/>
                    <a:pt x="6341" y="727"/>
                    <a:pt x="6341" y="677"/>
                  </a:cubicBezTo>
                  <a:cubicBezTo>
                    <a:pt x="6391" y="602"/>
                    <a:pt x="6441" y="376"/>
                    <a:pt x="6491" y="326"/>
                  </a:cubicBezTo>
                  <a:cubicBezTo>
                    <a:pt x="6567" y="276"/>
                    <a:pt x="6717" y="101"/>
                    <a:pt x="6842" y="101"/>
                  </a:cubicBezTo>
                  <a:cubicBezTo>
                    <a:pt x="6892" y="50"/>
                    <a:pt x="7118" y="101"/>
                    <a:pt x="7243" y="101"/>
                  </a:cubicBezTo>
                  <a:cubicBezTo>
                    <a:pt x="7293" y="101"/>
                    <a:pt x="7519" y="0"/>
                    <a:pt x="7569" y="0"/>
                  </a:cubicBezTo>
                  <a:cubicBezTo>
                    <a:pt x="7694" y="0"/>
                    <a:pt x="7795" y="50"/>
                    <a:pt x="7920" y="101"/>
                  </a:cubicBezTo>
                  <a:cubicBezTo>
                    <a:pt x="7920" y="151"/>
                    <a:pt x="7845" y="226"/>
                    <a:pt x="7845" y="276"/>
                  </a:cubicBezTo>
                  <a:cubicBezTo>
                    <a:pt x="7795" y="326"/>
                    <a:pt x="7619" y="502"/>
                    <a:pt x="7619" y="552"/>
                  </a:cubicBezTo>
                  <a:cubicBezTo>
                    <a:pt x="7569" y="727"/>
                    <a:pt x="7619" y="1003"/>
                    <a:pt x="7619" y="1128"/>
                  </a:cubicBezTo>
                  <a:cubicBezTo>
                    <a:pt x="7694" y="1228"/>
                    <a:pt x="7795" y="1354"/>
                    <a:pt x="7795" y="1454"/>
                  </a:cubicBezTo>
                  <a:cubicBezTo>
                    <a:pt x="7845" y="1504"/>
                    <a:pt x="7845" y="1679"/>
                    <a:pt x="7845" y="1730"/>
                  </a:cubicBezTo>
                  <a:cubicBezTo>
                    <a:pt x="7920" y="1805"/>
                    <a:pt x="8020" y="1855"/>
                    <a:pt x="8020" y="1905"/>
                  </a:cubicBezTo>
                  <a:cubicBezTo>
                    <a:pt x="8020" y="2030"/>
                    <a:pt x="7845" y="2131"/>
                    <a:pt x="7795" y="2181"/>
                  </a:cubicBezTo>
                  <a:cubicBezTo>
                    <a:pt x="7745" y="2306"/>
                    <a:pt x="7745" y="2632"/>
                    <a:pt x="7694" y="2757"/>
                  </a:cubicBezTo>
                  <a:cubicBezTo>
                    <a:pt x="7619" y="2857"/>
                    <a:pt x="7469" y="3083"/>
                    <a:pt x="7394" y="3208"/>
                  </a:cubicBezTo>
                  <a:cubicBezTo>
                    <a:pt x="7293" y="3309"/>
                    <a:pt x="7018" y="3484"/>
                    <a:pt x="6943" y="3659"/>
                  </a:cubicBezTo>
                  <a:cubicBezTo>
                    <a:pt x="6892" y="3835"/>
                    <a:pt x="6892" y="4211"/>
                    <a:pt x="6892" y="4386"/>
                  </a:cubicBezTo>
                  <a:cubicBezTo>
                    <a:pt x="6943" y="4612"/>
                    <a:pt x="7344" y="4837"/>
                    <a:pt x="7394" y="5013"/>
                  </a:cubicBezTo>
                  <a:cubicBezTo>
                    <a:pt x="7394" y="5188"/>
                    <a:pt x="7344" y="5464"/>
                    <a:pt x="7394" y="5564"/>
                  </a:cubicBezTo>
                  <a:cubicBezTo>
                    <a:pt x="7469" y="5614"/>
                    <a:pt x="7619" y="5690"/>
                    <a:pt x="7694" y="5740"/>
                  </a:cubicBezTo>
                  <a:cubicBezTo>
                    <a:pt x="7845" y="5840"/>
                    <a:pt x="8070" y="6141"/>
                    <a:pt x="8246" y="6191"/>
                  </a:cubicBezTo>
                  <a:cubicBezTo>
                    <a:pt x="8421" y="6191"/>
                    <a:pt x="8747" y="6191"/>
                    <a:pt x="8872" y="6141"/>
                  </a:cubicBezTo>
                  <a:cubicBezTo>
                    <a:pt x="8973" y="6141"/>
                    <a:pt x="9098" y="6065"/>
                    <a:pt x="9148" y="6015"/>
                  </a:cubicBezTo>
                  <a:cubicBezTo>
                    <a:pt x="9198" y="6015"/>
                    <a:pt x="9323" y="6065"/>
                    <a:pt x="9374" y="6065"/>
                  </a:cubicBezTo>
                  <a:cubicBezTo>
                    <a:pt x="9499" y="6065"/>
                    <a:pt x="9674" y="6015"/>
                    <a:pt x="9775" y="6015"/>
                  </a:cubicBezTo>
                  <a:cubicBezTo>
                    <a:pt x="9900" y="6015"/>
                    <a:pt x="10125" y="6191"/>
                    <a:pt x="10226" y="6241"/>
                  </a:cubicBezTo>
                  <a:cubicBezTo>
                    <a:pt x="10401" y="6366"/>
                    <a:pt x="10577" y="6692"/>
                    <a:pt x="10677" y="6817"/>
                  </a:cubicBezTo>
                  <a:cubicBezTo>
                    <a:pt x="10852" y="6918"/>
                    <a:pt x="11178" y="7093"/>
                    <a:pt x="11354" y="7143"/>
                  </a:cubicBezTo>
                  <a:cubicBezTo>
                    <a:pt x="11479" y="7193"/>
                    <a:pt x="11704" y="7268"/>
                    <a:pt x="11805" y="7319"/>
                  </a:cubicBezTo>
                  <a:cubicBezTo>
                    <a:pt x="11855" y="7369"/>
                    <a:pt x="11980" y="7419"/>
                    <a:pt x="11980" y="7494"/>
                  </a:cubicBezTo>
                  <a:lnTo>
                    <a:pt x="12256" y="7494"/>
                  </a:lnTo>
                  <a:cubicBezTo>
                    <a:pt x="12306" y="7544"/>
                    <a:pt x="12481" y="7720"/>
                    <a:pt x="12532" y="7770"/>
                  </a:cubicBezTo>
                  <a:cubicBezTo>
                    <a:pt x="12607" y="7870"/>
                    <a:pt x="12707" y="8096"/>
                    <a:pt x="12832" y="8171"/>
                  </a:cubicBezTo>
                  <a:cubicBezTo>
                    <a:pt x="12882" y="8221"/>
                    <a:pt x="13108" y="8321"/>
                    <a:pt x="13208" y="8396"/>
                  </a:cubicBezTo>
                  <a:cubicBezTo>
                    <a:pt x="13283" y="8396"/>
                    <a:pt x="13384" y="8396"/>
                    <a:pt x="13434" y="8446"/>
                  </a:cubicBezTo>
                  <a:lnTo>
                    <a:pt x="13609" y="8446"/>
                  </a:lnTo>
                  <a:cubicBezTo>
                    <a:pt x="13659" y="8497"/>
                    <a:pt x="13609" y="8622"/>
                    <a:pt x="13559" y="8672"/>
                  </a:cubicBezTo>
                  <a:cubicBezTo>
                    <a:pt x="13559" y="8772"/>
                    <a:pt x="13434" y="8998"/>
                    <a:pt x="13384" y="9123"/>
                  </a:cubicBezTo>
                  <a:cubicBezTo>
                    <a:pt x="13384" y="9223"/>
                    <a:pt x="13334" y="9449"/>
                    <a:pt x="13334" y="9574"/>
                  </a:cubicBezTo>
                  <a:cubicBezTo>
                    <a:pt x="13334" y="9750"/>
                    <a:pt x="13334" y="10025"/>
                    <a:pt x="13384" y="10126"/>
                  </a:cubicBezTo>
                  <a:cubicBezTo>
                    <a:pt x="13434" y="10251"/>
                    <a:pt x="13559" y="10477"/>
                    <a:pt x="13609" y="10527"/>
                  </a:cubicBezTo>
                  <a:cubicBezTo>
                    <a:pt x="13659" y="10577"/>
                    <a:pt x="13785" y="10577"/>
                    <a:pt x="13835" y="10652"/>
                  </a:cubicBezTo>
                  <a:cubicBezTo>
                    <a:pt x="13885" y="10752"/>
                    <a:pt x="13835" y="10928"/>
                    <a:pt x="13785" y="11028"/>
                  </a:cubicBezTo>
                  <a:cubicBezTo>
                    <a:pt x="13785" y="11103"/>
                    <a:pt x="13659" y="11253"/>
                    <a:pt x="13659" y="11379"/>
                  </a:cubicBezTo>
                  <a:cubicBezTo>
                    <a:pt x="13609" y="11429"/>
                    <a:pt x="13609" y="11554"/>
                    <a:pt x="13609" y="11654"/>
                  </a:cubicBezTo>
                  <a:cubicBezTo>
                    <a:pt x="13609" y="11705"/>
                    <a:pt x="13559" y="11930"/>
                    <a:pt x="13609" y="12055"/>
                  </a:cubicBezTo>
                  <a:cubicBezTo>
                    <a:pt x="13659" y="12156"/>
                    <a:pt x="13885" y="12231"/>
                    <a:pt x="13885" y="12331"/>
                  </a:cubicBezTo>
                  <a:cubicBezTo>
                    <a:pt x="13960" y="12381"/>
                    <a:pt x="13885" y="12557"/>
                    <a:pt x="13960" y="12682"/>
                  </a:cubicBezTo>
                  <a:cubicBezTo>
                    <a:pt x="14010" y="12732"/>
                    <a:pt x="14186" y="12782"/>
                    <a:pt x="14236" y="12832"/>
                  </a:cubicBezTo>
                  <a:cubicBezTo>
                    <a:pt x="14286" y="12832"/>
                    <a:pt x="14336" y="12958"/>
                    <a:pt x="14336" y="12958"/>
                  </a:cubicBezTo>
                  <a:cubicBezTo>
                    <a:pt x="14411" y="12958"/>
                    <a:pt x="14461" y="12782"/>
                    <a:pt x="14511" y="12782"/>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255" name="Google Shape;312;p16">
              <a:extLst>
                <a:ext uri="{FF2B5EF4-FFF2-40B4-BE49-F238E27FC236}">
                  <a16:creationId xmlns:a16="http://schemas.microsoft.com/office/drawing/2014/main" id="{D978B41D-F259-CCE1-8060-F0180691443E}"/>
                </a:ext>
              </a:extLst>
            </p:cNvPr>
            <p:cNvSpPr/>
            <p:nvPr/>
          </p:nvSpPr>
          <p:spPr>
            <a:xfrm>
              <a:off x="3601099" y="3363745"/>
              <a:ext cx="408519" cy="776456"/>
            </a:xfrm>
            <a:custGeom>
              <a:avLst/>
              <a:gdLst/>
              <a:ahLst/>
              <a:cxnLst/>
              <a:rect l="l" t="t" r="r" b="b"/>
              <a:pathLst>
                <a:path w="14637" h="27820" fill="none" extrusionOk="0">
                  <a:moveTo>
                    <a:pt x="14637" y="12832"/>
                  </a:moveTo>
                  <a:cubicBezTo>
                    <a:pt x="14637" y="12908"/>
                    <a:pt x="14637" y="13008"/>
                    <a:pt x="14562" y="13058"/>
                  </a:cubicBezTo>
                  <a:cubicBezTo>
                    <a:pt x="14562" y="13058"/>
                    <a:pt x="14461" y="13058"/>
                    <a:pt x="14411" y="13133"/>
                  </a:cubicBezTo>
                  <a:cubicBezTo>
                    <a:pt x="14336" y="13183"/>
                    <a:pt x="14236" y="13284"/>
                    <a:pt x="14236" y="13409"/>
                  </a:cubicBezTo>
                  <a:lnTo>
                    <a:pt x="14236" y="13685"/>
                  </a:lnTo>
                  <a:cubicBezTo>
                    <a:pt x="14236" y="13735"/>
                    <a:pt x="14411" y="13860"/>
                    <a:pt x="14336" y="13960"/>
                  </a:cubicBezTo>
                  <a:cubicBezTo>
                    <a:pt x="14336" y="14010"/>
                    <a:pt x="14186" y="13960"/>
                    <a:pt x="14110" y="14010"/>
                  </a:cubicBezTo>
                  <a:cubicBezTo>
                    <a:pt x="14060" y="14086"/>
                    <a:pt x="13960" y="14186"/>
                    <a:pt x="13960" y="14236"/>
                  </a:cubicBezTo>
                  <a:cubicBezTo>
                    <a:pt x="13885" y="14311"/>
                    <a:pt x="13885" y="14462"/>
                    <a:pt x="13885" y="14462"/>
                  </a:cubicBezTo>
                  <a:lnTo>
                    <a:pt x="13785" y="14587"/>
                  </a:lnTo>
                  <a:cubicBezTo>
                    <a:pt x="13735" y="14637"/>
                    <a:pt x="13735" y="14762"/>
                    <a:pt x="13659" y="14762"/>
                  </a:cubicBezTo>
                  <a:cubicBezTo>
                    <a:pt x="13659" y="14762"/>
                    <a:pt x="13559" y="14762"/>
                    <a:pt x="13559" y="14687"/>
                  </a:cubicBezTo>
                  <a:cubicBezTo>
                    <a:pt x="13559" y="14687"/>
                    <a:pt x="13609" y="14587"/>
                    <a:pt x="13559" y="14587"/>
                  </a:cubicBezTo>
                  <a:cubicBezTo>
                    <a:pt x="13509" y="14537"/>
                    <a:pt x="13384" y="14587"/>
                    <a:pt x="13334" y="14587"/>
                  </a:cubicBezTo>
                  <a:cubicBezTo>
                    <a:pt x="13283" y="14537"/>
                    <a:pt x="13208" y="14537"/>
                    <a:pt x="13158" y="14537"/>
                  </a:cubicBezTo>
                  <a:lnTo>
                    <a:pt x="13058" y="14537"/>
                  </a:lnTo>
                  <a:cubicBezTo>
                    <a:pt x="12983" y="14587"/>
                    <a:pt x="13058" y="14637"/>
                    <a:pt x="13058" y="14687"/>
                  </a:cubicBezTo>
                  <a:cubicBezTo>
                    <a:pt x="13058" y="14762"/>
                    <a:pt x="12983" y="14812"/>
                    <a:pt x="12933" y="14812"/>
                  </a:cubicBezTo>
                  <a:cubicBezTo>
                    <a:pt x="12882" y="14812"/>
                    <a:pt x="12757" y="14637"/>
                    <a:pt x="12707" y="14587"/>
                  </a:cubicBezTo>
                  <a:cubicBezTo>
                    <a:pt x="12707" y="14537"/>
                    <a:pt x="12707" y="14411"/>
                    <a:pt x="12657" y="14411"/>
                  </a:cubicBezTo>
                  <a:cubicBezTo>
                    <a:pt x="12657" y="14361"/>
                    <a:pt x="12607" y="14311"/>
                    <a:pt x="12532" y="14311"/>
                  </a:cubicBezTo>
                  <a:cubicBezTo>
                    <a:pt x="12481" y="14311"/>
                    <a:pt x="12381" y="14361"/>
                    <a:pt x="12306" y="14411"/>
                  </a:cubicBezTo>
                  <a:lnTo>
                    <a:pt x="11855" y="14411"/>
                  </a:lnTo>
                  <a:cubicBezTo>
                    <a:pt x="11805" y="14411"/>
                    <a:pt x="11629" y="14462"/>
                    <a:pt x="11579" y="14462"/>
                  </a:cubicBezTo>
                  <a:cubicBezTo>
                    <a:pt x="11303" y="14587"/>
                    <a:pt x="10677" y="14762"/>
                    <a:pt x="10451" y="14863"/>
                  </a:cubicBezTo>
                  <a:cubicBezTo>
                    <a:pt x="10176" y="15038"/>
                    <a:pt x="9674" y="15364"/>
                    <a:pt x="9449" y="15589"/>
                  </a:cubicBezTo>
                  <a:cubicBezTo>
                    <a:pt x="9273" y="15715"/>
                    <a:pt x="9048" y="15990"/>
                    <a:pt x="8922" y="16116"/>
                  </a:cubicBezTo>
                  <a:cubicBezTo>
                    <a:pt x="8872" y="16216"/>
                    <a:pt x="8747" y="16391"/>
                    <a:pt x="8697" y="16441"/>
                  </a:cubicBezTo>
                  <a:cubicBezTo>
                    <a:pt x="8697" y="16567"/>
                    <a:pt x="8697" y="16792"/>
                    <a:pt x="8647" y="16842"/>
                  </a:cubicBezTo>
                  <a:cubicBezTo>
                    <a:pt x="8647" y="16893"/>
                    <a:pt x="8521" y="17068"/>
                    <a:pt x="8521" y="17118"/>
                  </a:cubicBezTo>
                  <a:lnTo>
                    <a:pt x="8521" y="17344"/>
                  </a:lnTo>
                  <a:cubicBezTo>
                    <a:pt x="8471" y="17394"/>
                    <a:pt x="8421" y="17519"/>
                    <a:pt x="8421" y="17569"/>
                  </a:cubicBezTo>
                  <a:cubicBezTo>
                    <a:pt x="8471" y="17695"/>
                    <a:pt x="8647" y="17845"/>
                    <a:pt x="8647" y="17970"/>
                  </a:cubicBezTo>
                  <a:cubicBezTo>
                    <a:pt x="8697" y="18146"/>
                    <a:pt x="8647" y="18522"/>
                    <a:pt x="8697" y="18697"/>
                  </a:cubicBezTo>
                  <a:cubicBezTo>
                    <a:pt x="8697" y="18822"/>
                    <a:pt x="8822" y="19048"/>
                    <a:pt x="8822" y="19148"/>
                  </a:cubicBezTo>
                  <a:cubicBezTo>
                    <a:pt x="8872" y="19324"/>
                    <a:pt x="8922" y="19549"/>
                    <a:pt x="8922" y="19650"/>
                  </a:cubicBezTo>
                  <a:cubicBezTo>
                    <a:pt x="8922" y="19725"/>
                    <a:pt x="8973" y="19875"/>
                    <a:pt x="8973" y="19950"/>
                  </a:cubicBezTo>
                  <a:cubicBezTo>
                    <a:pt x="8973" y="20101"/>
                    <a:pt x="9098" y="20326"/>
                    <a:pt x="9098" y="20452"/>
                  </a:cubicBezTo>
                  <a:cubicBezTo>
                    <a:pt x="9148" y="20552"/>
                    <a:pt x="9148" y="20727"/>
                    <a:pt x="9098" y="20853"/>
                  </a:cubicBezTo>
                  <a:cubicBezTo>
                    <a:pt x="9098" y="20953"/>
                    <a:pt x="8922" y="21128"/>
                    <a:pt x="8822" y="21228"/>
                  </a:cubicBezTo>
                  <a:cubicBezTo>
                    <a:pt x="8697" y="21354"/>
                    <a:pt x="8471" y="21529"/>
                    <a:pt x="8421" y="21579"/>
                  </a:cubicBezTo>
                  <a:cubicBezTo>
                    <a:pt x="8296" y="21680"/>
                    <a:pt x="8146" y="21905"/>
                    <a:pt x="8020" y="22030"/>
                  </a:cubicBezTo>
                  <a:cubicBezTo>
                    <a:pt x="7920" y="22131"/>
                    <a:pt x="7619" y="22256"/>
                    <a:pt x="7469" y="22306"/>
                  </a:cubicBezTo>
                  <a:cubicBezTo>
                    <a:pt x="7344" y="22356"/>
                    <a:pt x="7118" y="22356"/>
                    <a:pt x="7068" y="22406"/>
                  </a:cubicBezTo>
                  <a:cubicBezTo>
                    <a:pt x="6943" y="22482"/>
                    <a:pt x="6792" y="22707"/>
                    <a:pt x="6717" y="22757"/>
                  </a:cubicBezTo>
                  <a:cubicBezTo>
                    <a:pt x="6491" y="23033"/>
                    <a:pt x="6216" y="23609"/>
                    <a:pt x="6040" y="23885"/>
                  </a:cubicBezTo>
                  <a:cubicBezTo>
                    <a:pt x="5890" y="24111"/>
                    <a:pt x="5439" y="24437"/>
                    <a:pt x="5364" y="24737"/>
                  </a:cubicBezTo>
                  <a:cubicBezTo>
                    <a:pt x="5263" y="25013"/>
                    <a:pt x="5489" y="25564"/>
                    <a:pt x="5439" y="25865"/>
                  </a:cubicBezTo>
                  <a:cubicBezTo>
                    <a:pt x="5439" y="26015"/>
                    <a:pt x="5263" y="26416"/>
                    <a:pt x="5213" y="26592"/>
                  </a:cubicBezTo>
                  <a:cubicBezTo>
                    <a:pt x="5088" y="26767"/>
                    <a:pt x="4988" y="27093"/>
                    <a:pt x="4862" y="27218"/>
                  </a:cubicBezTo>
                  <a:cubicBezTo>
                    <a:pt x="4762" y="27319"/>
                    <a:pt x="4411" y="27544"/>
                    <a:pt x="4236" y="27544"/>
                  </a:cubicBezTo>
                  <a:cubicBezTo>
                    <a:pt x="4085" y="27594"/>
                    <a:pt x="3684" y="27444"/>
                    <a:pt x="3459" y="27444"/>
                  </a:cubicBezTo>
                  <a:cubicBezTo>
                    <a:pt x="3333" y="27444"/>
                    <a:pt x="3008" y="27494"/>
                    <a:pt x="2882" y="27544"/>
                  </a:cubicBezTo>
                  <a:cubicBezTo>
                    <a:pt x="2657" y="27594"/>
                    <a:pt x="2281" y="27820"/>
                    <a:pt x="2055" y="27820"/>
                  </a:cubicBezTo>
                  <a:cubicBezTo>
                    <a:pt x="1930" y="27820"/>
                    <a:pt x="1704" y="27670"/>
                    <a:pt x="1604" y="27670"/>
                  </a:cubicBezTo>
                  <a:cubicBezTo>
                    <a:pt x="1429" y="27544"/>
                    <a:pt x="1078" y="27369"/>
                    <a:pt x="978" y="27269"/>
                  </a:cubicBezTo>
                  <a:cubicBezTo>
                    <a:pt x="852" y="27143"/>
                    <a:pt x="627" y="26868"/>
                    <a:pt x="577" y="26692"/>
                  </a:cubicBezTo>
                  <a:lnTo>
                    <a:pt x="577" y="26141"/>
                  </a:lnTo>
                  <a:cubicBezTo>
                    <a:pt x="526" y="25965"/>
                    <a:pt x="526" y="25640"/>
                    <a:pt x="526" y="25514"/>
                  </a:cubicBezTo>
                  <a:cubicBezTo>
                    <a:pt x="526" y="25339"/>
                    <a:pt x="577" y="25063"/>
                    <a:pt x="577" y="24888"/>
                  </a:cubicBezTo>
                  <a:cubicBezTo>
                    <a:pt x="577" y="24737"/>
                    <a:pt x="401" y="24437"/>
                    <a:pt x="351" y="24336"/>
                  </a:cubicBezTo>
                  <a:lnTo>
                    <a:pt x="351" y="24061"/>
                  </a:lnTo>
                  <a:cubicBezTo>
                    <a:pt x="401" y="23985"/>
                    <a:pt x="577" y="23985"/>
                    <a:pt x="627" y="23935"/>
                  </a:cubicBezTo>
                  <a:cubicBezTo>
                    <a:pt x="752" y="23885"/>
                    <a:pt x="852" y="23609"/>
                    <a:pt x="927" y="23534"/>
                  </a:cubicBezTo>
                  <a:cubicBezTo>
                    <a:pt x="1028" y="23484"/>
                    <a:pt x="1303" y="23534"/>
                    <a:pt x="1429" y="23484"/>
                  </a:cubicBezTo>
                  <a:cubicBezTo>
                    <a:pt x="1604" y="23434"/>
                    <a:pt x="1830" y="23208"/>
                    <a:pt x="1880" y="23083"/>
                  </a:cubicBezTo>
                  <a:cubicBezTo>
                    <a:pt x="1980" y="22933"/>
                    <a:pt x="1980" y="22482"/>
                    <a:pt x="2055" y="22306"/>
                  </a:cubicBezTo>
                  <a:cubicBezTo>
                    <a:pt x="2055" y="22181"/>
                    <a:pt x="2156" y="22030"/>
                    <a:pt x="2206" y="21905"/>
                  </a:cubicBezTo>
                  <a:cubicBezTo>
                    <a:pt x="2281" y="21730"/>
                    <a:pt x="2506" y="21454"/>
                    <a:pt x="2506" y="21304"/>
                  </a:cubicBezTo>
                  <a:cubicBezTo>
                    <a:pt x="2506" y="21228"/>
                    <a:pt x="2381" y="21078"/>
                    <a:pt x="2381" y="21003"/>
                  </a:cubicBezTo>
                  <a:cubicBezTo>
                    <a:pt x="2381" y="20853"/>
                    <a:pt x="2657" y="20627"/>
                    <a:pt x="2657" y="20452"/>
                  </a:cubicBezTo>
                  <a:cubicBezTo>
                    <a:pt x="2732" y="20276"/>
                    <a:pt x="2732" y="19950"/>
                    <a:pt x="2607" y="19825"/>
                  </a:cubicBezTo>
                  <a:cubicBezTo>
                    <a:pt x="2557" y="19650"/>
                    <a:pt x="2206" y="19599"/>
                    <a:pt x="2105" y="19499"/>
                  </a:cubicBezTo>
                  <a:cubicBezTo>
                    <a:pt x="2055" y="19424"/>
                    <a:pt x="1980" y="19274"/>
                    <a:pt x="1880" y="19274"/>
                  </a:cubicBezTo>
                  <a:cubicBezTo>
                    <a:pt x="1830" y="19198"/>
                    <a:pt x="1654" y="19198"/>
                    <a:pt x="1604" y="19148"/>
                  </a:cubicBezTo>
                  <a:cubicBezTo>
                    <a:pt x="1529" y="19048"/>
                    <a:pt x="1704" y="18747"/>
                    <a:pt x="1830" y="18647"/>
                  </a:cubicBezTo>
                  <a:cubicBezTo>
                    <a:pt x="1880" y="18472"/>
                    <a:pt x="2156" y="18246"/>
                    <a:pt x="2281" y="18196"/>
                  </a:cubicBezTo>
                  <a:cubicBezTo>
                    <a:pt x="2331" y="18146"/>
                    <a:pt x="2506" y="18146"/>
                    <a:pt x="2557" y="18071"/>
                  </a:cubicBezTo>
                  <a:cubicBezTo>
                    <a:pt x="2657" y="18020"/>
                    <a:pt x="2782" y="17745"/>
                    <a:pt x="2882" y="17695"/>
                  </a:cubicBezTo>
                  <a:cubicBezTo>
                    <a:pt x="3008" y="17619"/>
                    <a:pt x="3233" y="17519"/>
                    <a:pt x="3333" y="17519"/>
                  </a:cubicBezTo>
                  <a:cubicBezTo>
                    <a:pt x="3459" y="17469"/>
                    <a:pt x="3684" y="17394"/>
                    <a:pt x="3785" y="17394"/>
                  </a:cubicBezTo>
                  <a:cubicBezTo>
                    <a:pt x="3910" y="17394"/>
                    <a:pt x="4186" y="17519"/>
                    <a:pt x="4311" y="17519"/>
                  </a:cubicBezTo>
                  <a:cubicBezTo>
                    <a:pt x="4411" y="17519"/>
                    <a:pt x="4587" y="17394"/>
                    <a:pt x="4637" y="17344"/>
                  </a:cubicBezTo>
                  <a:cubicBezTo>
                    <a:pt x="4762" y="17243"/>
                    <a:pt x="4988" y="17018"/>
                    <a:pt x="5038" y="16842"/>
                  </a:cubicBezTo>
                  <a:cubicBezTo>
                    <a:pt x="5138" y="16667"/>
                    <a:pt x="5263" y="16266"/>
                    <a:pt x="5263" y="16040"/>
                  </a:cubicBezTo>
                  <a:cubicBezTo>
                    <a:pt x="5263" y="15815"/>
                    <a:pt x="5313" y="15439"/>
                    <a:pt x="5263" y="15213"/>
                  </a:cubicBezTo>
                  <a:cubicBezTo>
                    <a:pt x="5213" y="15138"/>
                    <a:pt x="5088" y="14913"/>
                    <a:pt x="4988" y="14863"/>
                  </a:cubicBezTo>
                  <a:cubicBezTo>
                    <a:pt x="4912" y="14812"/>
                    <a:pt x="4762" y="14812"/>
                    <a:pt x="4687" y="14762"/>
                  </a:cubicBezTo>
                  <a:cubicBezTo>
                    <a:pt x="4587" y="14637"/>
                    <a:pt x="4536" y="14361"/>
                    <a:pt x="4411" y="14236"/>
                  </a:cubicBezTo>
                  <a:cubicBezTo>
                    <a:pt x="4361" y="14136"/>
                    <a:pt x="4186" y="14086"/>
                    <a:pt x="4085" y="13960"/>
                  </a:cubicBezTo>
                  <a:cubicBezTo>
                    <a:pt x="4010" y="13910"/>
                    <a:pt x="3910" y="13685"/>
                    <a:pt x="3860" y="13584"/>
                  </a:cubicBezTo>
                  <a:cubicBezTo>
                    <a:pt x="3785" y="13459"/>
                    <a:pt x="3785" y="13284"/>
                    <a:pt x="3785" y="13183"/>
                  </a:cubicBezTo>
                  <a:cubicBezTo>
                    <a:pt x="3734" y="13058"/>
                    <a:pt x="3634" y="12908"/>
                    <a:pt x="3634" y="12782"/>
                  </a:cubicBezTo>
                  <a:cubicBezTo>
                    <a:pt x="3559" y="12607"/>
                    <a:pt x="3634" y="12281"/>
                    <a:pt x="3559" y="12055"/>
                  </a:cubicBezTo>
                  <a:cubicBezTo>
                    <a:pt x="3559" y="11880"/>
                    <a:pt x="3409" y="11479"/>
                    <a:pt x="3409" y="11329"/>
                  </a:cubicBezTo>
                  <a:cubicBezTo>
                    <a:pt x="3333" y="11103"/>
                    <a:pt x="3333" y="10752"/>
                    <a:pt x="3283" y="10577"/>
                  </a:cubicBezTo>
                  <a:cubicBezTo>
                    <a:pt x="3233" y="10426"/>
                    <a:pt x="3058" y="10126"/>
                    <a:pt x="3008" y="9975"/>
                  </a:cubicBezTo>
                  <a:cubicBezTo>
                    <a:pt x="2958" y="9800"/>
                    <a:pt x="2958" y="9399"/>
                    <a:pt x="2832" y="9223"/>
                  </a:cubicBezTo>
                  <a:cubicBezTo>
                    <a:pt x="2732" y="9073"/>
                    <a:pt x="2331" y="8847"/>
                    <a:pt x="2206" y="8672"/>
                  </a:cubicBezTo>
                  <a:cubicBezTo>
                    <a:pt x="2156" y="8547"/>
                    <a:pt x="2156" y="8271"/>
                    <a:pt x="2055" y="8171"/>
                  </a:cubicBezTo>
                  <a:cubicBezTo>
                    <a:pt x="1980" y="7995"/>
                    <a:pt x="1704" y="7820"/>
                    <a:pt x="1604" y="7770"/>
                  </a:cubicBezTo>
                  <a:cubicBezTo>
                    <a:pt x="1479" y="7720"/>
                    <a:pt x="1303" y="7644"/>
                    <a:pt x="1303" y="7594"/>
                  </a:cubicBezTo>
                  <a:cubicBezTo>
                    <a:pt x="1203" y="7494"/>
                    <a:pt x="1203" y="7193"/>
                    <a:pt x="1153" y="7093"/>
                  </a:cubicBezTo>
                  <a:cubicBezTo>
                    <a:pt x="1028" y="6867"/>
                    <a:pt x="927" y="6466"/>
                    <a:pt x="802" y="6291"/>
                  </a:cubicBezTo>
                  <a:cubicBezTo>
                    <a:pt x="752" y="6191"/>
                    <a:pt x="526" y="5965"/>
                    <a:pt x="451" y="5840"/>
                  </a:cubicBezTo>
                  <a:cubicBezTo>
                    <a:pt x="451" y="5690"/>
                    <a:pt x="526" y="5414"/>
                    <a:pt x="451" y="5289"/>
                  </a:cubicBezTo>
                  <a:cubicBezTo>
                    <a:pt x="451" y="5238"/>
                    <a:pt x="351" y="5113"/>
                    <a:pt x="351" y="5063"/>
                  </a:cubicBezTo>
                  <a:lnTo>
                    <a:pt x="351" y="4837"/>
                  </a:lnTo>
                  <a:cubicBezTo>
                    <a:pt x="301" y="4837"/>
                    <a:pt x="226" y="4737"/>
                    <a:pt x="176" y="4662"/>
                  </a:cubicBezTo>
                  <a:cubicBezTo>
                    <a:pt x="176" y="4662"/>
                    <a:pt x="176" y="4562"/>
                    <a:pt x="125" y="4512"/>
                  </a:cubicBezTo>
                  <a:cubicBezTo>
                    <a:pt x="125" y="4436"/>
                    <a:pt x="0" y="4286"/>
                    <a:pt x="0" y="4211"/>
                  </a:cubicBezTo>
                  <a:cubicBezTo>
                    <a:pt x="0" y="4111"/>
                    <a:pt x="125" y="3985"/>
                    <a:pt x="125" y="3885"/>
                  </a:cubicBezTo>
                  <a:cubicBezTo>
                    <a:pt x="125" y="3760"/>
                    <a:pt x="75" y="3534"/>
                    <a:pt x="0" y="3434"/>
                  </a:cubicBezTo>
                  <a:cubicBezTo>
                    <a:pt x="75" y="3309"/>
                    <a:pt x="226" y="3258"/>
                    <a:pt x="301" y="3208"/>
                  </a:cubicBezTo>
                  <a:cubicBezTo>
                    <a:pt x="351" y="3208"/>
                    <a:pt x="526" y="3208"/>
                    <a:pt x="577" y="3158"/>
                  </a:cubicBezTo>
                  <a:lnTo>
                    <a:pt x="577" y="2807"/>
                  </a:lnTo>
                  <a:cubicBezTo>
                    <a:pt x="577" y="2757"/>
                    <a:pt x="401" y="2632"/>
                    <a:pt x="401" y="2532"/>
                  </a:cubicBezTo>
                  <a:cubicBezTo>
                    <a:pt x="401" y="2482"/>
                    <a:pt x="577" y="2306"/>
                    <a:pt x="677" y="2256"/>
                  </a:cubicBezTo>
                  <a:cubicBezTo>
                    <a:pt x="802" y="2181"/>
                    <a:pt x="1028" y="2131"/>
                    <a:pt x="1153" y="2181"/>
                  </a:cubicBezTo>
                  <a:cubicBezTo>
                    <a:pt x="1203" y="2181"/>
                    <a:pt x="1303" y="2306"/>
                    <a:pt x="1379" y="2306"/>
                  </a:cubicBezTo>
                  <a:cubicBezTo>
                    <a:pt x="1429" y="2306"/>
                    <a:pt x="1654" y="2306"/>
                    <a:pt x="1755" y="2256"/>
                  </a:cubicBezTo>
                  <a:cubicBezTo>
                    <a:pt x="1830" y="2256"/>
                    <a:pt x="1880" y="2080"/>
                    <a:pt x="1930" y="2080"/>
                  </a:cubicBezTo>
                  <a:cubicBezTo>
                    <a:pt x="1980" y="2030"/>
                    <a:pt x="2156" y="1905"/>
                    <a:pt x="2281" y="1905"/>
                  </a:cubicBezTo>
                  <a:cubicBezTo>
                    <a:pt x="2331" y="1855"/>
                    <a:pt x="2557" y="1855"/>
                    <a:pt x="2607" y="1905"/>
                  </a:cubicBezTo>
                  <a:cubicBezTo>
                    <a:pt x="2657" y="1955"/>
                    <a:pt x="2657" y="2131"/>
                    <a:pt x="2657" y="2181"/>
                  </a:cubicBezTo>
                  <a:cubicBezTo>
                    <a:pt x="2732" y="2306"/>
                    <a:pt x="2832" y="2482"/>
                    <a:pt x="2832" y="2532"/>
                  </a:cubicBezTo>
                  <a:cubicBezTo>
                    <a:pt x="2832" y="2632"/>
                    <a:pt x="2732" y="2857"/>
                    <a:pt x="2732" y="2933"/>
                  </a:cubicBezTo>
                  <a:cubicBezTo>
                    <a:pt x="2782" y="3033"/>
                    <a:pt x="2958" y="3208"/>
                    <a:pt x="3058" y="3208"/>
                  </a:cubicBezTo>
                  <a:cubicBezTo>
                    <a:pt x="3183" y="3258"/>
                    <a:pt x="3459" y="3258"/>
                    <a:pt x="3509" y="3208"/>
                  </a:cubicBezTo>
                  <a:cubicBezTo>
                    <a:pt x="3634" y="3158"/>
                    <a:pt x="3634" y="2933"/>
                    <a:pt x="3684" y="2857"/>
                  </a:cubicBezTo>
                  <a:cubicBezTo>
                    <a:pt x="3734" y="2807"/>
                    <a:pt x="3910" y="2807"/>
                    <a:pt x="4010" y="2807"/>
                  </a:cubicBezTo>
                  <a:cubicBezTo>
                    <a:pt x="4135" y="2757"/>
                    <a:pt x="4411" y="2582"/>
                    <a:pt x="4587" y="2582"/>
                  </a:cubicBezTo>
                  <a:cubicBezTo>
                    <a:pt x="4687" y="2582"/>
                    <a:pt x="4912" y="2582"/>
                    <a:pt x="4988" y="2632"/>
                  </a:cubicBezTo>
                  <a:cubicBezTo>
                    <a:pt x="5088" y="2707"/>
                    <a:pt x="5213" y="2933"/>
                    <a:pt x="5313" y="2983"/>
                  </a:cubicBezTo>
                  <a:cubicBezTo>
                    <a:pt x="5439" y="3033"/>
                    <a:pt x="5589" y="3033"/>
                    <a:pt x="5714" y="2983"/>
                  </a:cubicBezTo>
                  <a:cubicBezTo>
                    <a:pt x="5765" y="2933"/>
                    <a:pt x="5940" y="2707"/>
                    <a:pt x="5890" y="2532"/>
                  </a:cubicBezTo>
                  <a:cubicBezTo>
                    <a:pt x="5890" y="2482"/>
                    <a:pt x="5714" y="2356"/>
                    <a:pt x="5714" y="2256"/>
                  </a:cubicBezTo>
                  <a:cubicBezTo>
                    <a:pt x="5664" y="2131"/>
                    <a:pt x="5664" y="1955"/>
                    <a:pt x="5714" y="1855"/>
                  </a:cubicBezTo>
                  <a:cubicBezTo>
                    <a:pt x="5714" y="1730"/>
                    <a:pt x="5815" y="1504"/>
                    <a:pt x="5940" y="1454"/>
                  </a:cubicBezTo>
                  <a:cubicBezTo>
                    <a:pt x="5940" y="1404"/>
                    <a:pt x="6115" y="1354"/>
                    <a:pt x="6166" y="1278"/>
                  </a:cubicBezTo>
                  <a:cubicBezTo>
                    <a:pt x="6166" y="1178"/>
                    <a:pt x="6166" y="953"/>
                    <a:pt x="6216" y="903"/>
                  </a:cubicBezTo>
                  <a:cubicBezTo>
                    <a:pt x="6216" y="827"/>
                    <a:pt x="6341" y="727"/>
                    <a:pt x="6341" y="677"/>
                  </a:cubicBezTo>
                  <a:cubicBezTo>
                    <a:pt x="6391" y="602"/>
                    <a:pt x="6441" y="376"/>
                    <a:pt x="6491" y="326"/>
                  </a:cubicBezTo>
                  <a:cubicBezTo>
                    <a:pt x="6567" y="276"/>
                    <a:pt x="6717" y="101"/>
                    <a:pt x="6842" y="101"/>
                  </a:cubicBezTo>
                  <a:cubicBezTo>
                    <a:pt x="6892" y="50"/>
                    <a:pt x="7118" y="101"/>
                    <a:pt x="7243" y="101"/>
                  </a:cubicBezTo>
                  <a:cubicBezTo>
                    <a:pt x="7293" y="101"/>
                    <a:pt x="7519" y="0"/>
                    <a:pt x="7569" y="0"/>
                  </a:cubicBezTo>
                  <a:cubicBezTo>
                    <a:pt x="7694" y="0"/>
                    <a:pt x="7795" y="50"/>
                    <a:pt x="7920" y="101"/>
                  </a:cubicBezTo>
                  <a:cubicBezTo>
                    <a:pt x="7920" y="151"/>
                    <a:pt x="7845" y="226"/>
                    <a:pt x="7845" y="276"/>
                  </a:cubicBezTo>
                  <a:cubicBezTo>
                    <a:pt x="7795" y="326"/>
                    <a:pt x="7619" y="502"/>
                    <a:pt x="7619" y="552"/>
                  </a:cubicBezTo>
                  <a:cubicBezTo>
                    <a:pt x="7569" y="727"/>
                    <a:pt x="7619" y="1003"/>
                    <a:pt x="7619" y="1128"/>
                  </a:cubicBezTo>
                  <a:cubicBezTo>
                    <a:pt x="7694" y="1228"/>
                    <a:pt x="7795" y="1354"/>
                    <a:pt x="7795" y="1454"/>
                  </a:cubicBezTo>
                  <a:cubicBezTo>
                    <a:pt x="7845" y="1504"/>
                    <a:pt x="7845" y="1679"/>
                    <a:pt x="7845" y="1730"/>
                  </a:cubicBezTo>
                  <a:cubicBezTo>
                    <a:pt x="7920" y="1805"/>
                    <a:pt x="8020" y="1855"/>
                    <a:pt x="8020" y="1905"/>
                  </a:cubicBezTo>
                  <a:cubicBezTo>
                    <a:pt x="8020" y="2030"/>
                    <a:pt x="7845" y="2131"/>
                    <a:pt x="7795" y="2181"/>
                  </a:cubicBezTo>
                  <a:cubicBezTo>
                    <a:pt x="7745" y="2306"/>
                    <a:pt x="7745" y="2632"/>
                    <a:pt x="7694" y="2757"/>
                  </a:cubicBezTo>
                  <a:cubicBezTo>
                    <a:pt x="7619" y="2857"/>
                    <a:pt x="7469" y="3083"/>
                    <a:pt x="7394" y="3208"/>
                  </a:cubicBezTo>
                  <a:cubicBezTo>
                    <a:pt x="7293" y="3309"/>
                    <a:pt x="7018" y="3484"/>
                    <a:pt x="6943" y="3659"/>
                  </a:cubicBezTo>
                  <a:cubicBezTo>
                    <a:pt x="6892" y="3835"/>
                    <a:pt x="6892" y="4211"/>
                    <a:pt x="6892" y="4386"/>
                  </a:cubicBezTo>
                  <a:cubicBezTo>
                    <a:pt x="6943" y="4612"/>
                    <a:pt x="7344" y="4837"/>
                    <a:pt x="7394" y="5013"/>
                  </a:cubicBezTo>
                  <a:cubicBezTo>
                    <a:pt x="7394" y="5188"/>
                    <a:pt x="7344" y="5464"/>
                    <a:pt x="7394" y="5564"/>
                  </a:cubicBezTo>
                  <a:cubicBezTo>
                    <a:pt x="7469" y="5614"/>
                    <a:pt x="7619" y="5690"/>
                    <a:pt x="7694" y="5740"/>
                  </a:cubicBezTo>
                  <a:cubicBezTo>
                    <a:pt x="7845" y="5840"/>
                    <a:pt x="8070" y="6141"/>
                    <a:pt x="8246" y="6191"/>
                  </a:cubicBezTo>
                  <a:cubicBezTo>
                    <a:pt x="8421" y="6191"/>
                    <a:pt x="8747" y="6191"/>
                    <a:pt x="8872" y="6141"/>
                  </a:cubicBezTo>
                  <a:cubicBezTo>
                    <a:pt x="8973" y="6141"/>
                    <a:pt x="9098" y="6065"/>
                    <a:pt x="9148" y="6015"/>
                  </a:cubicBezTo>
                  <a:cubicBezTo>
                    <a:pt x="9198" y="6015"/>
                    <a:pt x="9323" y="6065"/>
                    <a:pt x="9374" y="6065"/>
                  </a:cubicBezTo>
                  <a:cubicBezTo>
                    <a:pt x="9499" y="6065"/>
                    <a:pt x="9674" y="6015"/>
                    <a:pt x="9775" y="6015"/>
                  </a:cubicBezTo>
                  <a:cubicBezTo>
                    <a:pt x="9900" y="6015"/>
                    <a:pt x="10125" y="6191"/>
                    <a:pt x="10226" y="6241"/>
                  </a:cubicBezTo>
                  <a:cubicBezTo>
                    <a:pt x="10401" y="6366"/>
                    <a:pt x="10577" y="6692"/>
                    <a:pt x="10677" y="6817"/>
                  </a:cubicBezTo>
                  <a:cubicBezTo>
                    <a:pt x="10852" y="6918"/>
                    <a:pt x="11178" y="7093"/>
                    <a:pt x="11354" y="7143"/>
                  </a:cubicBezTo>
                  <a:cubicBezTo>
                    <a:pt x="11479" y="7193"/>
                    <a:pt x="11704" y="7268"/>
                    <a:pt x="11805" y="7319"/>
                  </a:cubicBezTo>
                  <a:cubicBezTo>
                    <a:pt x="11855" y="7369"/>
                    <a:pt x="11980" y="7419"/>
                    <a:pt x="11980" y="7494"/>
                  </a:cubicBezTo>
                  <a:lnTo>
                    <a:pt x="12256" y="7494"/>
                  </a:lnTo>
                  <a:cubicBezTo>
                    <a:pt x="12306" y="7544"/>
                    <a:pt x="12481" y="7720"/>
                    <a:pt x="12532" y="7770"/>
                  </a:cubicBezTo>
                  <a:cubicBezTo>
                    <a:pt x="12607" y="7870"/>
                    <a:pt x="12707" y="8096"/>
                    <a:pt x="12832" y="8171"/>
                  </a:cubicBezTo>
                  <a:cubicBezTo>
                    <a:pt x="12882" y="8221"/>
                    <a:pt x="13108" y="8321"/>
                    <a:pt x="13208" y="8396"/>
                  </a:cubicBezTo>
                  <a:cubicBezTo>
                    <a:pt x="13283" y="8396"/>
                    <a:pt x="13384" y="8396"/>
                    <a:pt x="13434" y="8446"/>
                  </a:cubicBezTo>
                  <a:lnTo>
                    <a:pt x="13609" y="8446"/>
                  </a:lnTo>
                  <a:cubicBezTo>
                    <a:pt x="13659" y="8497"/>
                    <a:pt x="13609" y="8622"/>
                    <a:pt x="13559" y="8672"/>
                  </a:cubicBezTo>
                  <a:cubicBezTo>
                    <a:pt x="13559" y="8772"/>
                    <a:pt x="13434" y="8998"/>
                    <a:pt x="13384" y="9123"/>
                  </a:cubicBezTo>
                  <a:cubicBezTo>
                    <a:pt x="13384" y="9223"/>
                    <a:pt x="13334" y="9449"/>
                    <a:pt x="13334" y="9574"/>
                  </a:cubicBezTo>
                  <a:cubicBezTo>
                    <a:pt x="13334" y="9750"/>
                    <a:pt x="13334" y="10025"/>
                    <a:pt x="13384" y="10126"/>
                  </a:cubicBezTo>
                  <a:cubicBezTo>
                    <a:pt x="13434" y="10251"/>
                    <a:pt x="13559" y="10477"/>
                    <a:pt x="13609" y="10527"/>
                  </a:cubicBezTo>
                  <a:cubicBezTo>
                    <a:pt x="13659" y="10577"/>
                    <a:pt x="13785" y="10577"/>
                    <a:pt x="13835" y="10652"/>
                  </a:cubicBezTo>
                  <a:cubicBezTo>
                    <a:pt x="13885" y="10752"/>
                    <a:pt x="13835" y="10928"/>
                    <a:pt x="13785" y="11028"/>
                  </a:cubicBezTo>
                  <a:cubicBezTo>
                    <a:pt x="13785" y="11103"/>
                    <a:pt x="13659" y="11253"/>
                    <a:pt x="13659" y="11379"/>
                  </a:cubicBezTo>
                  <a:cubicBezTo>
                    <a:pt x="13609" y="11429"/>
                    <a:pt x="13609" y="11554"/>
                    <a:pt x="13609" y="11654"/>
                  </a:cubicBezTo>
                  <a:cubicBezTo>
                    <a:pt x="13609" y="11705"/>
                    <a:pt x="13559" y="11930"/>
                    <a:pt x="13609" y="12055"/>
                  </a:cubicBezTo>
                  <a:cubicBezTo>
                    <a:pt x="13659" y="12156"/>
                    <a:pt x="13885" y="12231"/>
                    <a:pt x="13885" y="12331"/>
                  </a:cubicBezTo>
                  <a:cubicBezTo>
                    <a:pt x="13960" y="12381"/>
                    <a:pt x="13885" y="12557"/>
                    <a:pt x="13960" y="12682"/>
                  </a:cubicBezTo>
                  <a:cubicBezTo>
                    <a:pt x="14010" y="12732"/>
                    <a:pt x="14186" y="12782"/>
                    <a:pt x="14236" y="12832"/>
                  </a:cubicBezTo>
                  <a:cubicBezTo>
                    <a:pt x="14286" y="12832"/>
                    <a:pt x="14336" y="12958"/>
                    <a:pt x="14336" y="12958"/>
                  </a:cubicBezTo>
                  <a:cubicBezTo>
                    <a:pt x="14411" y="12958"/>
                    <a:pt x="14461" y="12782"/>
                    <a:pt x="14511" y="12782"/>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56" name="Google Shape;313;p16">
              <a:extLst>
                <a:ext uri="{FF2B5EF4-FFF2-40B4-BE49-F238E27FC236}">
                  <a16:creationId xmlns:a16="http://schemas.microsoft.com/office/drawing/2014/main" id="{BF3A5F07-B918-6B35-4A4F-1439A5716F20}"/>
                </a:ext>
              </a:extLst>
            </p:cNvPr>
            <p:cNvSpPr/>
            <p:nvPr/>
          </p:nvSpPr>
          <p:spPr>
            <a:xfrm>
              <a:off x="3601099" y="3363745"/>
              <a:ext cx="408519" cy="776456"/>
            </a:xfrm>
            <a:custGeom>
              <a:avLst/>
              <a:gdLst/>
              <a:ahLst/>
              <a:cxnLst/>
              <a:rect l="l" t="t" r="r" b="b"/>
              <a:pathLst>
                <a:path w="14637" h="27820" extrusionOk="0">
                  <a:moveTo>
                    <a:pt x="7569" y="0"/>
                  </a:moveTo>
                  <a:cubicBezTo>
                    <a:pt x="7519" y="0"/>
                    <a:pt x="7293" y="101"/>
                    <a:pt x="7243" y="101"/>
                  </a:cubicBezTo>
                  <a:cubicBezTo>
                    <a:pt x="7160" y="101"/>
                    <a:pt x="7032" y="78"/>
                    <a:pt x="6941" y="78"/>
                  </a:cubicBezTo>
                  <a:cubicBezTo>
                    <a:pt x="6895" y="78"/>
                    <a:pt x="6859" y="84"/>
                    <a:pt x="6842" y="101"/>
                  </a:cubicBezTo>
                  <a:cubicBezTo>
                    <a:pt x="6717" y="101"/>
                    <a:pt x="6567" y="276"/>
                    <a:pt x="6491" y="326"/>
                  </a:cubicBezTo>
                  <a:cubicBezTo>
                    <a:pt x="6441" y="376"/>
                    <a:pt x="6391" y="602"/>
                    <a:pt x="6341" y="677"/>
                  </a:cubicBezTo>
                  <a:cubicBezTo>
                    <a:pt x="6341" y="727"/>
                    <a:pt x="6216" y="827"/>
                    <a:pt x="6216" y="903"/>
                  </a:cubicBezTo>
                  <a:cubicBezTo>
                    <a:pt x="6166" y="953"/>
                    <a:pt x="6166" y="1178"/>
                    <a:pt x="6166" y="1278"/>
                  </a:cubicBezTo>
                  <a:cubicBezTo>
                    <a:pt x="6115" y="1354"/>
                    <a:pt x="5940" y="1404"/>
                    <a:pt x="5940" y="1454"/>
                  </a:cubicBezTo>
                  <a:cubicBezTo>
                    <a:pt x="5815" y="1504"/>
                    <a:pt x="5714" y="1730"/>
                    <a:pt x="5714" y="1855"/>
                  </a:cubicBezTo>
                  <a:cubicBezTo>
                    <a:pt x="5664" y="1955"/>
                    <a:pt x="5664" y="2131"/>
                    <a:pt x="5714" y="2256"/>
                  </a:cubicBezTo>
                  <a:cubicBezTo>
                    <a:pt x="5714" y="2356"/>
                    <a:pt x="5890" y="2482"/>
                    <a:pt x="5890" y="2532"/>
                  </a:cubicBezTo>
                  <a:cubicBezTo>
                    <a:pt x="5940" y="2707"/>
                    <a:pt x="5765" y="2933"/>
                    <a:pt x="5714" y="2983"/>
                  </a:cubicBezTo>
                  <a:cubicBezTo>
                    <a:pt x="5652" y="3008"/>
                    <a:pt x="5583" y="3020"/>
                    <a:pt x="5514" y="3020"/>
                  </a:cubicBezTo>
                  <a:cubicBezTo>
                    <a:pt x="5445" y="3020"/>
                    <a:pt x="5376" y="3008"/>
                    <a:pt x="5313" y="2983"/>
                  </a:cubicBezTo>
                  <a:cubicBezTo>
                    <a:pt x="5213" y="2933"/>
                    <a:pt x="5088" y="2707"/>
                    <a:pt x="4988" y="2632"/>
                  </a:cubicBezTo>
                  <a:cubicBezTo>
                    <a:pt x="4912" y="2582"/>
                    <a:pt x="4687" y="2582"/>
                    <a:pt x="4587" y="2582"/>
                  </a:cubicBezTo>
                  <a:cubicBezTo>
                    <a:pt x="4411" y="2582"/>
                    <a:pt x="4135" y="2757"/>
                    <a:pt x="4010" y="2807"/>
                  </a:cubicBezTo>
                  <a:cubicBezTo>
                    <a:pt x="3910" y="2807"/>
                    <a:pt x="3734" y="2807"/>
                    <a:pt x="3684" y="2857"/>
                  </a:cubicBezTo>
                  <a:cubicBezTo>
                    <a:pt x="3634" y="2933"/>
                    <a:pt x="3634" y="3158"/>
                    <a:pt x="3509" y="3208"/>
                  </a:cubicBezTo>
                  <a:cubicBezTo>
                    <a:pt x="3484" y="3233"/>
                    <a:pt x="3402" y="3246"/>
                    <a:pt x="3312" y="3246"/>
                  </a:cubicBezTo>
                  <a:cubicBezTo>
                    <a:pt x="3221" y="3246"/>
                    <a:pt x="3120" y="3233"/>
                    <a:pt x="3058" y="3208"/>
                  </a:cubicBezTo>
                  <a:cubicBezTo>
                    <a:pt x="2958" y="3208"/>
                    <a:pt x="2782" y="3033"/>
                    <a:pt x="2732" y="2933"/>
                  </a:cubicBezTo>
                  <a:cubicBezTo>
                    <a:pt x="2732" y="2857"/>
                    <a:pt x="2832" y="2632"/>
                    <a:pt x="2832" y="2532"/>
                  </a:cubicBezTo>
                  <a:cubicBezTo>
                    <a:pt x="2832" y="2482"/>
                    <a:pt x="2732" y="2306"/>
                    <a:pt x="2657" y="2181"/>
                  </a:cubicBezTo>
                  <a:cubicBezTo>
                    <a:pt x="2657" y="2131"/>
                    <a:pt x="2657" y="1955"/>
                    <a:pt x="2607" y="1905"/>
                  </a:cubicBezTo>
                  <a:cubicBezTo>
                    <a:pt x="2582" y="1880"/>
                    <a:pt x="2513" y="1867"/>
                    <a:pt x="2444" y="1867"/>
                  </a:cubicBezTo>
                  <a:cubicBezTo>
                    <a:pt x="2375" y="1867"/>
                    <a:pt x="2306" y="1880"/>
                    <a:pt x="2281" y="1905"/>
                  </a:cubicBezTo>
                  <a:cubicBezTo>
                    <a:pt x="2156" y="1905"/>
                    <a:pt x="1980" y="2030"/>
                    <a:pt x="1930" y="2080"/>
                  </a:cubicBezTo>
                  <a:cubicBezTo>
                    <a:pt x="1880" y="2080"/>
                    <a:pt x="1830" y="2256"/>
                    <a:pt x="1755" y="2256"/>
                  </a:cubicBezTo>
                  <a:cubicBezTo>
                    <a:pt x="1654" y="2306"/>
                    <a:pt x="1429" y="2306"/>
                    <a:pt x="1379" y="2306"/>
                  </a:cubicBezTo>
                  <a:cubicBezTo>
                    <a:pt x="1303" y="2306"/>
                    <a:pt x="1203" y="2181"/>
                    <a:pt x="1153" y="2181"/>
                  </a:cubicBezTo>
                  <a:cubicBezTo>
                    <a:pt x="1118" y="2167"/>
                    <a:pt x="1075" y="2161"/>
                    <a:pt x="1029" y="2161"/>
                  </a:cubicBezTo>
                  <a:cubicBezTo>
                    <a:pt x="910" y="2161"/>
                    <a:pt x="767" y="2202"/>
                    <a:pt x="677" y="2256"/>
                  </a:cubicBezTo>
                  <a:cubicBezTo>
                    <a:pt x="577" y="2306"/>
                    <a:pt x="401" y="2482"/>
                    <a:pt x="401" y="2532"/>
                  </a:cubicBezTo>
                  <a:cubicBezTo>
                    <a:pt x="401" y="2632"/>
                    <a:pt x="577" y="2757"/>
                    <a:pt x="577" y="2807"/>
                  </a:cubicBezTo>
                  <a:lnTo>
                    <a:pt x="577" y="3158"/>
                  </a:lnTo>
                  <a:cubicBezTo>
                    <a:pt x="526" y="3208"/>
                    <a:pt x="351" y="3208"/>
                    <a:pt x="301" y="3208"/>
                  </a:cubicBezTo>
                  <a:cubicBezTo>
                    <a:pt x="226" y="3258"/>
                    <a:pt x="75" y="3309"/>
                    <a:pt x="0" y="3434"/>
                  </a:cubicBezTo>
                  <a:cubicBezTo>
                    <a:pt x="75" y="3534"/>
                    <a:pt x="125" y="3760"/>
                    <a:pt x="125" y="3885"/>
                  </a:cubicBezTo>
                  <a:cubicBezTo>
                    <a:pt x="125" y="3985"/>
                    <a:pt x="0" y="4111"/>
                    <a:pt x="0" y="4211"/>
                  </a:cubicBezTo>
                  <a:cubicBezTo>
                    <a:pt x="0" y="4286"/>
                    <a:pt x="125" y="4436"/>
                    <a:pt x="125" y="4512"/>
                  </a:cubicBezTo>
                  <a:cubicBezTo>
                    <a:pt x="176" y="4562"/>
                    <a:pt x="176" y="4662"/>
                    <a:pt x="176" y="4662"/>
                  </a:cubicBezTo>
                  <a:cubicBezTo>
                    <a:pt x="226" y="4737"/>
                    <a:pt x="301" y="4837"/>
                    <a:pt x="351" y="4837"/>
                  </a:cubicBezTo>
                  <a:lnTo>
                    <a:pt x="351" y="5063"/>
                  </a:lnTo>
                  <a:cubicBezTo>
                    <a:pt x="351" y="5113"/>
                    <a:pt x="451" y="5238"/>
                    <a:pt x="451" y="5289"/>
                  </a:cubicBezTo>
                  <a:cubicBezTo>
                    <a:pt x="526" y="5414"/>
                    <a:pt x="451" y="5690"/>
                    <a:pt x="451" y="5840"/>
                  </a:cubicBezTo>
                  <a:cubicBezTo>
                    <a:pt x="526" y="5965"/>
                    <a:pt x="752" y="6191"/>
                    <a:pt x="802" y="6291"/>
                  </a:cubicBezTo>
                  <a:cubicBezTo>
                    <a:pt x="927" y="6466"/>
                    <a:pt x="1028" y="6867"/>
                    <a:pt x="1153" y="7093"/>
                  </a:cubicBezTo>
                  <a:cubicBezTo>
                    <a:pt x="1203" y="7193"/>
                    <a:pt x="1203" y="7494"/>
                    <a:pt x="1303" y="7594"/>
                  </a:cubicBezTo>
                  <a:cubicBezTo>
                    <a:pt x="1303" y="7644"/>
                    <a:pt x="1479" y="7720"/>
                    <a:pt x="1604" y="7770"/>
                  </a:cubicBezTo>
                  <a:cubicBezTo>
                    <a:pt x="1704" y="7820"/>
                    <a:pt x="1980" y="7995"/>
                    <a:pt x="2055" y="8171"/>
                  </a:cubicBezTo>
                  <a:cubicBezTo>
                    <a:pt x="2156" y="8271"/>
                    <a:pt x="2156" y="8547"/>
                    <a:pt x="2206" y="8672"/>
                  </a:cubicBezTo>
                  <a:cubicBezTo>
                    <a:pt x="2331" y="8847"/>
                    <a:pt x="2732" y="9073"/>
                    <a:pt x="2832" y="9223"/>
                  </a:cubicBezTo>
                  <a:cubicBezTo>
                    <a:pt x="2958" y="9399"/>
                    <a:pt x="2958" y="9800"/>
                    <a:pt x="3008" y="9975"/>
                  </a:cubicBezTo>
                  <a:cubicBezTo>
                    <a:pt x="3058" y="10126"/>
                    <a:pt x="3233" y="10426"/>
                    <a:pt x="3283" y="10577"/>
                  </a:cubicBezTo>
                  <a:cubicBezTo>
                    <a:pt x="3333" y="10752"/>
                    <a:pt x="3333" y="11103"/>
                    <a:pt x="3409" y="11329"/>
                  </a:cubicBezTo>
                  <a:cubicBezTo>
                    <a:pt x="3409" y="11479"/>
                    <a:pt x="3559" y="11880"/>
                    <a:pt x="3559" y="12055"/>
                  </a:cubicBezTo>
                  <a:cubicBezTo>
                    <a:pt x="3634" y="12281"/>
                    <a:pt x="3559" y="12607"/>
                    <a:pt x="3634" y="12782"/>
                  </a:cubicBezTo>
                  <a:cubicBezTo>
                    <a:pt x="3634" y="12908"/>
                    <a:pt x="3734" y="13058"/>
                    <a:pt x="3785" y="13183"/>
                  </a:cubicBezTo>
                  <a:cubicBezTo>
                    <a:pt x="3785" y="13284"/>
                    <a:pt x="3785" y="13459"/>
                    <a:pt x="3860" y="13584"/>
                  </a:cubicBezTo>
                  <a:cubicBezTo>
                    <a:pt x="3910" y="13685"/>
                    <a:pt x="4010" y="13910"/>
                    <a:pt x="4085" y="13960"/>
                  </a:cubicBezTo>
                  <a:cubicBezTo>
                    <a:pt x="4186" y="14086"/>
                    <a:pt x="4361" y="14136"/>
                    <a:pt x="4411" y="14236"/>
                  </a:cubicBezTo>
                  <a:cubicBezTo>
                    <a:pt x="4536" y="14361"/>
                    <a:pt x="4587" y="14637"/>
                    <a:pt x="4687" y="14762"/>
                  </a:cubicBezTo>
                  <a:cubicBezTo>
                    <a:pt x="4762" y="14812"/>
                    <a:pt x="4912" y="14812"/>
                    <a:pt x="4988" y="14863"/>
                  </a:cubicBezTo>
                  <a:cubicBezTo>
                    <a:pt x="5088" y="14913"/>
                    <a:pt x="5213" y="15138"/>
                    <a:pt x="5263" y="15213"/>
                  </a:cubicBezTo>
                  <a:cubicBezTo>
                    <a:pt x="5313" y="15439"/>
                    <a:pt x="5263" y="15815"/>
                    <a:pt x="5263" y="16040"/>
                  </a:cubicBezTo>
                  <a:cubicBezTo>
                    <a:pt x="5263" y="16266"/>
                    <a:pt x="5138" y="16667"/>
                    <a:pt x="5038" y="16842"/>
                  </a:cubicBezTo>
                  <a:cubicBezTo>
                    <a:pt x="4988" y="17018"/>
                    <a:pt x="4762" y="17243"/>
                    <a:pt x="4637" y="17344"/>
                  </a:cubicBezTo>
                  <a:cubicBezTo>
                    <a:pt x="4587" y="17394"/>
                    <a:pt x="4411" y="17519"/>
                    <a:pt x="4311" y="17519"/>
                  </a:cubicBezTo>
                  <a:cubicBezTo>
                    <a:pt x="4186" y="17519"/>
                    <a:pt x="3910" y="17394"/>
                    <a:pt x="3785" y="17394"/>
                  </a:cubicBezTo>
                  <a:cubicBezTo>
                    <a:pt x="3684" y="17394"/>
                    <a:pt x="3459" y="17469"/>
                    <a:pt x="3333" y="17519"/>
                  </a:cubicBezTo>
                  <a:cubicBezTo>
                    <a:pt x="3233" y="17519"/>
                    <a:pt x="3008" y="17619"/>
                    <a:pt x="2882" y="17695"/>
                  </a:cubicBezTo>
                  <a:cubicBezTo>
                    <a:pt x="2782" y="17745"/>
                    <a:pt x="2657" y="18020"/>
                    <a:pt x="2557" y="18071"/>
                  </a:cubicBezTo>
                  <a:cubicBezTo>
                    <a:pt x="2506" y="18146"/>
                    <a:pt x="2331" y="18146"/>
                    <a:pt x="2281" y="18196"/>
                  </a:cubicBezTo>
                  <a:cubicBezTo>
                    <a:pt x="2156" y="18246"/>
                    <a:pt x="1880" y="18472"/>
                    <a:pt x="1830" y="18647"/>
                  </a:cubicBezTo>
                  <a:cubicBezTo>
                    <a:pt x="1704" y="18747"/>
                    <a:pt x="1529" y="19048"/>
                    <a:pt x="1604" y="19148"/>
                  </a:cubicBezTo>
                  <a:cubicBezTo>
                    <a:pt x="1654" y="19198"/>
                    <a:pt x="1830" y="19198"/>
                    <a:pt x="1880" y="19274"/>
                  </a:cubicBezTo>
                  <a:cubicBezTo>
                    <a:pt x="1980" y="19274"/>
                    <a:pt x="2055" y="19424"/>
                    <a:pt x="2105" y="19499"/>
                  </a:cubicBezTo>
                  <a:cubicBezTo>
                    <a:pt x="2206" y="19599"/>
                    <a:pt x="2557" y="19650"/>
                    <a:pt x="2607" y="19825"/>
                  </a:cubicBezTo>
                  <a:cubicBezTo>
                    <a:pt x="2732" y="19950"/>
                    <a:pt x="2732" y="20276"/>
                    <a:pt x="2657" y="20452"/>
                  </a:cubicBezTo>
                  <a:cubicBezTo>
                    <a:pt x="2657" y="20627"/>
                    <a:pt x="2381" y="20853"/>
                    <a:pt x="2381" y="21003"/>
                  </a:cubicBezTo>
                  <a:cubicBezTo>
                    <a:pt x="2381" y="21078"/>
                    <a:pt x="2506" y="21228"/>
                    <a:pt x="2506" y="21304"/>
                  </a:cubicBezTo>
                  <a:cubicBezTo>
                    <a:pt x="2506" y="21454"/>
                    <a:pt x="2281" y="21730"/>
                    <a:pt x="2206" y="21905"/>
                  </a:cubicBezTo>
                  <a:cubicBezTo>
                    <a:pt x="2156" y="22030"/>
                    <a:pt x="2055" y="22181"/>
                    <a:pt x="2055" y="22306"/>
                  </a:cubicBezTo>
                  <a:cubicBezTo>
                    <a:pt x="1980" y="22482"/>
                    <a:pt x="1980" y="22933"/>
                    <a:pt x="1880" y="23083"/>
                  </a:cubicBezTo>
                  <a:cubicBezTo>
                    <a:pt x="1830" y="23208"/>
                    <a:pt x="1604" y="23434"/>
                    <a:pt x="1429" y="23484"/>
                  </a:cubicBezTo>
                  <a:cubicBezTo>
                    <a:pt x="1366" y="23509"/>
                    <a:pt x="1266" y="23509"/>
                    <a:pt x="1169" y="23509"/>
                  </a:cubicBezTo>
                  <a:cubicBezTo>
                    <a:pt x="1072" y="23509"/>
                    <a:pt x="978" y="23509"/>
                    <a:pt x="927" y="23534"/>
                  </a:cubicBezTo>
                  <a:cubicBezTo>
                    <a:pt x="852" y="23609"/>
                    <a:pt x="752" y="23885"/>
                    <a:pt x="627" y="23935"/>
                  </a:cubicBezTo>
                  <a:cubicBezTo>
                    <a:pt x="577" y="23985"/>
                    <a:pt x="401" y="23985"/>
                    <a:pt x="351" y="24061"/>
                  </a:cubicBezTo>
                  <a:lnTo>
                    <a:pt x="351" y="24336"/>
                  </a:lnTo>
                  <a:cubicBezTo>
                    <a:pt x="401" y="24437"/>
                    <a:pt x="577" y="24737"/>
                    <a:pt x="577" y="24888"/>
                  </a:cubicBezTo>
                  <a:cubicBezTo>
                    <a:pt x="577" y="25063"/>
                    <a:pt x="526" y="25339"/>
                    <a:pt x="526" y="25514"/>
                  </a:cubicBezTo>
                  <a:cubicBezTo>
                    <a:pt x="526" y="25640"/>
                    <a:pt x="526" y="25965"/>
                    <a:pt x="577" y="26141"/>
                  </a:cubicBezTo>
                  <a:lnTo>
                    <a:pt x="577" y="26692"/>
                  </a:lnTo>
                  <a:cubicBezTo>
                    <a:pt x="627" y="26868"/>
                    <a:pt x="852" y="27143"/>
                    <a:pt x="978" y="27269"/>
                  </a:cubicBezTo>
                  <a:cubicBezTo>
                    <a:pt x="1078" y="27369"/>
                    <a:pt x="1429" y="27544"/>
                    <a:pt x="1604" y="27670"/>
                  </a:cubicBezTo>
                  <a:cubicBezTo>
                    <a:pt x="1704" y="27670"/>
                    <a:pt x="1930" y="27820"/>
                    <a:pt x="2055" y="27820"/>
                  </a:cubicBezTo>
                  <a:cubicBezTo>
                    <a:pt x="2281" y="27820"/>
                    <a:pt x="2657" y="27594"/>
                    <a:pt x="2882" y="27544"/>
                  </a:cubicBezTo>
                  <a:cubicBezTo>
                    <a:pt x="3008" y="27494"/>
                    <a:pt x="3333" y="27444"/>
                    <a:pt x="3459" y="27444"/>
                  </a:cubicBezTo>
                  <a:cubicBezTo>
                    <a:pt x="3652" y="27444"/>
                    <a:pt x="3974" y="27555"/>
                    <a:pt x="4157" y="27555"/>
                  </a:cubicBezTo>
                  <a:cubicBezTo>
                    <a:pt x="4188" y="27555"/>
                    <a:pt x="4214" y="27551"/>
                    <a:pt x="4236" y="27544"/>
                  </a:cubicBezTo>
                  <a:cubicBezTo>
                    <a:pt x="4411" y="27544"/>
                    <a:pt x="4762" y="27319"/>
                    <a:pt x="4862" y="27218"/>
                  </a:cubicBezTo>
                  <a:cubicBezTo>
                    <a:pt x="4988" y="27093"/>
                    <a:pt x="5088" y="26767"/>
                    <a:pt x="5213" y="26592"/>
                  </a:cubicBezTo>
                  <a:cubicBezTo>
                    <a:pt x="5263" y="26416"/>
                    <a:pt x="5439" y="26015"/>
                    <a:pt x="5439" y="25865"/>
                  </a:cubicBezTo>
                  <a:cubicBezTo>
                    <a:pt x="5489" y="25564"/>
                    <a:pt x="5263" y="25013"/>
                    <a:pt x="5364" y="24737"/>
                  </a:cubicBezTo>
                  <a:cubicBezTo>
                    <a:pt x="5439" y="24437"/>
                    <a:pt x="5890" y="24111"/>
                    <a:pt x="6040" y="23885"/>
                  </a:cubicBezTo>
                  <a:cubicBezTo>
                    <a:pt x="6216" y="23609"/>
                    <a:pt x="6491" y="23033"/>
                    <a:pt x="6717" y="22757"/>
                  </a:cubicBezTo>
                  <a:cubicBezTo>
                    <a:pt x="6792" y="22707"/>
                    <a:pt x="6943" y="22482"/>
                    <a:pt x="7068" y="22406"/>
                  </a:cubicBezTo>
                  <a:cubicBezTo>
                    <a:pt x="7118" y="22356"/>
                    <a:pt x="7344" y="22356"/>
                    <a:pt x="7469" y="22306"/>
                  </a:cubicBezTo>
                  <a:cubicBezTo>
                    <a:pt x="7619" y="22256"/>
                    <a:pt x="7920" y="22131"/>
                    <a:pt x="8020" y="22030"/>
                  </a:cubicBezTo>
                  <a:cubicBezTo>
                    <a:pt x="8146" y="21905"/>
                    <a:pt x="8296" y="21680"/>
                    <a:pt x="8421" y="21579"/>
                  </a:cubicBezTo>
                  <a:cubicBezTo>
                    <a:pt x="8471" y="21529"/>
                    <a:pt x="8697" y="21354"/>
                    <a:pt x="8822" y="21228"/>
                  </a:cubicBezTo>
                  <a:cubicBezTo>
                    <a:pt x="8922" y="21128"/>
                    <a:pt x="9098" y="20953"/>
                    <a:pt x="9098" y="20853"/>
                  </a:cubicBezTo>
                  <a:cubicBezTo>
                    <a:pt x="9148" y="20727"/>
                    <a:pt x="9148" y="20552"/>
                    <a:pt x="9098" y="20452"/>
                  </a:cubicBezTo>
                  <a:cubicBezTo>
                    <a:pt x="9098" y="20326"/>
                    <a:pt x="8973" y="20101"/>
                    <a:pt x="8973" y="19950"/>
                  </a:cubicBezTo>
                  <a:cubicBezTo>
                    <a:pt x="8973" y="19875"/>
                    <a:pt x="8922" y="19725"/>
                    <a:pt x="8922" y="19650"/>
                  </a:cubicBezTo>
                  <a:cubicBezTo>
                    <a:pt x="8922" y="19549"/>
                    <a:pt x="8872" y="19324"/>
                    <a:pt x="8822" y="19148"/>
                  </a:cubicBezTo>
                  <a:cubicBezTo>
                    <a:pt x="8822" y="19048"/>
                    <a:pt x="8697" y="18822"/>
                    <a:pt x="8697" y="18697"/>
                  </a:cubicBezTo>
                  <a:cubicBezTo>
                    <a:pt x="8647" y="18522"/>
                    <a:pt x="8697" y="18146"/>
                    <a:pt x="8647" y="17970"/>
                  </a:cubicBezTo>
                  <a:cubicBezTo>
                    <a:pt x="8647" y="17845"/>
                    <a:pt x="8471" y="17695"/>
                    <a:pt x="8421" y="17569"/>
                  </a:cubicBezTo>
                  <a:cubicBezTo>
                    <a:pt x="8421" y="17519"/>
                    <a:pt x="8471" y="17394"/>
                    <a:pt x="8521" y="17344"/>
                  </a:cubicBezTo>
                  <a:lnTo>
                    <a:pt x="8521" y="17118"/>
                  </a:lnTo>
                  <a:cubicBezTo>
                    <a:pt x="8521" y="17068"/>
                    <a:pt x="8647" y="16893"/>
                    <a:pt x="8647" y="16842"/>
                  </a:cubicBezTo>
                  <a:cubicBezTo>
                    <a:pt x="8697" y="16792"/>
                    <a:pt x="8697" y="16567"/>
                    <a:pt x="8697" y="16441"/>
                  </a:cubicBezTo>
                  <a:cubicBezTo>
                    <a:pt x="8747" y="16391"/>
                    <a:pt x="8872" y="16216"/>
                    <a:pt x="8922" y="16116"/>
                  </a:cubicBezTo>
                  <a:cubicBezTo>
                    <a:pt x="9048" y="15990"/>
                    <a:pt x="9273" y="15715"/>
                    <a:pt x="9449" y="15589"/>
                  </a:cubicBezTo>
                  <a:cubicBezTo>
                    <a:pt x="9674" y="15364"/>
                    <a:pt x="10176" y="15038"/>
                    <a:pt x="10451" y="14863"/>
                  </a:cubicBezTo>
                  <a:cubicBezTo>
                    <a:pt x="10677" y="14762"/>
                    <a:pt x="11303" y="14587"/>
                    <a:pt x="11579" y="14462"/>
                  </a:cubicBezTo>
                  <a:cubicBezTo>
                    <a:pt x="11629" y="14462"/>
                    <a:pt x="11805" y="14411"/>
                    <a:pt x="11855" y="14411"/>
                  </a:cubicBezTo>
                  <a:lnTo>
                    <a:pt x="12306" y="14411"/>
                  </a:lnTo>
                  <a:cubicBezTo>
                    <a:pt x="12381" y="14361"/>
                    <a:pt x="12481" y="14311"/>
                    <a:pt x="12532" y="14311"/>
                  </a:cubicBezTo>
                  <a:cubicBezTo>
                    <a:pt x="12607" y="14311"/>
                    <a:pt x="12657" y="14361"/>
                    <a:pt x="12657" y="14411"/>
                  </a:cubicBezTo>
                  <a:cubicBezTo>
                    <a:pt x="12707" y="14411"/>
                    <a:pt x="12707" y="14537"/>
                    <a:pt x="12707" y="14587"/>
                  </a:cubicBezTo>
                  <a:cubicBezTo>
                    <a:pt x="12757" y="14637"/>
                    <a:pt x="12882" y="14812"/>
                    <a:pt x="12933" y="14812"/>
                  </a:cubicBezTo>
                  <a:cubicBezTo>
                    <a:pt x="12983" y="14812"/>
                    <a:pt x="13058" y="14762"/>
                    <a:pt x="13058" y="14687"/>
                  </a:cubicBezTo>
                  <a:cubicBezTo>
                    <a:pt x="13058" y="14637"/>
                    <a:pt x="12983" y="14587"/>
                    <a:pt x="13058" y="14537"/>
                  </a:cubicBezTo>
                  <a:lnTo>
                    <a:pt x="13158" y="14537"/>
                  </a:lnTo>
                  <a:cubicBezTo>
                    <a:pt x="13208" y="14537"/>
                    <a:pt x="13283" y="14537"/>
                    <a:pt x="13334" y="14587"/>
                  </a:cubicBezTo>
                  <a:cubicBezTo>
                    <a:pt x="13367" y="14587"/>
                    <a:pt x="13434" y="14565"/>
                    <a:pt x="13489" y="14565"/>
                  </a:cubicBezTo>
                  <a:cubicBezTo>
                    <a:pt x="13517" y="14565"/>
                    <a:pt x="13542" y="14570"/>
                    <a:pt x="13559" y="14587"/>
                  </a:cubicBezTo>
                  <a:cubicBezTo>
                    <a:pt x="13609" y="14587"/>
                    <a:pt x="13559" y="14687"/>
                    <a:pt x="13559" y="14687"/>
                  </a:cubicBezTo>
                  <a:cubicBezTo>
                    <a:pt x="13559" y="14762"/>
                    <a:pt x="13659" y="14762"/>
                    <a:pt x="13659" y="14762"/>
                  </a:cubicBezTo>
                  <a:cubicBezTo>
                    <a:pt x="13735" y="14762"/>
                    <a:pt x="13735" y="14637"/>
                    <a:pt x="13785" y="14587"/>
                  </a:cubicBezTo>
                  <a:lnTo>
                    <a:pt x="13885" y="14462"/>
                  </a:lnTo>
                  <a:cubicBezTo>
                    <a:pt x="13885" y="14462"/>
                    <a:pt x="13885" y="14311"/>
                    <a:pt x="13960" y="14236"/>
                  </a:cubicBezTo>
                  <a:cubicBezTo>
                    <a:pt x="13960" y="14186"/>
                    <a:pt x="14060" y="14086"/>
                    <a:pt x="14110" y="14010"/>
                  </a:cubicBezTo>
                  <a:cubicBezTo>
                    <a:pt x="14148" y="13985"/>
                    <a:pt x="14204" y="13985"/>
                    <a:pt x="14251" y="13985"/>
                  </a:cubicBezTo>
                  <a:cubicBezTo>
                    <a:pt x="14298" y="13985"/>
                    <a:pt x="14336" y="13985"/>
                    <a:pt x="14336" y="13960"/>
                  </a:cubicBezTo>
                  <a:cubicBezTo>
                    <a:pt x="14411" y="13860"/>
                    <a:pt x="14236" y="13735"/>
                    <a:pt x="14236" y="13685"/>
                  </a:cubicBezTo>
                  <a:lnTo>
                    <a:pt x="14236" y="13409"/>
                  </a:lnTo>
                  <a:cubicBezTo>
                    <a:pt x="14236" y="13284"/>
                    <a:pt x="14336" y="13183"/>
                    <a:pt x="14411" y="13133"/>
                  </a:cubicBezTo>
                  <a:cubicBezTo>
                    <a:pt x="14461" y="13058"/>
                    <a:pt x="14562" y="13058"/>
                    <a:pt x="14562" y="13058"/>
                  </a:cubicBezTo>
                  <a:cubicBezTo>
                    <a:pt x="14637" y="13008"/>
                    <a:pt x="14637" y="12908"/>
                    <a:pt x="14637" y="12832"/>
                  </a:cubicBezTo>
                  <a:lnTo>
                    <a:pt x="14511" y="12782"/>
                  </a:lnTo>
                  <a:cubicBezTo>
                    <a:pt x="14461" y="12782"/>
                    <a:pt x="14411" y="12958"/>
                    <a:pt x="14336" y="12958"/>
                  </a:cubicBezTo>
                  <a:cubicBezTo>
                    <a:pt x="14336" y="12958"/>
                    <a:pt x="14286" y="12832"/>
                    <a:pt x="14236" y="12832"/>
                  </a:cubicBezTo>
                  <a:cubicBezTo>
                    <a:pt x="14186" y="12782"/>
                    <a:pt x="14010" y="12732"/>
                    <a:pt x="13960" y="12682"/>
                  </a:cubicBezTo>
                  <a:cubicBezTo>
                    <a:pt x="13885" y="12557"/>
                    <a:pt x="13960" y="12381"/>
                    <a:pt x="13885" y="12331"/>
                  </a:cubicBezTo>
                  <a:cubicBezTo>
                    <a:pt x="13885" y="12231"/>
                    <a:pt x="13659" y="12156"/>
                    <a:pt x="13609" y="12055"/>
                  </a:cubicBezTo>
                  <a:cubicBezTo>
                    <a:pt x="13559" y="11930"/>
                    <a:pt x="13609" y="11705"/>
                    <a:pt x="13609" y="11654"/>
                  </a:cubicBezTo>
                  <a:cubicBezTo>
                    <a:pt x="13609" y="11554"/>
                    <a:pt x="13609" y="11429"/>
                    <a:pt x="13659" y="11379"/>
                  </a:cubicBezTo>
                  <a:cubicBezTo>
                    <a:pt x="13659" y="11253"/>
                    <a:pt x="13785" y="11103"/>
                    <a:pt x="13785" y="11028"/>
                  </a:cubicBezTo>
                  <a:cubicBezTo>
                    <a:pt x="13835" y="10928"/>
                    <a:pt x="13885" y="10752"/>
                    <a:pt x="13835" y="10652"/>
                  </a:cubicBezTo>
                  <a:cubicBezTo>
                    <a:pt x="13785" y="10577"/>
                    <a:pt x="13659" y="10577"/>
                    <a:pt x="13609" y="10527"/>
                  </a:cubicBezTo>
                  <a:cubicBezTo>
                    <a:pt x="13559" y="10477"/>
                    <a:pt x="13434" y="10251"/>
                    <a:pt x="13384" y="10126"/>
                  </a:cubicBezTo>
                  <a:cubicBezTo>
                    <a:pt x="13334" y="10025"/>
                    <a:pt x="13334" y="9750"/>
                    <a:pt x="13334" y="9574"/>
                  </a:cubicBezTo>
                  <a:cubicBezTo>
                    <a:pt x="13334" y="9449"/>
                    <a:pt x="13384" y="9223"/>
                    <a:pt x="13384" y="9123"/>
                  </a:cubicBezTo>
                  <a:cubicBezTo>
                    <a:pt x="13434" y="8998"/>
                    <a:pt x="13559" y="8772"/>
                    <a:pt x="13559" y="8672"/>
                  </a:cubicBezTo>
                  <a:cubicBezTo>
                    <a:pt x="13609" y="8622"/>
                    <a:pt x="13659" y="8497"/>
                    <a:pt x="13609" y="8446"/>
                  </a:cubicBezTo>
                  <a:lnTo>
                    <a:pt x="13434" y="8446"/>
                  </a:lnTo>
                  <a:cubicBezTo>
                    <a:pt x="13384" y="8396"/>
                    <a:pt x="13283" y="8396"/>
                    <a:pt x="13208" y="8396"/>
                  </a:cubicBezTo>
                  <a:cubicBezTo>
                    <a:pt x="13108" y="8321"/>
                    <a:pt x="12882" y="8221"/>
                    <a:pt x="12832" y="8171"/>
                  </a:cubicBezTo>
                  <a:cubicBezTo>
                    <a:pt x="12707" y="8096"/>
                    <a:pt x="12607" y="7870"/>
                    <a:pt x="12532" y="7770"/>
                  </a:cubicBezTo>
                  <a:cubicBezTo>
                    <a:pt x="12481" y="7720"/>
                    <a:pt x="12306" y="7544"/>
                    <a:pt x="12256" y="7494"/>
                  </a:cubicBezTo>
                  <a:lnTo>
                    <a:pt x="11980" y="7494"/>
                  </a:lnTo>
                  <a:cubicBezTo>
                    <a:pt x="11980" y="7419"/>
                    <a:pt x="11855" y="7369"/>
                    <a:pt x="11805" y="7319"/>
                  </a:cubicBezTo>
                  <a:cubicBezTo>
                    <a:pt x="11704" y="7268"/>
                    <a:pt x="11479" y="7193"/>
                    <a:pt x="11354" y="7143"/>
                  </a:cubicBezTo>
                  <a:cubicBezTo>
                    <a:pt x="11178" y="7093"/>
                    <a:pt x="10852" y="6918"/>
                    <a:pt x="10677" y="6817"/>
                  </a:cubicBezTo>
                  <a:cubicBezTo>
                    <a:pt x="10577" y="6692"/>
                    <a:pt x="10401" y="6366"/>
                    <a:pt x="10226" y="6241"/>
                  </a:cubicBezTo>
                  <a:cubicBezTo>
                    <a:pt x="10125" y="6191"/>
                    <a:pt x="9900" y="6015"/>
                    <a:pt x="9775" y="6015"/>
                  </a:cubicBezTo>
                  <a:cubicBezTo>
                    <a:pt x="9674" y="6015"/>
                    <a:pt x="9499" y="6065"/>
                    <a:pt x="9374" y="6065"/>
                  </a:cubicBezTo>
                  <a:cubicBezTo>
                    <a:pt x="9323" y="6065"/>
                    <a:pt x="9198" y="6015"/>
                    <a:pt x="9148" y="6015"/>
                  </a:cubicBezTo>
                  <a:cubicBezTo>
                    <a:pt x="9098" y="6065"/>
                    <a:pt x="8973" y="6141"/>
                    <a:pt x="8872" y="6141"/>
                  </a:cubicBezTo>
                  <a:cubicBezTo>
                    <a:pt x="8747" y="6191"/>
                    <a:pt x="8421" y="6191"/>
                    <a:pt x="8246" y="6191"/>
                  </a:cubicBezTo>
                  <a:cubicBezTo>
                    <a:pt x="8070" y="6141"/>
                    <a:pt x="7845" y="5840"/>
                    <a:pt x="7694" y="5740"/>
                  </a:cubicBezTo>
                  <a:cubicBezTo>
                    <a:pt x="7619" y="5690"/>
                    <a:pt x="7469" y="5614"/>
                    <a:pt x="7394" y="5564"/>
                  </a:cubicBezTo>
                  <a:cubicBezTo>
                    <a:pt x="7344" y="5464"/>
                    <a:pt x="7394" y="5188"/>
                    <a:pt x="7394" y="5013"/>
                  </a:cubicBezTo>
                  <a:cubicBezTo>
                    <a:pt x="7344" y="4837"/>
                    <a:pt x="6943" y="4612"/>
                    <a:pt x="6892" y="4386"/>
                  </a:cubicBezTo>
                  <a:cubicBezTo>
                    <a:pt x="6892" y="4211"/>
                    <a:pt x="6892" y="3835"/>
                    <a:pt x="6943" y="3659"/>
                  </a:cubicBezTo>
                  <a:cubicBezTo>
                    <a:pt x="7018" y="3484"/>
                    <a:pt x="7293" y="3309"/>
                    <a:pt x="7394" y="3208"/>
                  </a:cubicBezTo>
                  <a:cubicBezTo>
                    <a:pt x="7469" y="3083"/>
                    <a:pt x="7619" y="2857"/>
                    <a:pt x="7694" y="2757"/>
                  </a:cubicBezTo>
                  <a:cubicBezTo>
                    <a:pt x="7745" y="2632"/>
                    <a:pt x="7745" y="2306"/>
                    <a:pt x="7795" y="2181"/>
                  </a:cubicBezTo>
                  <a:cubicBezTo>
                    <a:pt x="7845" y="2131"/>
                    <a:pt x="8020" y="2030"/>
                    <a:pt x="8020" y="1905"/>
                  </a:cubicBezTo>
                  <a:cubicBezTo>
                    <a:pt x="8020" y="1855"/>
                    <a:pt x="7920" y="1805"/>
                    <a:pt x="7845" y="1730"/>
                  </a:cubicBezTo>
                  <a:cubicBezTo>
                    <a:pt x="7845" y="1679"/>
                    <a:pt x="7845" y="1504"/>
                    <a:pt x="7795" y="1454"/>
                  </a:cubicBezTo>
                  <a:cubicBezTo>
                    <a:pt x="7795" y="1354"/>
                    <a:pt x="7694" y="1228"/>
                    <a:pt x="7619" y="1128"/>
                  </a:cubicBezTo>
                  <a:cubicBezTo>
                    <a:pt x="7619" y="1003"/>
                    <a:pt x="7569" y="727"/>
                    <a:pt x="7619" y="552"/>
                  </a:cubicBezTo>
                  <a:cubicBezTo>
                    <a:pt x="7619" y="502"/>
                    <a:pt x="7795" y="326"/>
                    <a:pt x="7845" y="276"/>
                  </a:cubicBezTo>
                  <a:cubicBezTo>
                    <a:pt x="7845" y="226"/>
                    <a:pt x="7920" y="151"/>
                    <a:pt x="7920" y="101"/>
                  </a:cubicBezTo>
                  <a:cubicBezTo>
                    <a:pt x="7795" y="50"/>
                    <a:pt x="7694" y="0"/>
                    <a:pt x="7569" y="0"/>
                  </a:cubicBezTo>
                  <a:close/>
                </a:path>
              </a:pathLst>
            </a:custGeom>
            <a:solidFill>
              <a:schemeClr val="bg1"/>
            </a:solidFill>
            <a:ln>
              <a:noFill/>
            </a:ln>
          </p:spPr>
          <p:txBody>
            <a:bodyPr spcFirstLastPara="1" wrap="square" lIns="121900" tIns="121900" rIns="121900" bIns="121900" anchor="ctr" anchorCtr="0">
              <a:noAutofit/>
            </a:bodyPr>
            <a:lstStyle/>
            <a:p>
              <a:endParaRPr sz="2400"/>
            </a:p>
          </p:txBody>
        </p:sp>
        <p:sp>
          <p:nvSpPr>
            <p:cNvPr id="257" name="Google Shape;314;p16">
              <a:extLst>
                <a:ext uri="{FF2B5EF4-FFF2-40B4-BE49-F238E27FC236}">
                  <a16:creationId xmlns:a16="http://schemas.microsoft.com/office/drawing/2014/main" id="{040913D6-AACD-0FF2-99C7-A7969D333690}"/>
                </a:ext>
              </a:extLst>
            </p:cNvPr>
            <p:cNvSpPr/>
            <p:nvPr/>
          </p:nvSpPr>
          <p:spPr>
            <a:xfrm>
              <a:off x="3601099" y="3363745"/>
              <a:ext cx="408519" cy="776456"/>
            </a:xfrm>
            <a:custGeom>
              <a:avLst/>
              <a:gdLst/>
              <a:ahLst/>
              <a:cxnLst/>
              <a:rect l="l" t="t" r="r" b="b"/>
              <a:pathLst>
                <a:path w="14637" h="27820" fill="none" extrusionOk="0">
                  <a:moveTo>
                    <a:pt x="14637" y="12832"/>
                  </a:moveTo>
                  <a:cubicBezTo>
                    <a:pt x="14637" y="12908"/>
                    <a:pt x="14637" y="13008"/>
                    <a:pt x="14562" y="13058"/>
                  </a:cubicBezTo>
                  <a:cubicBezTo>
                    <a:pt x="14562" y="13058"/>
                    <a:pt x="14461" y="13058"/>
                    <a:pt x="14411" y="13133"/>
                  </a:cubicBezTo>
                  <a:cubicBezTo>
                    <a:pt x="14336" y="13183"/>
                    <a:pt x="14236" y="13284"/>
                    <a:pt x="14236" y="13409"/>
                  </a:cubicBezTo>
                  <a:lnTo>
                    <a:pt x="14236" y="13685"/>
                  </a:lnTo>
                  <a:cubicBezTo>
                    <a:pt x="14236" y="13735"/>
                    <a:pt x="14411" y="13860"/>
                    <a:pt x="14336" y="13960"/>
                  </a:cubicBezTo>
                  <a:cubicBezTo>
                    <a:pt x="14336" y="14010"/>
                    <a:pt x="14186" y="13960"/>
                    <a:pt x="14110" y="14010"/>
                  </a:cubicBezTo>
                  <a:cubicBezTo>
                    <a:pt x="14060" y="14086"/>
                    <a:pt x="13960" y="14186"/>
                    <a:pt x="13960" y="14236"/>
                  </a:cubicBezTo>
                  <a:cubicBezTo>
                    <a:pt x="13885" y="14311"/>
                    <a:pt x="13885" y="14462"/>
                    <a:pt x="13885" y="14462"/>
                  </a:cubicBezTo>
                  <a:lnTo>
                    <a:pt x="13785" y="14587"/>
                  </a:lnTo>
                  <a:cubicBezTo>
                    <a:pt x="13735" y="14637"/>
                    <a:pt x="13735" y="14762"/>
                    <a:pt x="13659" y="14762"/>
                  </a:cubicBezTo>
                  <a:cubicBezTo>
                    <a:pt x="13659" y="14762"/>
                    <a:pt x="13559" y="14762"/>
                    <a:pt x="13559" y="14687"/>
                  </a:cubicBezTo>
                  <a:cubicBezTo>
                    <a:pt x="13559" y="14687"/>
                    <a:pt x="13609" y="14587"/>
                    <a:pt x="13559" y="14587"/>
                  </a:cubicBezTo>
                  <a:cubicBezTo>
                    <a:pt x="13509" y="14537"/>
                    <a:pt x="13384" y="14587"/>
                    <a:pt x="13334" y="14587"/>
                  </a:cubicBezTo>
                  <a:cubicBezTo>
                    <a:pt x="13283" y="14537"/>
                    <a:pt x="13208" y="14537"/>
                    <a:pt x="13158" y="14537"/>
                  </a:cubicBezTo>
                  <a:lnTo>
                    <a:pt x="13058" y="14537"/>
                  </a:lnTo>
                  <a:cubicBezTo>
                    <a:pt x="12983" y="14587"/>
                    <a:pt x="13058" y="14637"/>
                    <a:pt x="13058" y="14687"/>
                  </a:cubicBezTo>
                  <a:cubicBezTo>
                    <a:pt x="13058" y="14762"/>
                    <a:pt x="12983" y="14812"/>
                    <a:pt x="12933" y="14812"/>
                  </a:cubicBezTo>
                  <a:cubicBezTo>
                    <a:pt x="12882" y="14812"/>
                    <a:pt x="12757" y="14637"/>
                    <a:pt x="12707" y="14587"/>
                  </a:cubicBezTo>
                  <a:cubicBezTo>
                    <a:pt x="12707" y="14537"/>
                    <a:pt x="12707" y="14411"/>
                    <a:pt x="12657" y="14411"/>
                  </a:cubicBezTo>
                  <a:cubicBezTo>
                    <a:pt x="12657" y="14361"/>
                    <a:pt x="12607" y="14311"/>
                    <a:pt x="12532" y="14311"/>
                  </a:cubicBezTo>
                  <a:cubicBezTo>
                    <a:pt x="12481" y="14311"/>
                    <a:pt x="12381" y="14361"/>
                    <a:pt x="12306" y="14411"/>
                  </a:cubicBezTo>
                  <a:lnTo>
                    <a:pt x="11855" y="14411"/>
                  </a:lnTo>
                  <a:cubicBezTo>
                    <a:pt x="11805" y="14411"/>
                    <a:pt x="11629" y="14462"/>
                    <a:pt x="11579" y="14462"/>
                  </a:cubicBezTo>
                  <a:cubicBezTo>
                    <a:pt x="11303" y="14587"/>
                    <a:pt x="10677" y="14762"/>
                    <a:pt x="10451" y="14863"/>
                  </a:cubicBezTo>
                  <a:cubicBezTo>
                    <a:pt x="10176" y="15038"/>
                    <a:pt x="9674" y="15364"/>
                    <a:pt x="9449" y="15589"/>
                  </a:cubicBezTo>
                  <a:cubicBezTo>
                    <a:pt x="9273" y="15715"/>
                    <a:pt x="9048" y="15990"/>
                    <a:pt x="8922" y="16116"/>
                  </a:cubicBezTo>
                  <a:cubicBezTo>
                    <a:pt x="8872" y="16216"/>
                    <a:pt x="8747" y="16391"/>
                    <a:pt x="8697" y="16441"/>
                  </a:cubicBezTo>
                  <a:cubicBezTo>
                    <a:pt x="8697" y="16567"/>
                    <a:pt x="8697" y="16792"/>
                    <a:pt x="8647" y="16842"/>
                  </a:cubicBezTo>
                  <a:cubicBezTo>
                    <a:pt x="8647" y="16893"/>
                    <a:pt x="8521" y="17068"/>
                    <a:pt x="8521" y="17118"/>
                  </a:cubicBezTo>
                  <a:lnTo>
                    <a:pt x="8521" y="17344"/>
                  </a:lnTo>
                  <a:cubicBezTo>
                    <a:pt x="8471" y="17394"/>
                    <a:pt x="8421" y="17519"/>
                    <a:pt x="8421" y="17569"/>
                  </a:cubicBezTo>
                  <a:cubicBezTo>
                    <a:pt x="8471" y="17695"/>
                    <a:pt x="8647" y="17845"/>
                    <a:pt x="8647" y="17970"/>
                  </a:cubicBezTo>
                  <a:cubicBezTo>
                    <a:pt x="8697" y="18146"/>
                    <a:pt x="8647" y="18522"/>
                    <a:pt x="8697" y="18697"/>
                  </a:cubicBezTo>
                  <a:cubicBezTo>
                    <a:pt x="8697" y="18822"/>
                    <a:pt x="8822" y="19048"/>
                    <a:pt x="8822" y="19148"/>
                  </a:cubicBezTo>
                  <a:cubicBezTo>
                    <a:pt x="8872" y="19324"/>
                    <a:pt x="8922" y="19549"/>
                    <a:pt x="8922" y="19650"/>
                  </a:cubicBezTo>
                  <a:cubicBezTo>
                    <a:pt x="8922" y="19725"/>
                    <a:pt x="8973" y="19875"/>
                    <a:pt x="8973" y="19950"/>
                  </a:cubicBezTo>
                  <a:cubicBezTo>
                    <a:pt x="8973" y="20101"/>
                    <a:pt x="9098" y="20326"/>
                    <a:pt x="9098" y="20452"/>
                  </a:cubicBezTo>
                  <a:cubicBezTo>
                    <a:pt x="9148" y="20552"/>
                    <a:pt x="9148" y="20727"/>
                    <a:pt x="9098" y="20853"/>
                  </a:cubicBezTo>
                  <a:cubicBezTo>
                    <a:pt x="9098" y="20953"/>
                    <a:pt x="8922" y="21128"/>
                    <a:pt x="8822" y="21228"/>
                  </a:cubicBezTo>
                  <a:cubicBezTo>
                    <a:pt x="8697" y="21354"/>
                    <a:pt x="8471" y="21529"/>
                    <a:pt x="8421" y="21579"/>
                  </a:cubicBezTo>
                  <a:cubicBezTo>
                    <a:pt x="8296" y="21680"/>
                    <a:pt x="8146" y="21905"/>
                    <a:pt x="8020" y="22030"/>
                  </a:cubicBezTo>
                  <a:cubicBezTo>
                    <a:pt x="7920" y="22131"/>
                    <a:pt x="7619" y="22256"/>
                    <a:pt x="7469" y="22306"/>
                  </a:cubicBezTo>
                  <a:cubicBezTo>
                    <a:pt x="7344" y="22356"/>
                    <a:pt x="7118" y="22356"/>
                    <a:pt x="7068" y="22406"/>
                  </a:cubicBezTo>
                  <a:cubicBezTo>
                    <a:pt x="6943" y="22482"/>
                    <a:pt x="6792" y="22707"/>
                    <a:pt x="6717" y="22757"/>
                  </a:cubicBezTo>
                  <a:cubicBezTo>
                    <a:pt x="6491" y="23033"/>
                    <a:pt x="6216" y="23609"/>
                    <a:pt x="6040" y="23885"/>
                  </a:cubicBezTo>
                  <a:cubicBezTo>
                    <a:pt x="5890" y="24111"/>
                    <a:pt x="5439" y="24437"/>
                    <a:pt x="5364" y="24737"/>
                  </a:cubicBezTo>
                  <a:cubicBezTo>
                    <a:pt x="5263" y="25013"/>
                    <a:pt x="5489" y="25564"/>
                    <a:pt x="5439" y="25865"/>
                  </a:cubicBezTo>
                  <a:cubicBezTo>
                    <a:pt x="5439" y="26015"/>
                    <a:pt x="5263" y="26416"/>
                    <a:pt x="5213" y="26592"/>
                  </a:cubicBezTo>
                  <a:cubicBezTo>
                    <a:pt x="5088" y="26767"/>
                    <a:pt x="4988" y="27093"/>
                    <a:pt x="4862" y="27218"/>
                  </a:cubicBezTo>
                  <a:cubicBezTo>
                    <a:pt x="4762" y="27319"/>
                    <a:pt x="4411" y="27544"/>
                    <a:pt x="4236" y="27544"/>
                  </a:cubicBezTo>
                  <a:cubicBezTo>
                    <a:pt x="4085" y="27594"/>
                    <a:pt x="3684" y="27444"/>
                    <a:pt x="3459" y="27444"/>
                  </a:cubicBezTo>
                  <a:cubicBezTo>
                    <a:pt x="3333" y="27444"/>
                    <a:pt x="3008" y="27494"/>
                    <a:pt x="2882" y="27544"/>
                  </a:cubicBezTo>
                  <a:cubicBezTo>
                    <a:pt x="2657" y="27594"/>
                    <a:pt x="2281" y="27820"/>
                    <a:pt x="2055" y="27820"/>
                  </a:cubicBezTo>
                  <a:cubicBezTo>
                    <a:pt x="1930" y="27820"/>
                    <a:pt x="1704" y="27670"/>
                    <a:pt x="1604" y="27670"/>
                  </a:cubicBezTo>
                  <a:cubicBezTo>
                    <a:pt x="1429" y="27544"/>
                    <a:pt x="1078" y="27369"/>
                    <a:pt x="978" y="27269"/>
                  </a:cubicBezTo>
                  <a:cubicBezTo>
                    <a:pt x="852" y="27143"/>
                    <a:pt x="627" y="26868"/>
                    <a:pt x="577" y="26692"/>
                  </a:cubicBezTo>
                  <a:lnTo>
                    <a:pt x="577" y="26141"/>
                  </a:lnTo>
                  <a:cubicBezTo>
                    <a:pt x="526" y="25965"/>
                    <a:pt x="526" y="25640"/>
                    <a:pt x="526" y="25514"/>
                  </a:cubicBezTo>
                  <a:cubicBezTo>
                    <a:pt x="526" y="25339"/>
                    <a:pt x="577" y="25063"/>
                    <a:pt x="577" y="24888"/>
                  </a:cubicBezTo>
                  <a:cubicBezTo>
                    <a:pt x="577" y="24737"/>
                    <a:pt x="401" y="24437"/>
                    <a:pt x="351" y="24336"/>
                  </a:cubicBezTo>
                  <a:lnTo>
                    <a:pt x="351" y="24061"/>
                  </a:lnTo>
                  <a:cubicBezTo>
                    <a:pt x="401" y="23985"/>
                    <a:pt x="577" y="23985"/>
                    <a:pt x="627" y="23935"/>
                  </a:cubicBezTo>
                  <a:cubicBezTo>
                    <a:pt x="752" y="23885"/>
                    <a:pt x="852" y="23609"/>
                    <a:pt x="927" y="23534"/>
                  </a:cubicBezTo>
                  <a:cubicBezTo>
                    <a:pt x="1028" y="23484"/>
                    <a:pt x="1303" y="23534"/>
                    <a:pt x="1429" y="23484"/>
                  </a:cubicBezTo>
                  <a:cubicBezTo>
                    <a:pt x="1604" y="23434"/>
                    <a:pt x="1830" y="23208"/>
                    <a:pt x="1880" y="23083"/>
                  </a:cubicBezTo>
                  <a:cubicBezTo>
                    <a:pt x="1980" y="22933"/>
                    <a:pt x="1980" y="22482"/>
                    <a:pt x="2055" y="22306"/>
                  </a:cubicBezTo>
                  <a:cubicBezTo>
                    <a:pt x="2055" y="22181"/>
                    <a:pt x="2156" y="22030"/>
                    <a:pt x="2206" y="21905"/>
                  </a:cubicBezTo>
                  <a:cubicBezTo>
                    <a:pt x="2281" y="21730"/>
                    <a:pt x="2506" y="21454"/>
                    <a:pt x="2506" y="21304"/>
                  </a:cubicBezTo>
                  <a:cubicBezTo>
                    <a:pt x="2506" y="21228"/>
                    <a:pt x="2381" y="21078"/>
                    <a:pt x="2381" y="21003"/>
                  </a:cubicBezTo>
                  <a:cubicBezTo>
                    <a:pt x="2381" y="20853"/>
                    <a:pt x="2657" y="20627"/>
                    <a:pt x="2657" y="20452"/>
                  </a:cubicBezTo>
                  <a:cubicBezTo>
                    <a:pt x="2732" y="20276"/>
                    <a:pt x="2732" y="19950"/>
                    <a:pt x="2607" y="19825"/>
                  </a:cubicBezTo>
                  <a:cubicBezTo>
                    <a:pt x="2557" y="19650"/>
                    <a:pt x="2206" y="19599"/>
                    <a:pt x="2105" y="19499"/>
                  </a:cubicBezTo>
                  <a:cubicBezTo>
                    <a:pt x="2055" y="19424"/>
                    <a:pt x="1980" y="19274"/>
                    <a:pt x="1880" y="19274"/>
                  </a:cubicBezTo>
                  <a:cubicBezTo>
                    <a:pt x="1830" y="19198"/>
                    <a:pt x="1654" y="19198"/>
                    <a:pt x="1604" y="19148"/>
                  </a:cubicBezTo>
                  <a:cubicBezTo>
                    <a:pt x="1529" y="19048"/>
                    <a:pt x="1704" y="18747"/>
                    <a:pt x="1830" y="18647"/>
                  </a:cubicBezTo>
                  <a:cubicBezTo>
                    <a:pt x="1880" y="18472"/>
                    <a:pt x="2156" y="18246"/>
                    <a:pt x="2281" y="18196"/>
                  </a:cubicBezTo>
                  <a:cubicBezTo>
                    <a:pt x="2331" y="18146"/>
                    <a:pt x="2506" y="18146"/>
                    <a:pt x="2557" y="18071"/>
                  </a:cubicBezTo>
                  <a:cubicBezTo>
                    <a:pt x="2657" y="18020"/>
                    <a:pt x="2782" y="17745"/>
                    <a:pt x="2882" y="17695"/>
                  </a:cubicBezTo>
                  <a:cubicBezTo>
                    <a:pt x="3008" y="17619"/>
                    <a:pt x="3233" y="17519"/>
                    <a:pt x="3333" y="17519"/>
                  </a:cubicBezTo>
                  <a:cubicBezTo>
                    <a:pt x="3459" y="17469"/>
                    <a:pt x="3684" y="17394"/>
                    <a:pt x="3785" y="17394"/>
                  </a:cubicBezTo>
                  <a:cubicBezTo>
                    <a:pt x="3910" y="17394"/>
                    <a:pt x="4186" y="17519"/>
                    <a:pt x="4311" y="17519"/>
                  </a:cubicBezTo>
                  <a:cubicBezTo>
                    <a:pt x="4411" y="17519"/>
                    <a:pt x="4587" y="17394"/>
                    <a:pt x="4637" y="17344"/>
                  </a:cubicBezTo>
                  <a:cubicBezTo>
                    <a:pt x="4762" y="17243"/>
                    <a:pt x="4988" y="17018"/>
                    <a:pt x="5038" y="16842"/>
                  </a:cubicBezTo>
                  <a:cubicBezTo>
                    <a:pt x="5138" y="16667"/>
                    <a:pt x="5263" y="16266"/>
                    <a:pt x="5263" y="16040"/>
                  </a:cubicBezTo>
                  <a:cubicBezTo>
                    <a:pt x="5263" y="15815"/>
                    <a:pt x="5313" y="15439"/>
                    <a:pt x="5263" y="15213"/>
                  </a:cubicBezTo>
                  <a:cubicBezTo>
                    <a:pt x="5213" y="15138"/>
                    <a:pt x="5088" y="14913"/>
                    <a:pt x="4988" y="14863"/>
                  </a:cubicBezTo>
                  <a:cubicBezTo>
                    <a:pt x="4912" y="14812"/>
                    <a:pt x="4762" y="14812"/>
                    <a:pt x="4687" y="14762"/>
                  </a:cubicBezTo>
                  <a:cubicBezTo>
                    <a:pt x="4587" y="14637"/>
                    <a:pt x="4536" y="14361"/>
                    <a:pt x="4411" y="14236"/>
                  </a:cubicBezTo>
                  <a:cubicBezTo>
                    <a:pt x="4361" y="14136"/>
                    <a:pt x="4186" y="14086"/>
                    <a:pt x="4085" y="13960"/>
                  </a:cubicBezTo>
                  <a:cubicBezTo>
                    <a:pt x="4010" y="13910"/>
                    <a:pt x="3910" y="13685"/>
                    <a:pt x="3860" y="13584"/>
                  </a:cubicBezTo>
                  <a:cubicBezTo>
                    <a:pt x="3785" y="13459"/>
                    <a:pt x="3785" y="13284"/>
                    <a:pt x="3785" y="13183"/>
                  </a:cubicBezTo>
                  <a:cubicBezTo>
                    <a:pt x="3734" y="13058"/>
                    <a:pt x="3634" y="12908"/>
                    <a:pt x="3634" y="12782"/>
                  </a:cubicBezTo>
                  <a:cubicBezTo>
                    <a:pt x="3559" y="12607"/>
                    <a:pt x="3634" y="12281"/>
                    <a:pt x="3559" y="12055"/>
                  </a:cubicBezTo>
                  <a:cubicBezTo>
                    <a:pt x="3559" y="11880"/>
                    <a:pt x="3409" y="11479"/>
                    <a:pt x="3409" y="11329"/>
                  </a:cubicBezTo>
                  <a:cubicBezTo>
                    <a:pt x="3333" y="11103"/>
                    <a:pt x="3333" y="10752"/>
                    <a:pt x="3283" y="10577"/>
                  </a:cubicBezTo>
                  <a:cubicBezTo>
                    <a:pt x="3233" y="10426"/>
                    <a:pt x="3058" y="10126"/>
                    <a:pt x="3008" y="9975"/>
                  </a:cubicBezTo>
                  <a:cubicBezTo>
                    <a:pt x="2958" y="9800"/>
                    <a:pt x="2958" y="9399"/>
                    <a:pt x="2832" y="9223"/>
                  </a:cubicBezTo>
                  <a:cubicBezTo>
                    <a:pt x="2732" y="9073"/>
                    <a:pt x="2331" y="8847"/>
                    <a:pt x="2206" y="8672"/>
                  </a:cubicBezTo>
                  <a:cubicBezTo>
                    <a:pt x="2156" y="8547"/>
                    <a:pt x="2156" y="8271"/>
                    <a:pt x="2055" y="8171"/>
                  </a:cubicBezTo>
                  <a:cubicBezTo>
                    <a:pt x="1980" y="7995"/>
                    <a:pt x="1704" y="7820"/>
                    <a:pt x="1604" y="7770"/>
                  </a:cubicBezTo>
                  <a:cubicBezTo>
                    <a:pt x="1479" y="7720"/>
                    <a:pt x="1303" y="7644"/>
                    <a:pt x="1303" y="7594"/>
                  </a:cubicBezTo>
                  <a:cubicBezTo>
                    <a:pt x="1203" y="7494"/>
                    <a:pt x="1203" y="7193"/>
                    <a:pt x="1153" y="7093"/>
                  </a:cubicBezTo>
                  <a:cubicBezTo>
                    <a:pt x="1028" y="6867"/>
                    <a:pt x="927" y="6466"/>
                    <a:pt x="802" y="6291"/>
                  </a:cubicBezTo>
                  <a:cubicBezTo>
                    <a:pt x="752" y="6191"/>
                    <a:pt x="526" y="5965"/>
                    <a:pt x="451" y="5840"/>
                  </a:cubicBezTo>
                  <a:cubicBezTo>
                    <a:pt x="451" y="5690"/>
                    <a:pt x="526" y="5414"/>
                    <a:pt x="451" y="5289"/>
                  </a:cubicBezTo>
                  <a:cubicBezTo>
                    <a:pt x="451" y="5238"/>
                    <a:pt x="351" y="5113"/>
                    <a:pt x="351" y="5063"/>
                  </a:cubicBezTo>
                  <a:lnTo>
                    <a:pt x="351" y="4837"/>
                  </a:lnTo>
                  <a:cubicBezTo>
                    <a:pt x="301" y="4837"/>
                    <a:pt x="226" y="4737"/>
                    <a:pt x="176" y="4662"/>
                  </a:cubicBezTo>
                  <a:cubicBezTo>
                    <a:pt x="176" y="4662"/>
                    <a:pt x="176" y="4562"/>
                    <a:pt x="125" y="4512"/>
                  </a:cubicBezTo>
                  <a:cubicBezTo>
                    <a:pt x="125" y="4436"/>
                    <a:pt x="0" y="4286"/>
                    <a:pt x="0" y="4211"/>
                  </a:cubicBezTo>
                  <a:cubicBezTo>
                    <a:pt x="0" y="4111"/>
                    <a:pt x="125" y="3985"/>
                    <a:pt x="125" y="3885"/>
                  </a:cubicBezTo>
                  <a:cubicBezTo>
                    <a:pt x="125" y="3760"/>
                    <a:pt x="75" y="3534"/>
                    <a:pt x="0" y="3434"/>
                  </a:cubicBezTo>
                  <a:cubicBezTo>
                    <a:pt x="75" y="3309"/>
                    <a:pt x="226" y="3258"/>
                    <a:pt x="301" y="3208"/>
                  </a:cubicBezTo>
                  <a:cubicBezTo>
                    <a:pt x="351" y="3208"/>
                    <a:pt x="526" y="3208"/>
                    <a:pt x="577" y="3158"/>
                  </a:cubicBezTo>
                  <a:lnTo>
                    <a:pt x="577" y="2807"/>
                  </a:lnTo>
                  <a:cubicBezTo>
                    <a:pt x="577" y="2757"/>
                    <a:pt x="401" y="2632"/>
                    <a:pt x="401" y="2532"/>
                  </a:cubicBezTo>
                  <a:cubicBezTo>
                    <a:pt x="401" y="2482"/>
                    <a:pt x="577" y="2306"/>
                    <a:pt x="677" y="2256"/>
                  </a:cubicBezTo>
                  <a:cubicBezTo>
                    <a:pt x="802" y="2181"/>
                    <a:pt x="1028" y="2131"/>
                    <a:pt x="1153" y="2181"/>
                  </a:cubicBezTo>
                  <a:cubicBezTo>
                    <a:pt x="1203" y="2181"/>
                    <a:pt x="1303" y="2306"/>
                    <a:pt x="1379" y="2306"/>
                  </a:cubicBezTo>
                  <a:cubicBezTo>
                    <a:pt x="1429" y="2306"/>
                    <a:pt x="1654" y="2306"/>
                    <a:pt x="1755" y="2256"/>
                  </a:cubicBezTo>
                  <a:cubicBezTo>
                    <a:pt x="1830" y="2256"/>
                    <a:pt x="1880" y="2080"/>
                    <a:pt x="1930" y="2080"/>
                  </a:cubicBezTo>
                  <a:cubicBezTo>
                    <a:pt x="1980" y="2030"/>
                    <a:pt x="2156" y="1905"/>
                    <a:pt x="2281" y="1905"/>
                  </a:cubicBezTo>
                  <a:cubicBezTo>
                    <a:pt x="2331" y="1855"/>
                    <a:pt x="2557" y="1855"/>
                    <a:pt x="2607" y="1905"/>
                  </a:cubicBezTo>
                  <a:cubicBezTo>
                    <a:pt x="2657" y="1955"/>
                    <a:pt x="2657" y="2131"/>
                    <a:pt x="2657" y="2181"/>
                  </a:cubicBezTo>
                  <a:cubicBezTo>
                    <a:pt x="2732" y="2306"/>
                    <a:pt x="2832" y="2482"/>
                    <a:pt x="2832" y="2532"/>
                  </a:cubicBezTo>
                  <a:cubicBezTo>
                    <a:pt x="2832" y="2632"/>
                    <a:pt x="2732" y="2857"/>
                    <a:pt x="2732" y="2933"/>
                  </a:cubicBezTo>
                  <a:cubicBezTo>
                    <a:pt x="2782" y="3033"/>
                    <a:pt x="2958" y="3208"/>
                    <a:pt x="3058" y="3208"/>
                  </a:cubicBezTo>
                  <a:cubicBezTo>
                    <a:pt x="3183" y="3258"/>
                    <a:pt x="3459" y="3258"/>
                    <a:pt x="3509" y="3208"/>
                  </a:cubicBezTo>
                  <a:cubicBezTo>
                    <a:pt x="3634" y="3158"/>
                    <a:pt x="3634" y="2933"/>
                    <a:pt x="3684" y="2857"/>
                  </a:cubicBezTo>
                  <a:cubicBezTo>
                    <a:pt x="3734" y="2807"/>
                    <a:pt x="3910" y="2807"/>
                    <a:pt x="4010" y="2807"/>
                  </a:cubicBezTo>
                  <a:cubicBezTo>
                    <a:pt x="4135" y="2757"/>
                    <a:pt x="4411" y="2582"/>
                    <a:pt x="4587" y="2582"/>
                  </a:cubicBezTo>
                  <a:cubicBezTo>
                    <a:pt x="4687" y="2582"/>
                    <a:pt x="4912" y="2582"/>
                    <a:pt x="4988" y="2632"/>
                  </a:cubicBezTo>
                  <a:cubicBezTo>
                    <a:pt x="5088" y="2707"/>
                    <a:pt x="5213" y="2933"/>
                    <a:pt x="5313" y="2983"/>
                  </a:cubicBezTo>
                  <a:cubicBezTo>
                    <a:pt x="5439" y="3033"/>
                    <a:pt x="5589" y="3033"/>
                    <a:pt x="5714" y="2983"/>
                  </a:cubicBezTo>
                  <a:cubicBezTo>
                    <a:pt x="5765" y="2933"/>
                    <a:pt x="5940" y="2707"/>
                    <a:pt x="5890" y="2532"/>
                  </a:cubicBezTo>
                  <a:cubicBezTo>
                    <a:pt x="5890" y="2482"/>
                    <a:pt x="5714" y="2356"/>
                    <a:pt x="5714" y="2256"/>
                  </a:cubicBezTo>
                  <a:cubicBezTo>
                    <a:pt x="5664" y="2131"/>
                    <a:pt x="5664" y="1955"/>
                    <a:pt x="5714" y="1855"/>
                  </a:cubicBezTo>
                  <a:cubicBezTo>
                    <a:pt x="5714" y="1730"/>
                    <a:pt x="5815" y="1504"/>
                    <a:pt x="5940" y="1454"/>
                  </a:cubicBezTo>
                  <a:cubicBezTo>
                    <a:pt x="5940" y="1404"/>
                    <a:pt x="6115" y="1354"/>
                    <a:pt x="6166" y="1278"/>
                  </a:cubicBezTo>
                  <a:cubicBezTo>
                    <a:pt x="6166" y="1178"/>
                    <a:pt x="6166" y="953"/>
                    <a:pt x="6216" y="903"/>
                  </a:cubicBezTo>
                  <a:cubicBezTo>
                    <a:pt x="6216" y="827"/>
                    <a:pt x="6341" y="727"/>
                    <a:pt x="6341" y="677"/>
                  </a:cubicBezTo>
                  <a:cubicBezTo>
                    <a:pt x="6391" y="602"/>
                    <a:pt x="6441" y="376"/>
                    <a:pt x="6491" y="326"/>
                  </a:cubicBezTo>
                  <a:cubicBezTo>
                    <a:pt x="6567" y="276"/>
                    <a:pt x="6717" y="101"/>
                    <a:pt x="6842" y="101"/>
                  </a:cubicBezTo>
                  <a:cubicBezTo>
                    <a:pt x="6892" y="50"/>
                    <a:pt x="7118" y="101"/>
                    <a:pt x="7243" y="101"/>
                  </a:cubicBezTo>
                  <a:cubicBezTo>
                    <a:pt x="7293" y="101"/>
                    <a:pt x="7519" y="0"/>
                    <a:pt x="7569" y="0"/>
                  </a:cubicBezTo>
                  <a:cubicBezTo>
                    <a:pt x="7694" y="0"/>
                    <a:pt x="7795" y="50"/>
                    <a:pt x="7920" y="101"/>
                  </a:cubicBezTo>
                  <a:cubicBezTo>
                    <a:pt x="7920" y="151"/>
                    <a:pt x="7845" y="226"/>
                    <a:pt x="7845" y="276"/>
                  </a:cubicBezTo>
                  <a:cubicBezTo>
                    <a:pt x="7795" y="326"/>
                    <a:pt x="7619" y="502"/>
                    <a:pt x="7619" y="552"/>
                  </a:cubicBezTo>
                  <a:cubicBezTo>
                    <a:pt x="7569" y="727"/>
                    <a:pt x="7619" y="1003"/>
                    <a:pt x="7619" y="1128"/>
                  </a:cubicBezTo>
                  <a:cubicBezTo>
                    <a:pt x="7694" y="1228"/>
                    <a:pt x="7795" y="1354"/>
                    <a:pt x="7795" y="1454"/>
                  </a:cubicBezTo>
                  <a:cubicBezTo>
                    <a:pt x="7845" y="1504"/>
                    <a:pt x="7845" y="1679"/>
                    <a:pt x="7845" y="1730"/>
                  </a:cubicBezTo>
                  <a:cubicBezTo>
                    <a:pt x="7920" y="1805"/>
                    <a:pt x="8020" y="1855"/>
                    <a:pt x="8020" y="1905"/>
                  </a:cubicBezTo>
                  <a:cubicBezTo>
                    <a:pt x="8020" y="2030"/>
                    <a:pt x="7845" y="2131"/>
                    <a:pt x="7795" y="2181"/>
                  </a:cubicBezTo>
                  <a:cubicBezTo>
                    <a:pt x="7745" y="2306"/>
                    <a:pt x="7745" y="2632"/>
                    <a:pt x="7694" y="2757"/>
                  </a:cubicBezTo>
                  <a:cubicBezTo>
                    <a:pt x="7619" y="2857"/>
                    <a:pt x="7469" y="3083"/>
                    <a:pt x="7394" y="3208"/>
                  </a:cubicBezTo>
                  <a:cubicBezTo>
                    <a:pt x="7293" y="3309"/>
                    <a:pt x="7018" y="3484"/>
                    <a:pt x="6943" y="3659"/>
                  </a:cubicBezTo>
                  <a:cubicBezTo>
                    <a:pt x="6892" y="3835"/>
                    <a:pt x="6892" y="4211"/>
                    <a:pt x="6892" y="4386"/>
                  </a:cubicBezTo>
                  <a:cubicBezTo>
                    <a:pt x="6943" y="4612"/>
                    <a:pt x="7344" y="4837"/>
                    <a:pt x="7394" y="5013"/>
                  </a:cubicBezTo>
                  <a:cubicBezTo>
                    <a:pt x="7394" y="5188"/>
                    <a:pt x="7344" y="5464"/>
                    <a:pt x="7394" y="5564"/>
                  </a:cubicBezTo>
                  <a:cubicBezTo>
                    <a:pt x="7469" y="5614"/>
                    <a:pt x="7619" y="5690"/>
                    <a:pt x="7694" y="5740"/>
                  </a:cubicBezTo>
                  <a:cubicBezTo>
                    <a:pt x="7845" y="5840"/>
                    <a:pt x="8070" y="6141"/>
                    <a:pt x="8246" y="6191"/>
                  </a:cubicBezTo>
                  <a:cubicBezTo>
                    <a:pt x="8421" y="6191"/>
                    <a:pt x="8747" y="6191"/>
                    <a:pt x="8872" y="6141"/>
                  </a:cubicBezTo>
                  <a:cubicBezTo>
                    <a:pt x="8973" y="6141"/>
                    <a:pt x="9098" y="6065"/>
                    <a:pt x="9148" y="6015"/>
                  </a:cubicBezTo>
                  <a:cubicBezTo>
                    <a:pt x="9198" y="6015"/>
                    <a:pt x="9323" y="6065"/>
                    <a:pt x="9374" y="6065"/>
                  </a:cubicBezTo>
                  <a:cubicBezTo>
                    <a:pt x="9499" y="6065"/>
                    <a:pt x="9674" y="6015"/>
                    <a:pt x="9775" y="6015"/>
                  </a:cubicBezTo>
                  <a:cubicBezTo>
                    <a:pt x="9900" y="6015"/>
                    <a:pt x="10125" y="6191"/>
                    <a:pt x="10226" y="6241"/>
                  </a:cubicBezTo>
                  <a:cubicBezTo>
                    <a:pt x="10401" y="6366"/>
                    <a:pt x="10577" y="6692"/>
                    <a:pt x="10677" y="6817"/>
                  </a:cubicBezTo>
                  <a:cubicBezTo>
                    <a:pt x="10852" y="6918"/>
                    <a:pt x="11178" y="7093"/>
                    <a:pt x="11354" y="7143"/>
                  </a:cubicBezTo>
                  <a:cubicBezTo>
                    <a:pt x="11479" y="7193"/>
                    <a:pt x="11704" y="7268"/>
                    <a:pt x="11805" y="7319"/>
                  </a:cubicBezTo>
                  <a:cubicBezTo>
                    <a:pt x="11855" y="7369"/>
                    <a:pt x="11980" y="7419"/>
                    <a:pt x="11980" y="7494"/>
                  </a:cubicBezTo>
                  <a:lnTo>
                    <a:pt x="12256" y="7494"/>
                  </a:lnTo>
                  <a:cubicBezTo>
                    <a:pt x="12306" y="7544"/>
                    <a:pt x="12481" y="7720"/>
                    <a:pt x="12532" y="7770"/>
                  </a:cubicBezTo>
                  <a:cubicBezTo>
                    <a:pt x="12607" y="7870"/>
                    <a:pt x="12707" y="8096"/>
                    <a:pt x="12832" y="8171"/>
                  </a:cubicBezTo>
                  <a:cubicBezTo>
                    <a:pt x="12882" y="8221"/>
                    <a:pt x="13108" y="8321"/>
                    <a:pt x="13208" y="8396"/>
                  </a:cubicBezTo>
                  <a:cubicBezTo>
                    <a:pt x="13283" y="8396"/>
                    <a:pt x="13384" y="8396"/>
                    <a:pt x="13434" y="8446"/>
                  </a:cubicBezTo>
                  <a:lnTo>
                    <a:pt x="13609" y="8446"/>
                  </a:lnTo>
                  <a:cubicBezTo>
                    <a:pt x="13659" y="8497"/>
                    <a:pt x="13609" y="8622"/>
                    <a:pt x="13559" y="8672"/>
                  </a:cubicBezTo>
                  <a:cubicBezTo>
                    <a:pt x="13559" y="8772"/>
                    <a:pt x="13434" y="8998"/>
                    <a:pt x="13384" y="9123"/>
                  </a:cubicBezTo>
                  <a:cubicBezTo>
                    <a:pt x="13384" y="9223"/>
                    <a:pt x="13334" y="9449"/>
                    <a:pt x="13334" y="9574"/>
                  </a:cubicBezTo>
                  <a:cubicBezTo>
                    <a:pt x="13334" y="9750"/>
                    <a:pt x="13334" y="10025"/>
                    <a:pt x="13384" y="10126"/>
                  </a:cubicBezTo>
                  <a:cubicBezTo>
                    <a:pt x="13434" y="10251"/>
                    <a:pt x="13559" y="10477"/>
                    <a:pt x="13609" y="10527"/>
                  </a:cubicBezTo>
                  <a:cubicBezTo>
                    <a:pt x="13659" y="10577"/>
                    <a:pt x="13785" y="10577"/>
                    <a:pt x="13835" y="10652"/>
                  </a:cubicBezTo>
                  <a:cubicBezTo>
                    <a:pt x="13885" y="10752"/>
                    <a:pt x="13835" y="10928"/>
                    <a:pt x="13785" y="11028"/>
                  </a:cubicBezTo>
                  <a:cubicBezTo>
                    <a:pt x="13785" y="11103"/>
                    <a:pt x="13659" y="11253"/>
                    <a:pt x="13659" y="11379"/>
                  </a:cubicBezTo>
                  <a:cubicBezTo>
                    <a:pt x="13609" y="11429"/>
                    <a:pt x="13609" y="11554"/>
                    <a:pt x="13609" y="11654"/>
                  </a:cubicBezTo>
                  <a:cubicBezTo>
                    <a:pt x="13609" y="11705"/>
                    <a:pt x="13559" y="11930"/>
                    <a:pt x="13609" y="12055"/>
                  </a:cubicBezTo>
                  <a:cubicBezTo>
                    <a:pt x="13659" y="12156"/>
                    <a:pt x="13885" y="12231"/>
                    <a:pt x="13885" y="12331"/>
                  </a:cubicBezTo>
                  <a:cubicBezTo>
                    <a:pt x="13960" y="12381"/>
                    <a:pt x="13885" y="12557"/>
                    <a:pt x="13960" y="12682"/>
                  </a:cubicBezTo>
                  <a:cubicBezTo>
                    <a:pt x="14010" y="12732"/>
                    <a:pt x="14186" y="12782"/>
                    <a:pt x="14236" y="12832"/>
                  </a:cubicBezTo>
                  <a:cubicBezTo>
                    <a:pt x="14286" y="12832"/>
                    <a:pt x="14336" y="12958"/>
                    <a:pt x="14336" y="12958"/>
                  </a:cubicBezTo>
                  <a:cubicBezTo>
                    <a:pt x="14411" y="12958"/>
                    <a:pt x="14461" y="12782"/>
                    <a:pt x="14511" y="12782"/>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58" name="Google Shape;315;p16">
              <a:extLst>
                <a:ext uri="{FF2B5EF4-FFF2-40B4-BE49-F238E27FC236}">
                  <a16:creationId xmlns:a16="http://schemas.microsoft.com/office/drawing/2014/main" id="{FF5A917A-9BBB-2D55-0E29-600BCEAD5C76}"/>
                </a:ext>
              </a:extLst>
            </p:cNvPr>
            <p:cNvSpPr/>
            <p:nvPr/>
          </p:nvSpPr>
          <p:spPr>
            <a:xfrm>
              <a:off x="3473774" y="3030779"/>
              <a:ext cx="406453" cy="428809"/>
            </a:xfrm>
            <a:custGeom>
              <a:avLst/>
              <a:gdLst/>
              <a:ahLst/>
              <a:cxnLst/>
              <a:rect l="l" t="t" r="r" b="b"/>
              <a:pathLst>
                <a:path w="14563" h="15364" extrusionOk="0">
                  <a:moveTo>
                    <a:pt x="14337" y="7820"/>
                  </a:moveTo>
                  <a:cubicBezTo>
                    <a:pt x="14412" y="7870"/>
                    <a:pt x="14512" y="7995"/>
                    <a:pt x="14562" y="8096"/>
                  </a:cubicBezTo>
                  <a:cubicBezTo>
                    <a:pt x="14462" y="8321"/>
                    <a:pt x="14286" y="8597"/>
                    <a:pt x="14236" y="8722"/>
                  </a:cubicBezTo>
                  <a:cubicBezTo>
                    <a:pt x="14186" y="8822"/>
                    <a:pt x="14061" y="9048"/>
                    <a:pt x="14011" y="9123"/>
                  </a:cubicBezTo>
                  <a:cubicBezTo>
                    <a:pt x="13961" y="9173"/>
                    <a:pt x="13785" y="9274"/>
                    <a:pt x="13735" y="9399"/>
                  </a:cubicBezTo>
                  <a:cubicBezTo>
                    <a:pt x="13660" y="9499"/>
                    <a:pt x="13660" y="9850"/>
                    <a:pt x="13610" y="9950"/>
                  </a:cubicBezTo>
                  <a:cubicBezTo>
                    <a:pt x="13560" y="10076"/>
                    <a:pt x="13384" y="10226"/>
                    <a:pt x="13384" y="10351"/>
                  </a:cubicBezTo>
                  <a:cubicBezTo>
                    <a:pt x="13334" y="10452"/>
                    <a:pt x="13434" y="10627"/>
                    <a:pt x="13384" y="10677"/>
                  </a:cubicBezTo>
                  <a:cubicBezTo>
                    <a:pt x="13384" y="10752"/>
                    <a:pt x="13334" y="10752"/>
                    <a:pt x="13334" y="10802"/>
                  </a:cubicBezTo>
                  <a:cubicBezTo>
                    <a:pt x="13259" y="10853"/>
                    <a:pt x="13159" y="11028"/>
                    <a:pt x="13159" y="11078"/>
                  </a:cubicBezTo>
                  <a:cubicBezTo>
                    <a:pt x="13033" y="11254"/>
                    <a:pt x="12933" y="11479"/>
                    <a:pt x="12808" y="11579"/>
                  </a:cubicBezTo>
                  <a:cubicBezTo>
                    <a:pt x="12758" y="11705"/>
                    <a:pt x="12582" y="11880"/>
                    <a:pt x="12532" y="11930"/>
                  </a:cubicBezTo>
                  <a:cubicBezTo>
                    <a:pt x="12532" y="11980"/>
                    <a:pt x="12532" y="11980"/>
                    <a:pt x="12482" y="12031"/>
                  </a:cubicBezTo>
                  <a:cubicBezTo>
                    <a:pt x="12357" y="11980"/>
                    <a:pt x="12256" y="11930"/>
                    <a:pt x="12131" y="11930"/>
                  </a:cubicBezTo>
                  <a:cubicBezTo>
                    <a:pt x="12081" y="11930"/>
                    <a:pt x="11855" y="12031"/>
                    <a:pt x="11805" y="12031"/>
                  </a:cubicBezTo>
                  <a:cubicBezTo>
                    <a:pt x="11680" y="12031"/>
                    <a:pt x="11454" y="11980"/>
                    <a:pt x="11404" y="12031"/>
                  </a:cubicBezTo>
                  <a:cubicBezTo>
                    <a:pt x="11304" y="12031"/>
                    <a:pt x="11129" y="12206"/>
                    <a:pt x="11078" y="12256"/>
                  </a:cubicBezTo>
                  <a:cubicBezTo>
                    <a:pt x="11003" y="12331"/>
                    <a:pt x="10953" y="12557"/>
                    <a:pt x="10903" y="12607"/>
                  </a:cubicBezTo>
                  <a:cubicBezTo>
                    <a:pt x="10903" y="12657"/>
                    <a:pt x="10778" y="12782"/>
                    <a:pt x="10778" y="12833"/>
                  </a:cubicBezTo>
                  <a:cubicBezTo>
                    <a:pt x="10728" y="12883"/>
                    <a:pt x="10728" y="13108"/>
                    <a:pt x="10728" y="13234"/>
                  </a:cubicBezTo>
                  <a:cubicBezTo>
                    <a:pt x="10677" y="13284"/>
                    <a:pt x="10502" y="13334"/>
                    <a:pt x="10502" y="13384"/>
                  </a:cubicBezTo>
                  <a:cubicBezTo>
                    <a:pt x="10402" y="13459"/>
                    <a:pt x="10276" y="13685"/>
                    <a:pt x="10276" y="13785"/>
                  </a:cubicBezTo>
                  <a:cubicBezTo>
                    <a:pt x="10226" y="13910"/>
                    <a:pt x="10226" y="14061"/>
                    <a:pt x="10276" y="14186"/>
                  </a:cubicBezTo>
                  <a:cubicBezTo>
                    <a:pt x="10276" y="14286"/>
                    <a:pt x="10452" y="14412"/>
                    <a:pt x="10452" y="14462"/>
                  </a:cubicBezTo>
                  <a:cubicBezTo>
                    <a:pt x="10502" y="14637"/>
                    <a:pt x="10327" y="14863"/>
                    <a:pt x="10276" y="14913"/>
                  </a:cubicBezTo>
                  <a:cubicBezTo>
                    <a:pt x="10176" y="14963"/>
                    <a:pt x="10001" y="14963"/>
                    <a:pt x="9875" y="14913"/>
                  </a:cubicBezTo>
                  <a:cubicBezTo>
                    <a:pt x="9775" y="14863"/>
                    <a:pt x="9650" y="14637"/>
                    <a:pt x="9550" y="14562"/>
                  </a:cubicBezTo>
                  <a:cubicBezTo>
                    <a:pt x="9499" y="14512"/>
                    <a:pt x="9274" y="14512"/>
                    <a:pt x="9149" y="14512"/>
                  </a:cubicBezTo>
                  <a:cubicBezTo>
                    <a:pt x="8973" y="14512"/>
                    <a:pt x="8697" y="14687"/>
                    <a:pt x="8597" y="14737"/>
                  </a:cubicBezTo>
                  <a:cubicBezTo>
                    <a:pt x="8472" y="14737"/>
                    <a:pt x="8296" y="14737"/>
                    <a:pt x="8246" y="14787"/>
                  </a:cubicBezTo>
                  <a:cubicBezTo>
                    <a:pt x="8196" y="14863"/>
                    <a:pt x="8196" y="15088"/>
                    <a:pt x="8071" y="15138"/>
                  </a:cubicBezTo>
                  <a:cubicBezTo>
                    <a:pt x="8021" y="15188"/>
                    <a:pt x="7745" y="15188"/>
                    <a:pt x="7620" y="15138"/>
                  </a:cubicBezTo>
                  <a:cubicBezTo>
                    <a:pt x="7520" y="15138"/>
                    <a:pt x="7344" y="14963"/>
                    <a:pt x="7294" y="14863"/>
                  </a:cubicBezTo>
                  <a:cubicBezTo>
                    <a:pt x="7294" y="14787"/>
                    <a:pt x="7394" y="14562"/>
                    <a:pt x="7394" y="14462"/>
                  </a:cubicBezTo>
                  <a:cubicBezTo>
                    <a:pt x="7394" y="14412"/>
                    <a:pt x="7294" y="14236"/>
                    <a:pt x="7244" y="14111"/>
                  </a:cubicBezTo>
                  <a:cubicBezTo>
                    <a:pt x="7244" y="14061"/>
                    <a:pt x="7244" y="13910"/>
                    <a:pt x="7169" y="13835"/>
                  </a:cubicBezTo>
                  <a:cubicBezTo>
                    <a:pt x="7119" y="13785"/>
                    <a:pt x="6893" y="13785"/>
                    <a:pt x="6843" y="13835"/>
                  </a:cubicBezTo>
                  <a:cubicBezTo>
                    <a:pt x="6718" y="13835"/>
                    <a:pt x="6542" y="13960"/>
                    <a:pt x="6492" y="14010"/>
                  </a:cubicBezTo>
                  <a:cubicBezTo>
                    <a:pt x="6442" y="14010"/>
                    <a:pt x="6392" y="14186"/>
                    <a:pt x="6317" y="14186"/>
                  </a:cubicBezTo>
                  <a:cubicBezTo>
                    <a:pt x="6216" y="14236"/>
                    <a:pt x="5991" y="14236"/>
                    <a:pt x="5941" y="14236"/>
                  </a:cubicBezTo>
                  <a:cubicBezTo>
                    <a:pt x="5865" y="14236"/>
                    <a:pt x="5765" y="14111"/>
                    <a:pt x="5715" y="14111"/>
                  </a:cubicBezTo>
                  <a:cubicBezTo>
                    <a:pt x="5590" y="14061"/>
                    <a:pt x="5364" y="14111"/>
                    <a:pt x="5264" y="14186"/>
                  </a:cubicBezTo>
                  <a:cubicBezTo>
                    <a:pt x="5139" y="14236"/>
                    <a:pt x="4963" y="14412"/>
                    <a:pt x="4963" y="14462"/>
                  </a:cubicBezTo>
                  <a:cubicBezTo>
                    <a:pt x="4963" y="14562"/>
                    <a:pt x="5139" y="14687"/>
                    <a:pt x="5139" y="14737"/>
                  </a:cubicBezTo>
                  <a:lnTo>
                    <a:pt x="5139" y="15088"/>
                  </a:lnTo>
                  <a:cubicBezTo>
                    <a:pt x="5088" y="15138"/>
                    <a:pt x="4913" y="15138"/>
                    <a:pt x="4863" y="15138"/>
                  </a:cubicBezTo>
                  <a:cubicBezTo>
                    <a:pt x="4813" y="15188"/>
                    <a:pt x="4637" y="15239"/>
                    <a:pt x="4587" y="15364"/>
                  </a:cubicBezTo>
                  <a:lnTo>
                    <a:pt x="4512" y="15364"/>
                  </a:lnTo>
                  <a:cubicBezTo>
                    <a:pt x="4462" y="15239"/>
                    <a:pt x="4236" y="15088"/>
                    <a:pt x="4136" y="14963"/>
                  </a:cubicBezTo>
                  <a:cubicBezTo>
                    <a:pt x="4136" y="14863"/>
                    <a:pt x="4061" y="14687"/>
                    <a:pt x="4011" y="14562"/>
                  </a:cubicBezTo>
                  <a:cubicBezTo>
                    <a:pt x="3961" y="14512"/>
                    <a:pt x="3785" y="14412"/>
                    <a:pt x="3735" y="14286"/>
                  </a:cubicBezTo>
                  <a:cubicBezTo>
                    <a:pt x="3685" y="14186"/>
                    <a:pt x="3560" y="13960"/>
                    <a:pt x="3509" y="13835"/>
                  </a:cubicBezTo>
                  <a:cubicBezTo>
                    <a:pt x="3459" y="13785"/>
                    <a:pt x="3284" y="13735"/>
                    <a:pt x="3159" y="13685"/>
                  </a:cubicBezTo>
                  <a:cubicBezTo>
                    <a:pt x="3234" y="13609"/>
                    <a:pt x="3284" y="13509"/>
                    <a:pt x="3284" y="13459"/>
                  </a:cubicBezTo>
                  <a:cubicBezTo>
                    <a:pt x="3334" y="13384"/>
                    <a:pt x="3459" y="13284"/>
                    <a:pt x="3560" y="13234"/>
                  </a:cubicBezTo>
                  <a:cubicBezTo>
                    <a:pt x="3610" y="13158"/>
                    <a:pt x="3785" y="13108"/>
                    <a:pt x="3835" y="13058"/>
                  </a:cubicBezTo>
                  <a:cubicBezTo>
                    <a:pt x="3910" y="13008"/>
                    <a:pt x="3910" y="12782"/>
                    <a:pt x="3910" y="12707"/>
                  </a:cubicBezTo>
                  <a:cubicBezTo>
                    <a:pt x="3910" y="12607"/>
                    <a:pt x="3785" y="12432"/>
                    <a:pt x="3835" y="12331"/>
                  </a:cubicBezTo>
                  <a:cubicBezTo>
                    <a:pt x="3835" y="12206"/>
                    <a:pt x="3961" y="12031"/>
                    <a:pt x="4061" y="11980"/>
                  </a:cubicBezTo>
                  <a:cubicBezTo>
                    <a:pt x="4136" y="11930"/>
                    <a:pt x="4362" y="11880"/>
                    <a:pt x="4412" y="11805"/>
                  </a:cubicBezTo>
                  <a:cubicBezTo>
                    <a:pt x="4462" y="11755"/>
                    <a:pt x="4512" y="11529"/>
                    <a:pt x="4587" y="11479"/>
                  </a:cubicBezTo>
                  <a:cubicBezTo>
                    <a:pt x="4637" y="11429"/>
                    <a:pt x="4738" y="11354"/>
                    <a:pt x="4813" y="11304"/>
                  </a:cubicBezTo>
                  <a:cubicBezTo>
                    <a:pt x="4863" y="11203"/>
                    <a:pt x="4913" y="11028"/>
                    <a:pt x="4913" y="10903"/>
                  </a:cubicBezTo>
                  <a:cubicBezTo>
                    <a:pt x="4913" y="10802"/>
                    <a:pt x="4863" y="10627"/>
                    <a:pt x="4813" y="10527"/>
                  </a:cubicBezTo>
                  <a:cubicBezTo>
                    <a:pt x="4813" y="10452"/>
                    <a:pt x="4813" y="10226"/>
                    <a:pt x="4738" y="10226"/>
                  </a:cubicBezTo>
                  <a:cubicBezTo>
                    <a:pt x="4687" y="10176"/>
                    <a:pt x="4587" y="10226"/>
                    <a:pt x="4462" y="10226"/>
                  </a:cubicBezTo>
                  <a:cubicBezTo>
                    <a:pt x="4362" y="10226"/>
                    <a:pt x="4136" y="10301"/>
                    <a:pt x="4011" y="10226"/>
                  </a:cubicBezTo>
                  <a:cubicBezTo>
                    <a:pt x="3961" y="10226"/>
                    <a:pt x="3910" y="10076"/>
                    <a:pt x="3910" y="10026"/>
                  </a:cubicBezTo>
                  <a:cubicBezTo>
                    <a:pt x="3835" y="9950"/>
                    <a:pt x="3835" y="9725"/>
                    <a:pt x="3785" y="9675"/>
                  </a:cubicBezTo>
                  <a:cubicBezTo>
                    <a:pt x="3785" y="9574"/>
                    <a:pt x="3735" y="9274"/>
                    <a:pt x="3610" y="9224"/>
                  </a:cubicBezTo>
                  <a:cubicBezTo>
                    <a:pt x="3509" y="9123"/>
                    <a:pt x="3284" y="9048"/>
                    <a:pt x="3108" y="8998"/>
                  </a:cubicBezTo>
                  <a:cubicBezTo>
                    <a:pt x="3008" y="8998"/>
                    <a:pt x="2707" y="8998"/>
                    <a:pt x="2607" y="8948"/>
                  </a:cubicBezTo>
                  <a:cubicBezTo>
                    <a:pt x="2557" y="8948"/>
                    <a:pt x="2382" y="8822"/>
                    <a:pt x="2332" y="8772"/>
                  </a:cubicBezTo>
                  <a:cubicBezTo>
                    <a:pt x="2206" y="8722"/>
                    <a:pt x="2156" y="8547"/>
                    <a:pt x="2106" y="8447"/>
                  </a:cubicBezTo>
                  <a:cubicBezTo>
                    <a:pt x="2106" y="8321"/>
                    <a:pt x="2206" y="8096"/>
                    <a:pt x="2206" y="7995"/>
                  </a:cubicBezTo>
                  <a:cubicBezTo>
                    <a:pt x="2156" y="7820"/>
                    <a:pt x="2156" y="7544"/>
                    <a:pt x="2031" y="7369"/>
                  </a:cubicBezTo>
                  <a:cubicBezTo>
                    <a:pt x="1981" y="7319"/>
                    <a:pt x="1805" y="7193"/>
                    <a:pt x="1755" y="7193"/>
                  </a:cubicBezTo>
                  <a:cubicBezTo>
                    <a:pt x="1655" y="7143"/>
                    <a:pt x="1479" y="7193"/>
                    <a:pt x="1429" y="7143"/>
                  </a:cubicBezTo>
                  <a:cubicBezTo>
                    <a:pt x="1354" y="7093"/>
                    <a:pt x="1204" y="6968"/>
                    <a:pt x="1129" y="6868"/>
                  </a:cubicBezTo>
                  <a:cubicBezTo>
                    <a:pt x="1129" y="6792"/>
                    <a:pt x="1129" y="6692"/>
                    <a:pt x="1204" y="6642"/>
                  </a:cubicBezTo>
                  <a:cubicBezTo>
                    <a:pt x="1254" y="6567"/>
                    <a:pt x="1429" y="6517"/>
                    <a:pt x="1479" y="6467"/>
                  </a:cubicBezTo>
                  <a:cubicBezTo>
                    <a:pt x="1530" y="6416"/>
                    <a:pt x="1479" y="6241"/>
                    <a:pt x="1479" y="6141"/>
                  </a:cubicBezTo>
                  <a:cubicBezTo>
                    <a:pt x="1429" y="6066"/>
                    <a:pt x="1429" y="5840"/>
                    <a:pt x="1304" y="5790"/>
                  </a:cubicBezTo>
                  <a:cubicBezTo>
                    <a:pt x="1254" y="5690"/>
                    <a:pt x="1028" y="5740"/>
                    <a:pt x="903" y="5690"/>
                  </a:cubicBezTo>
                  <a:cubicBezTo>
                    <a:pt x="803" y="5614"/>
                    <a:pt x="627" y="5464"/>
                    <a:pt x="577" y="5339"/>
                  </a:cubicBezTo>
                  <a:cubicBezTo>
                    <a:pt x="527" y="5289"/>
                    <a:pt x="452" y="5063"/>
                    <a:pt x="402" y="5013"/>
                  </a:cubicBezTo>
                  <a:cubicBezTo>
                    <a:pt x="352" y="4888"/>
                    <a:pt x="176" y="4662"/>
                    <a:pt x="126" y="4562"/>
                  </a:cubicBezTo>
                  <a:cubicBezTo>
                    <a:pt x="51" y="4437"/>
                    <a:pt x="1" y="4161"/>
                    <a:pt x="1" y="3985"/>
                  </a:cubicBezTo>
                  <a:cubicBezTo>
                    <a:pt x="51" y="3885"/>
                    <a:pt x="176" y="3710"/>
                    <a:pt x="276" y="3660"/>
                  </a:cubicBezTo>
                  <a:cubicBezTo>
                    <a:pt x="352" y="3584"/>
                    <a:pt x="527" y="3534"/>
                    <a:pt x="627" y="3584"/>
                  </a:cubicBezTo>
                  <a:cubicBezTo>
                    <a:pt x="677" y="3584"/>
                    <a:pt x="753" y="3760"/>
                    <a:pt x="853" y="3810"/>
                  </a:cubicBezTo>
                  <a:lnTo>
                    <a:pt x="1204" y="3810"/>
                  </a:lnTo>
                  <a:cubicBezTo>
                    <a:pt x="1304" y="3760"/>
                    <a:pt x="1354" y="3534"/>
                    <a:pt x="1479" y="3484"/>
                  </a:cubicBezTo>
                  <a:cubicBezTo>
                    <a:pt x="1530" y="3434"/>
                    <a:pt x="1705" y="3434"/>
                    <a:pt x="1755" y="3359"/>
                  </a:cubicBezTo>
                  <a:cubicBezTo>
                    <a:pt x="1880" y="3309"/>
                    <a:pt x="2031" y="3133"/>
                    <a:pt x="2031" y="3033"/>
                  </a:cubicBezTo>
                  <a:cubicBezTo>
                    <a:pt x="2106" y="2908"/>
                    <a:pt x="2031" y="2582"/>
                    <a:pt x="1981" y="2406"/>
                  </a:cubicBezTo>
                  <a:cubicBezTo>
                    <a:pt x="1981" y="2356"/>
                    <a:pt x="1880" y="2181"/>
                    <a:pt x="1805" y="2081"/>
                  </a:cubicBezTo>
                  <a:cubicBezTo>
                    <a:pt x="1755" y="1955"/>
                    <a:pt x="1705" y="1629"/>
                    <a:pt x="1705" y="1504"/>
                  </a:cubicBezTo>
                  <a:cubicBezTo>
                    <a:pt x="1705" y="1454"/>
                    <a:pt x="1705" y="1354"/>
                    <a:pt x="1755" y="1228"/>
                  </a:cubicBezTo>
                  <a:cubicBezTo>
                    <a:pt x="1880" y="1228"/>
                    <a:pt x="1981" y="1228"/>
                    <a:pt x="2031" y="1178"/>
                  </a:cubicBezTo>
                  <a:cubicBezTo>
                    <a:pt x="2206" y="1128"/>
                    <a:pt x="2432" y="953"/>
                    <a:pt x="2557" y="903"/>
                  </a:cubicBezTo>
                  <a:cubicBezTo>
                    <a:pt x="2607" y="777"/>
                    <a:pt x="2833" y="602"/>
                    <a:pt x="2933" y="602"/>
                  </a:cubicBezTo>
                  <a:cubicBezTo>
                    <a:pt x="3058" y="602"/>
                    <a:pt x="3234" y="727"/>
                    <a:pt x="3284" y="827"/>
                  </a:cubicBezTo>
                  <a:cubicBezTo>
                    <a:pt x="3334" y="903"/>
                    <a:pt x="3284" y="1128"/>
                    <a:pt x="3384" y="1178"/>
                  </a:cubicBezTo>
                  <a:cubicBezTo>
                    <a:pt x="3459" y="1178"/>
                    <a:pt x="3610" y="1128"/>
                    <a:pt x="3685" y="1053"/>
                  </a:cubicBezTo>
                  <a:cubicBezTo>
                    <a:pt x="3735" y="1003"/>
                    <a:pt x="3685" y="903"/>
                    <a:pt x="3735" y="827"/>
                  </a:cubicBezTo>
                  <a:cubicBezTo>
                    <a:pt x="3785" y="727"/>
                    <a:pt x="4061" y="552"/>
                    <a:pt x="4136" y="502"/>
                  </a:cubicBezTo>
                  <a:cubicBezTo>
                    <a:pt x="4186" y="376"/>
                    <a:pt x="4186" y="226"/>
                    <a:pt x="4236" y="151"/>
                  </a:cubicBezTo>
                  <a:cubicBezTo>
                    <a:pt x="4286" y="101"/>
                    <a:pt x="4462" y="51"/>
                    <a:pt x="4587" y="0"/>
                  </a:cubicBezTo>
                  <a:cubicBezTo>
                    <a:pt x="4687" y="0"/>
                    <a:pt x="4963" y="51"/>
                    <a:pt x="5139" y="101"/>
                  </a:cubicBezTo>
                  <a:cubicBezTo>
                    <a:pt x="5314" y="151"/>
                    <a:pt x="5590" y="326"/>
                    <a:pt x="5765" y="452"/>
                  </a:cubicBezTo>
                  <a:cubicBezTo>
                    <a:pt x="5865" y="552"/>
                    <a:pt x="6041" y="777"/>
                    <a:pt x="6091" y="903"/>
                  </a:cubicBezTo>
                  <a:lnTo>
                    <a:pt x="6091" y="1354"/>
                  </a:lnTo>
                  <a:cubicBezTo>
                    <a:pt x="6091" y="1454"/>
                    <a:pt x="6041" y="1629"/>
                    <a:pt x="5991" y="1730"/>
                  </a:cubicBezTo>
                  <a:cubicBezTo>
                    <a:pt x="5941" y="1805"/>
                    <a:pt x="5765" y="1855"/>
                    <a:pt x="5715" y="1955"/>
                  </a:cubicBezTo>
                  <a:cubicBezTo>
                    <a:pt x="5715" y="2030"/>
                    <a:pt x="5815" y="2256"/>
                    <a:pt x="5865" y="2306"/>
                  </a:cubicBezTo>
                  <a:cubicBezTo>
                    <a:pt x="5941" y="2356"/>
                    <a:pt x="6166" y="2356"/>
                    <a:pt x="6266" y="2356"/>
                  </a:cubicBezTo>
                  <a:cubicBezTo>
                    <a:pt x="6392" y="2406"/>
                    <a:pt x="6617" y="2482"/>
                    <a:pt x="6718" y="2582"/>
                  </a:cubicBezTo>
                  <a:cubicBezTo>
                    <a:pt x="6768" y="2632"/>
                    <a:pt x="6768" y="2908"/>
                    <a:pt x="6893" y="2983"/>
                  </a:cubicBezTo>
                  <a:cubicBezTo>
                    <a:pt x="6943" y="2983"/>
                    <a:pt x="7169" y="2983"/>
                    <a:pt x="7244" y="2908"/>
                  </a:cubicBezTo>
                  <a:cubicBezTo>
                    <a:pt x="7294" y="2807"/>
                    <a:pt x="7169" y="2582"/>
                    <a:pt x="7244" y="2482"/>
                  </a:cubicBezTo>
                  <a:cubicBezTo>
                    <a:pt x="7294" y="2406"/>
                    <a:pt x="7469" y="2306"/>
                    <a:pt x="7570" y="2306"/>
                  </a:cubicBezTo>
                  <a:cubicBezTo>
                    <a:pt x="7695" y="2306"/>
                    <a:pt x="7845" y="2482"/>
                    <a:pt x="7971" y="2582"/>
                  </a:cubicBezTo>
                  <a:cubicBezTo>
                    <a:pt x="8021" y="2632"/>
                    <a:pt x="8021" y="2807"/>
                    <a:pt x="8021" y="2908"/>
                  </a:cubicBezTo>
                  <a:cubicBezTo>
                    <a:pt x="8071" y="3083"/>
                    <a:pt x="7971" y="3434"/>
                    <a:pt x="8021" y="3584"/>
                  </a:cubicBezTo>
                  <a:cubicBezTo>
                    <a:pt x="8071" y="3710"/>
                    <a:pt x="8296" y="3810"/>
                    <a:pt x="8422" y="3885"/>
                  </a:cubicBezTo>
                  <a:cubicBezTo>
                    <a:pt x="8522" y="3985"/>
                    <a:pt x="8923" y="4036"/>
                    <a:pt x="9098" y="4111"/>
                  </a:cubicBezTo>
                  <a:cubicBezTo>
                    <a:pt x="9199" y="4161"/>
                    <a:pt x="9550" y="4261"/>
                    <a:pt x="9650" y="4386"/>
                  </a:cubicBezTo>
                  <a:cubicBezTo>
                    <a:pt x="9825" y="4487"/>
                    <a:pt x="9951" y="4787"/>
                    <a:pt x="10051" y="4888"/>
                  </a:cubicBezTo>
                  <a:cubicBezTo>
                    <a:pt x="10176" y="5013"/>
                    <a:pt x="10402" y="5239"/>
                    <a:pt x="10502" y="5239"/>
                  </a:cubicBezTo>
                  <a:cubicBezTo>
                    <a:pt x="10627" y="5239"/>
                    <a:pt x="10728" y="5063"/>
                    <a:pt x="10728" y="4938"/>
                  </a:cubicBezTo>
                  <a:cubicBezTo>
                    <a:pt x="10778" y="4888"/>
                    <a:pt x="10778" y="4662"/>
                    <a:pt x="10853" y="4612"/>
                  </a:cubicBezTo>
                  <a:cubicBezTo>
                    <a:pt x="10903" y="4562"/>
                    <a:pt x="11003" y="4386"/>
                    <a:pt x="11078" y="4386"/>
                  </a:cubicBezTo>
                  <a:cubicBezTo>
                    <a:pt x="11179" y="4386"/>
                    <a:pt x="11304" y="4336"/>
                    <a:pt x="11354" y="4386"/>
                  </a:cubicBezTo>
                  <a:cubicBezTo>
                    <a:pt x="11454" y="4437"/>
                    <a:pt x="11530" y="4712"/>
                    <a:pt x="11630" y="4787"/>
                  </a:cubicBezTo>
                  <a:cubicBezTo>
                    <a:pt x="11755" y="4838"/>
                    <a:pt x="11981" y="4838"/>
                    <a:pt x="12081" y="4787"/>
                  </a:cubicBezTo>
                  <a:cubicBezTo>
                    <a:pt x="12206" y="4712"/>
                    <a:pt x="12256" y="4437"/>
                    <a:pt x="12357" y="4386"/>
                  </a:cubicBezTo>
                  <a:cubicBezTo>
                    <a:pt x="12432" y="4336"/>
                    <a:pt x="12582" y="4336"/>
                    <a:pt x="12657" y="4386"/>
                  </a:cubicBezTo>
                  <a:cubicBezTo>
                    <a:pt x="12758" y="4437"/>
                    <a:pt x="12933" y="4612"/>
                    <a:pt x="12933" y="4712"/>
                  </a:cubicBezTo>
                  <a:cubicBezTo>
                    <a:pt x="12983" y="4838"/>
                    <a:pt x="12883" y="5013"/>
                    <a:pt x="12883" y="5113"/>
                  </a:cubicBezTo>
                  <a:cubicBezTo>
                    <a:pt x="12808" y="5239"/>
                    <a:pt x="12758" y="5339"/>
                    <a:pt x="12708" y="5464"/>
                  </a:cubicBezTo>
                  <a:cubicBezTo>
                    <a:pt x="12708" y="5564"/>
                    <a:pt x="12758" y="5740"/>
                    <a:pt x="12808" y="5840"/>
                  </a:cubicBezTo>
                  <a:cubicBezTo>
                    <a:pt x="12883" y="5915"/>
                    <a:pt x="13033" y="5965"/>
                    <a:pt x="13033" y="6015"/>
                  </a:cubicBezTo>
                  <a:cubicBezTo>
                    <a:pt x="13109" y="6066"/>
                    <a:pt x="13109" y="6241"/>
                    <a:pt x="13033" y="6291"/>
                  </a:cubicBezTo>
                  <a:cubicBezTo>
                    <a:pt x="13033" y="6366"/>
                    <a:pt x="12983" y="6517"/>
                    <a:pt x="12983" y="6642"/>
                  </a:cubicBezTo>
                  <a:cubicBezTo>
                    <a:pt x="12983" y="6692"/>
                    <a:pt x="13033" y="6918"/>
                    <a:pt x="13109" y="6968"/>
                  </a:cubicBezTo>
                  <a:cubicBezTo>
                    <a:pt x="13159" y="7093"/>
                    <a:pt x="13384" y="7319"/>
                    <a:pt x="13484" y="7369"/>
                  </a:cubicBezTo>
                  <a:cubicBezTo>
                    <a:pt x="13610" y="7419"/>
                    <a:pt x="13835" y="7369"/>
                    <a:pt x="13961" y="7369"/>
                  </a:cubicBezTo>
                  <a:cubicBezTo>
                    <a:pt x="14061" y="7419"/>
                    <a:pt x="14286" y="7695"/>
                    <a:pt x="14337" y="7820"/>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259" name="Google Shape;316;p16">
              <a:extLst>
                <a:ext uri="{FF2B5EF4-FFF2-40B4-BE49-F238E27FC236}">
                  <a16:creationId xmlns:a16="http://schemas.microsoft.com/office/drawing/2014/main" id="{EAD987FB-C2B0-7610-17EB-5A595269515E}"/>
                </a:ext>
              </a:extLst>
            </p:cNvPr>
            <p:cNvSpPr/>
            <p:nvPr/>
          </p:nvSpPr>
          <p:spPr>
            <a:xfrm>
              <a:off x="3473774" y="3030779"/>
              <a:ext cx="406453" cy="428809"/>
            </a:xfrm>
            <a:custGeom>
              <a:avLst/>
              <a:gdLst/>
              <a:ahLst/>
              <a:cxnLst/>
              <a:rect l="l" t="t" r="r" b="b"/>
              <a:pathLst>
                <a:path w="14563" h="15364" fill="none" extrusionOk="0">
                  <a:moveTo>
                    <a:pt x="14337" y="7820"/>
                  </a:moveTo>
                  <a:cubicBezTo>
                    <a:pt x="14412" y="7870"/>
                    <a:pt x="14512" y="7995"/>
                    <a:pt x="14562" y="8096"/>
                  </a:cubicBezTo>
                  <a:cubicBezTo>
                    <a:pt x="14462" y="8321"/>
                    <a:pt x="14286" y="8597"/>
                    <a:pt x="14236" y="8722"/>
                  </a:cubicBezTo>
                  <a:cubicBezTo>
                    <a:pt x="14186" y="8822"/>
                    <a:pt x="14061" y="9048"/>
                    <a:pt x="14011" y="9123"/>
                  </a:cubicBezTo>
                  <a:cubicBezTo>
                    <a:pt x="13961" y="9173"/>
                    <a:pt x="13785" y="9274"/>
                    <a:pt x="13735" y="9399"/>
                  </a:cubicBezTo>
                  <a:cubicBezTo>
                    <a:pt x="13660" y="9499"/>
                    <a:pt x="13660" y="9850"/>
                    <a:pt x="13610" y="9950"/>
                  </a:cubicBezTo>
                  <a:cubicBezTo>
                    <a:pt x="13560" y="10076"/>
                    <a:pt x="13384" y="10226"/>
                    <a:pt x="13384" y="10351"/>
                  </a:cubicBezTo>
                  <a:cubicBezTo>
                    <a:pt x="13334" y="10452"/>
                    <a:pt x="13434" y="10627"/>
                    <a:pt x="13384" y="10677"/>
                  </a:cubicBezTo>
                  <a:cubicBezTo>
                    <a:pt x="13384" y="10752"/>
                    <a:pt x="13334" y="10752"/>
                    <a:pt x="13334" y="10802"/>
                  </a:cubicBezTo>
                  <a:cubicBezTo>
                    <a:pt x="13259" y="10853"/>
                    <a:pt x="13159" y="11028"/>
                    <a:pt x="13159" y="11078"/>
                  </a:cubicBezTo>
                  <a:cubicBezTo>
                    <a:pt x="13033" y="11254"/>
                    <a:pt x="12933" y="11479"/>
                    <a:pt x="12808" y="11579"/>
                  </a:cubicBezTo>
                  <a:cubicBezTo>
                    <a:pt x="12758" y="11705"/>
                    <a:pt x="12582" y="11880"/>
                    <a:pt x="12532" y="11930"/>
                  </a:cubicBezTo>
                  <a:cubicBezTo>
                    <a:pt x="12532" y="11980"/>
                    <a:pt x="12532" y="11980"/>
                    <a:pt x="12482" y="12031"/>
                  </a:cubicBezTo>
                  <a:cubicBezTo>
                    <a:pt x="12357" y="11980"/>
                    <a:pt x="12256" y="11930"/>
                    <a:pt x="12131" y="11930"/>
                  </a:cubicBezTo>
                  <a:cubicBezTo>
                    <a:pt x="12081" y="11930"/>
                    <a:pt x="11855" y="12031"/>
                    <a:pt x="11805" y="12031"/>
                  </a:cubicBezTo>
                  <a:cubicBezTo>
                    <a:pt x="11680" y="12031"/>
                    <a:pt x="11454" y="11980"/>
                    <a:pt x="11404" y="12031"/>
                  </a:cubicBezTo>
                  <a:cubicBezTo>
                    <a:pt x="11304" y="12031"/>
                    <a:pt x="11129" y="12206"/>
                    <a:pt x="11078" y="12256"/>
                  </a:cubicBezTo>
                  <a:cubicBezTo>
                    <a:pt x="11003" y="12331"/>
                    <a:pt x="10953" y="12557"/>
                    <a:pt x="10903" y="12607"/>
                  </a:cubicBezTo>
                  <a:cubicBezTo>
                    <a:pt x="10903" y="12657"/>
                    <a:pt x="10778" y="12782"/>
                    <a:pt x="10778" y="12833"/>
                  </a:cubicBezTo>
                  <a:cubicBezTo>
                    <a:pt x="10728" y="12883"/>
                    <a:pt x="10728" y="13108"/>
                    <a:pt x="10728" y="13234"/>
                  </a:cubicBezTo>
                  <a:cubicBezTo>
                    <a:pt x="10677" y="13284"/>
                    <a:pt x="10502" y="13334"/>
                    <a:pt x="10502" y="13384"/>
                  </a:cubicBezTo>
                  <a:cubicBezTo>
                    <a:pt x="10402" y="13459"/>
                    <a:pt x="10276" y="13685"/>
                    <a:pt x="10276" y="13785"/>
                  </a:cubicBezTo>
                  <a:cubicBezTo>
                    <a:pt x="10226" y="13910"/>
                    <a:pt x="10226" y="14061"/>
                    <a:pt x="10276" y="14186"/>
                  </a:cubicBezTo>
                  <a:cubicBezTo>
                    <a:pt x="10276" y="14286"/>
                    <a:pt x="10452" y="14412"/>
                    <a:pt x="10452" y="14462"/>
                  </a:cubicBezTo>
                  <a:cubicBezTo>
                    <a:pt x="10502" y="14637"/>
                    <a:pt x="10327" y="14863"/>
                    <a:pt x="10276" y="14913"/>
                  </a:cubicBezTo>
                  <a:cubicBezTo>
                    <a:pt x="10176" y="14963"/>
                    <a:pt x="10001" y="14963"/>
                    <a:pt x="9875" y="14913"/>
                  </a:cubicBezTo>
                  <a:cubicBezTo>
                    <a:pt x="9775" y="14863"/>
                    <a:pt x="9650" y="14637"/>
                    <a:pt x="9550" y="14562"/>
                  </a:cubicBezTo>
                  <a:cubicBezTo>
                    <a:pt x="9499" y="14512"/>
                    <a:pt x="9274" y="14512"/>
                    <a:pt x="9149" y="14512"/>
                  </a:cubicBezTo>
                  <a:cubicBezTo>
                    <a:pt x="8973" y="14512"/>
                    <a:pt x="8697" y="14687"/>
                    <a:pt x="8597" y="14737"/>
                  </a:cubicBezTo>
                  <a:cubicBezTo>
                    <a:pt x="8472" y="14737"/>
                    <a:pt x="8296" y="14737"/>
                    <a:pt x="8246" y="14787"/>
                  </a:cubicBezTo>
                  <a:cubicBezTo>
                    <a:pt x="8196" y="14863"/>
                    <a:pt x="8196" y="15088"/>
                    <a:pt x="8071" y="15138"/>
                  </a:cubicBezTo>
                  <a:cubicBezTo>
                    <a:pt x="8021" y="15188"/>
                    <a:pt x="7745" y="15188"/>
                    <a:pt x="7620" y="15138"/>
                  </a:cubicBezTo>
                  <a:cubicBezTo>
                    <a:pt x="7520" y="15138"/>
                    <a:pt x="7344" y="14963"/>
                    <a:pt x="7294" y="14863"/>
                  </a:cubicBezTo>
                  <a:cubicBezTo>
                    <a:pt x="7294" y="14787"/>
                    <a:pt x="7394" y="14562"/>
                    <a:pt x="7394" y="14462"/>
                  </a:cubicBezTo>
                  <a:cubicBezTo>
                    <a:pt x="7394" y="14412"/>
                    <a:pt x="7294" y="14236"/>
                    <a:pt x="7244" y="14111"/>
                  </a:cubicBezTo>
                  <a:cubicBezTo>
                    <a:pt x="7244" y="14061"/>
                    <a:pt x="7244" y="13910"/>
                    <a:pt x="7169" y="13835"/>
                  </a:cubicBezTo>
                  <a:cubicBezTo>
                    <a:pt x="7119" y="13785"/>
                    <a:pt x="6893" y="13785"/>
                    <a:pt x="6843" y="13835"/>
                  </a:cubicBezTo>
                  <a:cubicBezTo>
                    <a:pt x="6718" y="13835"/>
                    <a:pt x="6542" y="13960"/>
                    <a:pt x="6492" y="14010"/>
                  </a:cubicBezTo>
                  <a:cubicBezTo>
                    <a:pt x="6442" y="14010"/>
                    <a:pt x="6392" y="14186"/>
                    <a:pt x="6317" y="14186"/>
                  </a:cubicBezTo>
                  <a:cubicBezTo>
                    <a:pt x="6216" y="14236"/>
                    <a:pt x="5991" y="14236"/>
                    <a:pt x="5941" y="14236"/>
                  </a:cubicBezTo>
                  <a:cubicBezTo>
                    <a:pt x="5865" y="14236"/>
                    <a:pt x="5765" y="14111"/>
                    <a:pt x="5715" y="14111"/>
                  </a:cubicBezTo>
                  <a:cubicBezTo>
                    <a:pt x="5590" y="14061"/>
                    <a:pt x="5364" y="14111"/>
                    <a:pt x="5264" y="14186"/>
                  </a:cubicBezTo>
                  <a:cubicBezTo>
                    <a:pt x="5139" y="14236"/>
                    <a:pt x="4963" y="14412"/>
                    <a:pt x="4963" y="14462"/>
                  </a:cubicBezTo>
                  <a:cubicBezTo>
                    <a:pt x="4963" y="14562"/>
                    <a:pt x="5139" y="14687"/>
                    <a:pt x="5139" y="14737"/>
                  </a:cubicBezTo>
                  <a:lnTo>
                    <a:pt x="5139" y="15088"/>
                  </a:lnTo>
                  <a:cubicBezTo>
                    <a:pt x="5088" y="15138"/>
                    <a:pt x="4913" y="15138"/>
                    <a:pt x="4863" y="15138"/>
                  </a:cubicBezTo>
                  <a:cubicBezTo>
                    <a:pt x="4813" y="15188"/>
                    <a:pt x="4637" y="15239"/>
                    <a:pt x="4587" y="15364"/>
                  </a:cubicBezTo>
                  <a:lnTo>
                    <a:pt x="4512" y="15364"/>
                  </a:lnTo>
                  <a:cubicBezTo>
                    <a:pt x="4462" y="15239"/>
                    <a:pt x="4236" y="15088"/>
                    <a:pt x="4136" y="14963"/>
                  </a:cubicBezTo>
                  <a:cubicBezTo>
                    <a:pt x="4136" y="14863"/>
                    <a:pt x="4061" y="14687"/>
                    <a:pt x="4011" y="14562"/>
                  </a:cubicBezTo>
                  <a:cubicBezTo>
                    <a:pt x="3961" y="14512"/>
                    <a:pt x="3785" y="14412"/>
                    <a:pt x="3735" y="14286"/>
                  </a:cubicBezTo>
                  <a:cubicBezTo>
                    <a:pt x="3685" y="14186"/>
                    <a:pt x="3560" y="13960"/>
                    <a:pt x="3509" y="13835"/>
                  </a:cubicBezTo>
                  <a:cubicBezTo>
                    <a:pt x="3459" y="13785"/>
                    <a:pt x="3284" y="13735"/>
                    <a:pt x="3159" y="13685"/>
                  </a:cubicBezTo>
                  <a:cubicBezTo>
                    <a:pt x="3234" y="13609"/>
                    <a:pt x="3284" y="13509"/>
                    <a:pt x="3284" y="13459"/>
                  </a:cubicBezTo>
                  <a:cubicBezTo>
                    <a:pt x="3334" y="13384"/>
                    <a:pt x="3459" y="13284"/>
                    <a:pt x="3560" y="13234"/>
                  </a:cubicBezTo>
                  <a:cubicBezTo>
                    <a:pt x="3610" y="13158"/>
                    <a:pt x="3785" y="13108"/>
                    <a:pt x="3835" y="13058"/>
                  </a:cubicBezTo>
                  <a:cubicBezTo>
                    <a:pt x="3910" y="13008"/>
                    <a:pt x="3910" y="12782"/>
                    <a:pt x="3910" y="12707"/>
                  </a:cubicBezTo>
                  <a:cubicBezTo>
                    <a:pt x="3910" y="12607"/>
                    <a:pt x="3785" y="12432"/>
                    <a:pt x="3835" y="12331"/>
                  </a:cubicBezTo>
                  <a:cubicBezTo>
                    <a:pt x="3835" y="12206"/>
                    <a:pt x="3961" y="12031"/>
                    <a:pt x="4061" y="11980"/>
                  </a:cubicBezTo>
                  <a:cubicBezTo>
                    <a:pt x="4136" y="11930"/>
                    <a:pt x="4362" y="11880"/>
                    <a:pt x="4412" y="11805"/>
                  </a:cubicBezTo>
                  <a:cubicBezTo>
                    <a:pt x="4462" y="11755"/>
                    <a:pt x="4512" y="11529"/>
                    <a:pt x="4587" y="11479"/>
                  </a:cubicBezTo>
                  <a:cubicBezTo>
                    <a:pt x="4637" y="11429"/>
                    <a:pt x="4738" y="11354"/>
                    <a:pt x="4813" y="11304"/>
                  </a:cubicBezTo>
                  <a:cubicBezTo>
                    <a:pt x="4863" y="11203"/>
                    <a:pt x="4913" y="11028"/>
                    <a:pt x="4913" y="10903"/>
                  </a:cubicBezTo>
                  <a:cubicBezTo>
                    <a:pt x="4913" y="10802"/>
                    <a:pt x="4863" y="10627"/>
                    <a:pt x="4813" y="10527"/>
                  </a:cubicBezTo>
                  <a:cubicBezTo>
                    <a:pt x="4813" y="10452"/>
                    <a:pt x="4813" y="10226"/>
                    <a:pt x="4738" y="10226"/>
                  </a:cubicBezTo>
                  <a:cubicBezTo>
                    <a:pt x="4687" y="10176"/>
                    <a:pt x="4587" y="10226"/>
                    <a:pt x="4462" y="10226"/>
                  </a:cubicBezTo>
                  <a:cubicBezTo>
                    <a:pt x="4362" y="10226"/>
                    <a:pt x="4136" y="10301"/>
                    <a:pt x="4011" y="10226"/>
                  </a:cubicBezTo>
                  <a:cubicBezTo>
                    <a:pt x="3961" y="10226"/>
                    <a:pt x="3910" y="10076"/>
                    <a:pt x="3910" y="10026"/>
                  </a:cubicBezTo>
                  <a:cubicBezTo>
                    <a:pt x="3835" y="9950"/>
                    <a:pt x="3835" y="9725"/>
                    <a:pt x="3785" y="9675"/>
                  </a:cubicBezTo>
                  <a:cubicBezTo>
                    <a:pt x="3785" y="9574"/>
                    <a:pt x="3735" y="9274"/>
                    <a:pt x="3610" y="9224"/>
                  </a:cubicBezTo>
                  <a:cubicBezTo>
                    <a:pt x="3509" y="9123"/>
                    <a:pt x="3284" y="9048"/>
                    <a:pt x="3108" y="8998"/>
                  </a:cubicBezTo>
                  <a:cubicBezTo>
                    <a:pt x="3008" y="8998"/>
                    <a:pt x="2707" y="8998"/>
                    <a:pt x="2607" y="8948"/>
                  </a:cubicBezTo>
                  <a:cubicBezTo>
                    <a:pt x="2557" y="8948"/>
                    <a:pt x="2382" y="8822"/>
                    <a:pt x="2332" y="8772"/>
                  </a:cubicBezTo>
                  <a:cubicBezTo>
                    <a:pt x="2206" y="8722"/>
                    <a:pt x="2156" y="8547"/>
                    <a:pt x="2106" y="8447"/>
                  </a:cubicBezTo>
                  <a:cubicBezTo>
                    <a:pt x="2106" y="8321"/>
                    <a:pt x="2206" y="8096"/>
                    <a:pt x="2206" y="7995"/>
                  </a:cubicBezTo>
                  <a:cubicBezTo>
                    <a:pt x="2156" y="7820"/>
                    <a:pt x="2156" y="7544"/>
                    <a:pt x="2031" y="7369"/>
                  </a:cubicBezTo>
                  <a:cubicBezTo>
                    <a:pt x="1981" y="7319"/>
                    <a:pt x="1805" y="7193"/>
                    <a:pt x="1755" y="7193"/>
                  </a:cubicBezTo>
                  <a:cubicBezTo>
                    <a:pt x="1655" y="7143"/>
                    <a:pt x="1479" y="7193"/>
                    <a:pt x="1429" y="7143"/>
                  </a:cubicBezTo>
                  <a:cubicBezTo>
                    <a:pt x="1354" y="7093"/>
                    <a:pt x="1204" y="6968"/>
                    <a:pt x="1129" y="6868"/>
                  </a:cubicBezTo>
                  <a:cubicBezTo>
                    <a:pt x="1129" y="6792"/>
                    <a:pt x="1129" y="6692"/>
                    <a:pt x="1204" y="6642"/>
                  </a:cubicBezTo>
                  <a:cubicBezTo>
                    <a:pt x="1254" y="6567"/>
                    <a:pt x="1429" y="6517"/>
                    <a:pt x="1479" y="6467"/>
                  </a:cubicBezTo>
                  <a:cubicBezTo>
                    <a:pt x="1530" y="6416"/>
                    <a:pt x="1479" y="6241"/>
                    <a:pt x="1479" y="6141"/>
                  </a:cubicBezTo>
                  <a:cubicBezTo>
                    <a:pt x="1429" y="6066"/>
                    <a:pt x="1429" y="5840"/>
                    <a:pt x="1304" y="5790"/>
                  </a:cubicBezTo>
                  <a:cubicBezTo>
                    <a:pt x="1254" y="5690"/>
                    <a:pt x="1028" y="5740"/>
                    <a:pt x="903" y="5690"/>
                  </a:cubicBezTo>
                  <a:cubicBezTo>
                    <a:pt x="803" y="5614"/>
                    <a:pt x="627" y="5464"/>
                    <a:pt x="577" y="5339"/>
                  </a:cubicBezTo>
                  <a:cubicBezTo>
                    <a:pt x="527" y="5289"/>
                    <a:pt x="452" y="5063"/>
                    <a:pt x="402" y="5013"/>
                  </a:cubicBezTo>
                  <a:cubicBezTo>
                    <a:pt x="352" y="4888"/>
                    <a:pt x="176" y="4662"/>
                    <a:pt x="126" y="4562"/>
                  </a:cubicBezTo>
                  <a:cubicBezTo>
                    <a:pt x="51" y="4437"/>
                    <a:pt x="1" y="4161"/>
                    <a:pt x="1" y="3985"/>
                  </a:cubicBezTo>
                  <a:cubicBezTo>
                    <a:pt x="51" y="3885"/>
                    <a:pt x="176" y="3710"/>
                    <a:pt x="276" y="3660"/>
                  </a:cubicBezTo>
                  <a:cubicBezTo>
                    <a:pt x="352" y="3584"/>
                    <a:pt x="527" y="3534"/>
                    <a:pt x="627" y="3584"/>
                  </a:cubicBezTo>
                  <a:cubicBezTo>
                    <a:pt x="677" y="3584"/>
                    <a:pt x="753" y="3760"/>
                    <a:pt x="853" y="3810"/>
                  </a:cubicBezTo>
                  <a:lnTo>
                    <a:pt x="1204" y="3810"/>
                  </a:lnTo>
                  <a:cubicBezTo>
                    <a:pt x="1304" y="3760"/>
                    <a:pt x="1354" y="3534"/>
                    <a:pt x="1479" y="3484"/>
                  </a:cubicBezTo>
                  <a:cubicBezTo>
                    <a:pt x="1530" y="3434"/>
                    <a:pt x="1705" y="3434"/>
                    <a:pt x="1755" y="3359"/>
                  </a:cubicBezTo>
                  <a:cubicBezTo>
                    <a:pt x="1880" y="3309"/>
                    <a:pt x="2031" y="3133"/>
                    <a:pt x="2031" y="3033"/>
                  </a:cubicBezTo>
                  <a:cubicBezTo>
                    <a:pt x="2106" y="2908"/>
                    <a:pt x="2031" y="2582"/>
                    <a:pt x="1981" y="2406"/>
                  </a:cubicBezTo>
                  <a:cubicBezTo>
                    <a:pt x="1981" y="2356"/>
                    <a:pt x="1880" y="2181"/>
                    <a:pt x="1805" y="2081"/>
                  </a:cubicBezTo>
                  <a:cubicBezTo>
                    <a:pt x="1755" y="1955"/>
                    <a:pt x="1705" y="1629"/>
                    <a:pt x="1705" y="1504"/>
                  </a:cubicBezTo>
                  <a:cubicBezTo>
                    <a:pt x="1705" y="1454"/>
                    <a:pt x="1705" y="1354"/>
                    <a:pt x="1755" y="1228"/>
                  </a:cubicBezTo>
                  <a:cubicBezTo>
                    <a:pt x="1880" y="1228"/>
                    <a:pt x="1981" y="1228"/>
                    <a:pt x="2031" y="1178"/>
                  </a:cubicBezTo>
                  <a:cubicBezTo>
                    <a:pt x="2206" y="1128"/>
                    <a:pt x="2432" y="953"/>
                    <a:pt x="2557" y="903"/>
                  </a:cubicBezTo>
                  <a:cubicBezTo>
                    <a:pt x="2607" y="777"/>
                    <a:pt x="2833" y="602"/>
                    <a:pt x="2933" y="602"/>
                  </a:cubicBezTo>
                  <a:cubicBezTo>
                    <a:pt x="3058" y="602"/>
                    <a:pt x="3234" y="727"/>
                    <a:pt x="3284" y="827"/>
                  </a:cubicBezTo>
                  <a:cubicBezTo>
                    <a:pt x="3334" y="903"/>
                    <a:pt x="3284" y="1128"/>
                    <a:pt x="3384" y="1178"/>
                  </a:cubicBezTo>
                  <a:cubicBezTo>
                    <a:pt x="3459" y="1178"/>
                    <a:pt x="3610" y="1128"/>
                    <a:pt x="3685" y="1053"/>
                  </a:cubicBezTo>
                  <a:cubicBezTo>
                    <a:pt x="3735" y="1003"/>
                    <a:pt x="3685" y="903"/>
                    <a:pt x="3735" y="827"/>
                  </a:cubicBezTo>
                  <a:cubicBezTo>
                    <a:pt x="3785" y="727"/>
                    <a:pt x="4061" y="552"/>
                    <a:pt x="4136" y="502"/>
                  </a:cubicBezTo>
                  <a:cubicBezTo>
                    <a:pt x="4186" y="376"/>
                    <a:pt x="4186" y="226"/>
                    <a:pt x="4236" y="151"/>
                  </a:cubicBezTo>
                  <a:cubicBezTo>
                    <a:pt x="4286" y="101"/>
                    <a:pt x="4462" y="51"/>
                    <a:pt x="4587" y="0"/>
                  </a:cubicBezTo>
                  <a:cubicBezTo>
                    <a:pt x="4687" y="0"/>
                    <a:pt x="4963" y="51"/>
                    <a:pt x="5139" y="101"/>
                  </a:cubicBezTo>
                  <a:cubicBezTo>
                    <a:pt x="5314" y="151"/>
                    <a:pt x="5590" y="326"/>
                    <a:pt x="5765" y="452"/>
                  </a:cubicBezTo>
                  <a:cubicBezTo>
                    <a:pt x="5865" y="552"/>
                    <a:pt x="6041" y="777"/>
                    <a:pt x="6091" y="903"/>
                  </a:cubicBezTo>
                  <a:lnTo>
                    <a:pt x="6091" y="1354"/>
                  </a:lnTo>
                  <a:cubicBezTo>
                    <a:pt x="6091" y="1454"/>
                    <a:pt x="6041" y="1629"/>
                    <a:pt x="5991" y="1730"/>
                  </a:cubicBezTo>
                  <a:cubicBezTo>
                    <a:pt x="5941" y="1805"/>
                    <a:pt x="5765" y="1855"/>
                    <a:pt x="5715" y="1955"/>
                  </a:cubicBezTo>
                  <a:cubicBezTo>
                    <a:pt x="5715" y="2030"/>
                    <a:pt x="5815" y="2256"/>
                    <a:pt x="5865" y="2306"/>
                  </a:cubicBezTo>
                  <a:cubicBezTo>
                    <a:pt x="5941" y="2356"/>
                    <a:pt x="6166" y="2356"/>
                    <a:pt x="6266" y="2356"/>
                  </a:cubicBezTo>
                  <a:cubicBezTo>
                    <a:pt x="6392" y="2406"/>
                    <a:pt x="6617" y="2482"/>
                    <a:pt x="6718" y="2582"/>
                  </a:cubicBezTo>
                  <a:cubicBezTo>
                    <a:pt x="6768" y="2632"/>
                    <a:pt x="6768" y="2908"/>
                    <a:pt x="6893" y="2983"/>
                  </a:cubicBezTo>
                  <a:cubicBezTo>
                    <a:pt x="6943" y="2983"/>
                    <a:pt x="7169" y="2983"/>
                    <a:pt x="7244" y="2908"/>
                  </a:cubicBezTo>
                  <a:cubicBezTo>
                    <a:pt x="7294" y="2807"/>
                    <a:pt x="7169" y="2582"/>
                    <a:pt x="7244" y="2482"/>
                  </a:cubicBezTo>
                  <a:cubicBezTo>
                    <a:pt x="7294" y="2406"/>
                    <a:pt x="7469" y="2306"/>
                    <a:pt x="7570" y="2306"/>
                  </a:cubicBezTo>
                  <a:cubicBezTo>
                    <a:pt x="7695" y="2306"/>
                    <a:pt x="7845" y="2482"/>
                    <a:pt x="7971" y="2582"/>
                  </a:cubicBezTo>
                  <a:cubicBezTo>
                    <a:pt x="8021" y="2632"/>
                    <a:pt x="8021" y="2807"/>
                    <a:pt x="8021" y="2908"/>
                  </a:cubicBezTo>
                  <a:cubicBezTo>
                    <a:pt x="8071" y="3083"/>
                    <a:pt x="7971" y="3434"/>
                    <a:pt x="8021" y="3584"/>
                  </a:cubicBezTo>
                  <a:cubicBezTo>
                    <a:pt x="8071" y="3710"/>
                    <a:pt x="8296" y="3810"/>
                    <a:pt x="8422" y="3885"/>
                  </a:cubicBezTo>
                  <a:cubicBezTo>
                    <a:pt x="8522" y="3985"/>
                    <a:pt x="8923" y="4036"/>
                    <a:pt x="9098" y="4111"/>
                  </a:cubicBezTo>
                  <a:cubicBezTo>
                    <a:pt x="9199" y="4161"/>
                    <a:pt x="9550" y="4261"/>
                    <a:pt x="9650" y="4386"/>
                  </a:cubicBezTo>
                  <a:cubicBezTo>
                    <a:pt x="9825" y="4487"/>
                    <a:pt x="9951" y="4787"/>
                    <a:pt x="10051" y="4888"/>
                  </a:cubicBezTo>
                  <a:cubicBezTo>
                    <a:pt x="10176" y="5013"/>
                    <a:pt x="10402" y="5239"/>
                    <a:pt x="10502" y="5239"/>
                  </a:cubicBezTo>
                  <a:cubicBezTo>
                    <a:pt x="10627" y="5239"/>
                    <a:pt x="10728" y="5063"/>
                    <a:pt x="10728" y="4938"/>
                  </a:cubicBezTo>
                  <a:cubicBezTo>
                    <a:pt x="10778" y="4888"/>
                    <a:pt x="10778" y="4662"/>
                    <a:pt x="10853" y="4612"/>
                  </a:cubicBezTo>
                  <a:cubicBezTo>
                    <a:pt x="10903" y="4562"/>
                    <a:pt x="11003" y="4386"/>
                    <a:pt x="11078" y="4386"/>
                  </a:cubicBezTo>
                  <a:cubicBezTo>
                    <a:pt x="11179" y="4386"/>
                    <a:pt x="11304" y="4336"/>
                    <a:pt x="11354" y="4386"/>
                  </a:cubicBezTo>
                  <a:cubicBezTo>
                    <a:pt x="11454" y="4437"/>
                    <a:pt x="11530" y="4712"/>
                    <a:pt x="11630" y="4787"/>
                  </a:cubicBezTo>
                  <a:cubicBezTo>
                    <a:pt x="11755" y="4838"/>
                    <a:pt x="11981" y="4838"/>
                    <a:pt x="12081" y="4787"/>
                  </a:cubicBezTo>
                  <a:cubicBezTo>
                    <a:pt x="12206" y="4712"/>
                    <a:pt x="12256" y="4437"/>
                    <a:pt x="12357" y="4386"/>
                  </a:cubicBezTo>
                  <a:cubicBezTo>
                    <a:pt x="12432" y="4336"/>
                    <a:pt x="12582" y="4336"/>
                    <a:pt x="12657" y="4386"/>
                  </a:cubicBezTo>
                  <a:cubicBezTo>
                    <a:pt x="12758" y="4437"/>
                    <a:pt x="12933" y="4612"/>
                    <a:pt x="12933" y="4712"/>
                  </a:cubicBezTo>
                  <a:cubicBezTo>
                    <a:pt x="12983" y="4838"/>
                    <a:pt x="12883" y="5013"/>
                    <a:pt x="12883" y="5113"/>
                  </a:cubicBezTo>
                  <a:cubicBezTo>
                    <a:pt x="12808" y="5239"/>
                    <a:pt x="12758" y="5339"/>
                    <a:pt x="12708" y="5464"/>
                  </a:cubicBezTo>
                  <a:cubicBezTo>
                    <a:pt x="12708" y="5564"/>
                    <a:pt x="12758" y="5740"/>
                    <a:pt x="12808" y="5840"/>
                  </a:cubicBezTo>
                  <a:cubicBezTo>
                    <a:pt x="12883" y="5915"/>
                    <a:pt x="13033" y="5965"/>
                    <a:pt x="13033" y="6015"/>
                  </a:cubicBezTo>
                  <a:cubicBezTo>
                    <a:pt x="13109" y="6066"/>
                    <a:pt x="13109" y="6241"/>
                    <a:pt x="13033" y="6291"/>
                  </a:cubicBezTo>
                  <a:cubicBezTo>
                    <a:pt x="13033" y="6366"/>
                    <a:pt x="12983" y="6517"/>
                    <a:pt x="12983" y="6642"/>
                  </a:cubicBezTo>
                  <a:cubicBezTo>
                    <a:pt x="12983" y="6692"/>
                    <a:pt x="13033" y="6918"/>
                    <a:pt x="13109" y="6968"/>
                  </a:cubicBezTo>
                  <a:cubicBezTo>
                    <a:pt x="13159" y="7093"/>
                    <a:pt x="13384" y="7319"/>
                    <a:pt x="13484" y="7369"/>
                  </a:cubicBezTo>
                  <a:cubicBezTo>
                    <a:pt x="13610" y="7419"/>
                    <a:pt x="13835" y="7369"/>
                    <a:pt x="13961" y="7369"/>
                  </a:cubicBezTo>
                  <a:cubicBezTo>
                    <a:pt x="14061" y="7419"/>
                    <a:pt x="14286" y="7695"/>
                    <a:pt x="14337" y="7820"/>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60" name="Google Shape;317;p16">
              <a:extLst>
                <a:ext uri="{FF2B5EF4-FFF2-40B4-BE49-F238E27FC236}">
                  <a16:creationId xmlns:a16="http://schemas.microsoft.com/office/drawing/2014/main" id="{4C0F7B29-F7E6-2EEC-AAAF-CDBDBF2D3D88}"/>
                </a:ext>
              </a:extLst>
            </p:cNvPr>
            <p:cNvSpPr/>
            <p:nvPr/>
          </p:nvSpPr>
          <p:spPr>
            <a:xfrm>
              <a:off x="3473774" y="3030779"/>
              <a:ext cx="406453" cy="428809"/>
            </a:xfrm>
            <a:custGeom>
              <a:avLst/>
              <a:gdLst/>
              <a:ahLst/>
              <a:cxnLst/>
              <a:rect l="l" t="t" r="r" b="b"/>
              <a:pathLst>
                <a:path w="14563" h="15364" extrusionOk="0">
                  <a:moveTo>
                    <a:pt x="4587" y="0"/>
                  </a:moveTo>
                  <a:cubicBezTo>
                    <a:pt x="4462" y="51"/>
                    <a:pt x="4286" y="101"/>
                    <a:pt x="4236" y="151"/>
                  </a:cubicBezTo>
                  <a:cubicBezTo>
                    <a:pt x="4186" y="226"/>
                    <a:pt x="4186" y="376"/>
                    <a:pt x="4136" y="502"/>
                  </a:cubicBezTo>
                  <a:cubicBezTo>
                    <a:pt x="4061" y="552"/>
                    <a:pt x="3785" y="727"/>
                    <a:pt x="3735" y="827"/>
                  </a:cubicBezTo>
                  <a:cubicBezTo>
                    <a:pt x="3685" y="903"/>
                    <a:pt x="3735" y="1003"/>
                    <a:pt x="3685" y="1053"/>
                  </a:cubicBezTo>
                  <a:cubicBezTo>
                    <a:pt x="3610" y="1128"/>
                    <a:pt x="3459" y="1178"/>
                    <a:pt x="3384" y="1178"/>
                  </a:cubicBezTo>
                  <a:cubicBezTo>
                    <a:pt x="3284" y="1128"/>
                    <a:pt x="3334" y="903"/>
                    <a:pt x="3284" y="827"/>
                  </a:cubicBezTo>
                  <a:cubicBezTo>
                    <a:pt x="3234" y="727"/>
                    <a:pt x="3058" y="602"/>
                    <a:pt x="2933" y="602"/>
                  </a:cubicBezTo>
                  <a:cubicBezTo>
                    <a:pt x="2833" y="602"/>
                    <a:pt x="2607" y="777"/>
                    <a:pt x="2557" y="903"/>
                  </a:cubicBezTo>
                  <a:cubicBezTo>
                    <a:pt x="2432" y="953"/>
                    <a:pt x="2206" y="1128"/>
                    <a:pt x="2031" y="1178"/>
                  </a:cubicBezTo>
                  <a:cubicBezTo>
                    <a:pt x="1981" y="1228"/>
                    <a:pt x="1880" y="1228"/>
                    <a:pt x="1755" y="1228"/>
                  </a:cubicBezTo>
                  <a:cubicBezTo>
                    <a:pt x="1705" y="1354"/>
                    <a:pt x="1705" y="1454"/>
                    <a:pt x="1705" y="1504"/>
                  </a:cubicBezTo>
                  <a:cubicBezTo>
                    <a:pt x="1705" y="1629"/>
                    <a:pt x="1755" y="1955"/>
                    <a:pt x="1805" y="2081"/>
                  </a:cubicBezTo>
                  <a:cubicBezTo>
                    <a:pt x="1880" y="2181"/>
                    <a:pt x="1981" y="2356"/>
                    <a:pt x="1981" y="2406"/>
                  </a:cubicBezTo>
                  <a:cubicBezTo>
                    <a:pt x="2031" y="2582"/>
                    <a:pt x="2106" y="2908"/>
                    <a:pt x="2031" y="3033"/>
                  </a:cubicBezTo>
                  <a:cubicBezTo>
                    <a:pt x="2031" y="3133"/>
                    <a:pt x="1880" y="3309"/>
                    <a:pt x="1755" y="3359"/>
                  </a:cubicBezTo>
                  <a:cubicBezTo>
                    <a:pt x="1705" y="3434"/>
                    <a:pt x="1530" y="3434"/>
                    <a:pt x="1479" y="3484"/>
                  </a:cubicBezTo>
                  <a:cubicBezTo>
                    <a:pt x="1354" y="3534"/>
                    <a:pt x="1304" y="3760"/>
                    <a:pt x="1204" y="3810"/>
                  </a:cubicBezTo>
                  <a:lnTo>
                    <a:pt x="853" y="3810"/>
                  </a:lnTo>
                  <a:cubicBezTo>
                    <a:pt x="753" y="3760"/>
                    <a:pt x="677" y="3584"/>
                    <a:pt x="627" y="3584"/>
                  </a:cubicBezTo>
                  <a:cubicBezTo>
                    <a:pt x="599" y="3570"/>
                    <a:pt x="565" y="3564"/>
                    <a:pt x="529" y="3564"/>
                  </a:cubicBezTo>
                  <a:cubicBezTo>
                    <a:pt x="437" y="3564"/>
                    <a:pt x="331" y="3605"/>
                    <a:pt x="276" y="3660"/>
                  </a:cubicBezTo>
                  <a:cubicBezTo>
                    <a:pt x="176" y="3710"/>
                    <a:pt x="51" y="3885"/>
                    <a:pt x="1" y="3985"/>
                  </a:cubicBezTo>
                  <a:cubicBezTo>
                    <a:pt x="1" y="4161"/>
                    <a:pt x="51" y="4437"/>
                    <a:pt x="126" y="4562"/>
                  </a:cubicBezTo>
                  <a:cubicBezTo>
                    <a:pt x="176" y="4662"/>
                    <a:pt x="352" y="4888"/>
                    <a:pt x="402" y="5013"/>
                  </a:cubicBezTo>
                  <a:cubicBezTo>
                    <a:pt x="452" y="5063"/>
                    <a:pt x="527" y="5289"/>
                    <a:pt x="577" y="5339"/>
                  </a:cubicBezTo>
                  <a:cubicBezTo>
                    <a:pt x="627" y="5464"/>
                    <a:pt x="803" y="5614"/>
                    <a:pt x="903" y="5690"/>
                  </a:cubicBezTo>
                  <a:cubicBezTo>
                    <a:pt x="1028" y="5740"/>
                    <a:pt x="1254" y="5690"/>
                    <a:pt x="1304" y="5790"/>
                  </a:cubicBezTo>
                  <a:cubicBezTo>
                    <a:pt x="1429" y="5840"/>
                    <a:pt x="1429" y="6066"/>
                    <a:pt x="1479" y="6141"/>
                  </a:cubicBezTo>
                  <a:cubicBezTo>
                    <a:pt x="1479" y="6241"/>
                    <a:pt x="1530" y="6416"/>
                    <a:pt x="1479" y="6467"/>
                  </a:cubicBezTo>
                  <a:cubicBezTo>
                    <a:pt x="1429" y="6517"/>
                    <a:pt x="1254" y="6567"/>
                    <a:pt x="1204" y="6642"/>
                  </a:cubicBezTo>
                  <a:cubicBezTo>
                    <a:pt x="1129" y="6692"/>
                    <a:pt x="1129" y="6792"/>
                    <a:pt x="1129" y="6868"/>
                  </a:cubicBezTo>
                  <a:cubicBezTo>
                    <a:pt x="1204" y="6968"/>
                    <a:pt x="1354" y="7093"/>
                    <a:pt x="1429" y="7143"/>
                  </a:cubicBezTo>
                  <a:cubicBezTo>
                    <a:pt x="1454" y="7168"/>
                    <a:pt x="1511" y="7168"/>
                    <a:pt x="1573" y="7168"/>
                  </a:cubicBezTo>
                  <a:cubicBezTo>
                    <a:pt x="1636" y="7168"/>
                    <a:pt x="1705" y="7168"/>
                    <a:pt x="1755" y="7193"/>
                  </a:cubicBezTo>
                  <a:cubicBezTo>
                    <a:pt x="1805" y="7193"/>
                    <a:pt x="1981" y="7319"/>
                    <a:pt x="2031" y="7369"/>
                  </a:cubicBezTo>
                  <a:cubicBezTo>
                    <a:pt x="2156" y="7544"/>
                    <a:pt x="2156" y="7820"/>
                    <a:pt x="2206" y="7995"/>
                  </a:cubicBezTo>
                  <a:cubicBezTo>
                    <a:pt x="2206" y="8096"/>
                    <a:pt x="2106" y="8321"/>
                    <a:pt x="2106" y="8447"/>
                  </a:cubicBezTo>
                  <a:cubicBezTo>
                    <a:pt x="2156" y="8547"/>
                    <a:pt x="2206" y="8722"/>
                    <a:pt x="2332" y="8772"/>
                  </a:cubicBezTo>
                  <a:cubicBezTo>
                    <a:pt x="2382" y="8822"/>
                    <a:pt x="2557" y="8948"/>
                    <a:pt x="2607" y="8948"/>
                  </a:cubicBezTo>
                  <a:cubicBezTo>
                    <a:pt x="2707" y="8998"/>
                    <a:pt x="3008" y="8998"/>
                    <a:pt x="3108" y="8998"/>
                  </a:cubicBezTo>
                  <a:cubicBezTo>
                    <a:pt x="3284" y="9048"/>
                    <a:pt x="3509" y="9123"/>
                    <a:pt x="3610" y="9224"/>
                  </a:cubicBezTo>
                  <a:cubicBezTo>
                    <a:pt x="3735" y="9274"/>
                    <a:pt x="3785" y="9574"/>
                    <a:pt x="3785" y="9675"/>
                  </a:cubicBezTo>
                  <a:cubicBezTo>
                    <a:pt x="3835" y="9725"/>
                    <a:pt x="3835" y="9950"/>
                    <a:pt x="3910" y="10026"/>
                  </a:cubicBezTo>
                  <a:cubicBezTo>
                    <a:pt x="3910" y="10076"/>
                    <a:pt x="3961" y="10226"/>
                    <a:pt x="4011" y="10226"/>
                  </a:cubicBezTo>
                  <a:cubicBezTo>
                    <a:pt x="4052" y="10251"/>
                    <a:pt x="4105" y="10259"/>
                    <a:pt x="4161" y="10259"/>
                  </a:cubicBezTo>
                  <a:cubicBezTo>
                    <a:pt x="4272" y="10259"/>
                    <a:pt x="4395" y="10226"/>
                    <a:pt x="4462" y="10226"/>
                  </a:cubicBezTo>
                  <a:cubicBezTo>
                    <a:pt x="4545" y="10226"/>
                    <a:pt x="4618" y="10204"/>
                    <a:pt x="4672" y="10204"/>
                  </a:cubicBezTo>
                  <a:cubicBezTo>
                    <a:pt x="4699" y="10204"/>
                    <a:pt x="4721" y="10209"/>
                    <a:pt x="4738" y="10226"/>
                  </a:cubicBezTo>
                  <a:cubicBezTo>
                    <a:pt x="4813" y="10226"/>
                    <a:pt x="4813" y="10452"/>
                    <a:pt x="4813" y="10527"/>
                  </a:cubicBezTo>
                  <a:cubicBezTo>
                    <a:pt x="4863" y="10627"/>
                    <a:pt x="4913" y="10802"/>
                    <a:pt x="4913" y="10903"/>
                  </a:cubicBezTo>
                  <a:cubicBezTo>
                    <a:pt x="4913" y="11028"/>
                    <a:pt x="4863" y="11203"/>
                    <a:pt x="4813" y="11304"/>
                  </a:cubicBezTo>
                  <a:cubicBezTo>
                    <a:pt x="4738" y="11354"/>
                    <a:pt x="4637" y="11429"/>
                    <a:pt x="4587" y="11479"/>
                  </a:cubicBezTo>
                  <a:cubicBezTo>
                    <a:pt x="4512" y="11529"/>
                    <a:pt x="4462" y="11755"/>
                    <a:pt x="4412" y="11805"/>
                  </a:cubicBezTo>
                  <a:cubicBezTo>
                    <a:pt x="4362" y="11880"/>
                    <a:pt x="4136" y="11930"/>
                    <a:pt x="4061" y="11980"/>
                  </a:cubicBezTo>
                  <a:cubicBezTo>
                    <a:pt x="3961" y="12031"/>
                    <a:pt x="3835" y="12206"/>
                    <a:pt x="3835" y="12331"/>
                  </a:cubicBezTo>
                  <a:cubicBezTo>
                    <a:pt x="3785" y="12432"/>
                    <a:pt x="3910" y="12607"/>
                    <a:pt x="3910" y="12707"/>
                  </a:cubicBezTo>
                  <a:cubicBezTo>
                    <a:pt x="3910" y="12782"/>
                    <a:pt x="3910" y="13008"/>
                    <a:pt x="3835" y="13058"/>
                  </a:cubicBezTo>
                  <a:cubicBezTo>
                    <a:pt x="3785" y="13108"/>
                    <a:pt x="3610" y="13158"/>
                    <a:pt x="3560" y="13234"/>
                  </a:cubicBezTo>
                  <a:cubicBezTo>
                    <a:pt x="3459" y="13284"/>
                    <a:pt x="3334" y="13384"/>
                    <a:pt x="3284" y="13459"/>
                  </a:cubicBezTo>
                  <a:cubicBezTo>
                    <a:pt x="3284" y="13509"/>
                    <a:pt x="3234" y="13609"/>
                    <a:pt x="3159" y="13685"/>
                  </a:cubicBezTo>
                  <a:cubicBezTo>
                    <a:pt x="3284" y="13735"/>
                    <a:pt x="3459" y="13785"/>
                    <a:pt x="3509" y="13835"/>
                  </a:cubicBezTo>
                  <a:cubicBezTo>
                    <a:pt x="3560" y="13960"/>
                    <a:pt x="3685" y="14186"/>
                    <a:pt x="3735" y="14286"/>
                  </a:cubicBezTo>
                  <a:cubicBezTo>
                    <a:pt x="3785" y="14412"/>
                    <a:pt x="3961" y="14512"/>
                    <a:pt x="4011" y="14562"/>
                  </a:cubicBezTo>
                  <a:cubicBezTo>
                    <a:pt x="4061" y="14687"/>
                    <a:pt x="4136" y="14863"/>
                    <a:pt x="4136" y="14963"/>
                  </a:cubicBezTo>
                  <a:cubicBezTo>
                    <a:pt x="4236" y="15088"/>
                    <a:pt x="4462" y="15239"/>
                    <a:pt x="4512" y="15364"/>
                  </a:cubicBezTo>
                  <a:lnTo>
                    <a:pt x="4587" y="15364"/>
                  </a:lnTo>
                  <a:cubicBezTo>
                    <a:pt x="4637" y="15239"/>
                    <a:pt x="4813" y="15188"/>
                    <a:pt x="4863" y="15138"/>
                  </a:cubicBezTo>
                  <a:cubicBezTo>
                    <a:pt x="4913" y="15138"/>
                    <a:pt x="5088" y="15138"/>
                    <a:pt x="5139" y="15088"/>
                  </a:cubicBezTo>
                  <a:lnTo>
                    <a:pt x="5139" y="14737"/>
                  </a:lnTo>
                  <a:cubicBezTo>
                    <a:pt x="5139" y="14687"/>
                    <a:pt x="4963" y="14562"/>
                    <a:pt x="4963" y="14462"/>
                  </a:cubicBezTo>
                  <a:cubicBezTo>
                    <a:pt x="4963" y="14412"/>
                    <a:pt x="5139" y="14236"/>
                    <a:pt x="5264" y="14186"/>
                  </a:cubicBezTo>
                  <a:cubicBezTo>
                    <a:pt x="5336" y="14132"/>
                    <a:pt x="5473" y="14091"/>
                    <a:pt x="5591" y="14091"/>
                  </a:cubicBezTo>
                  <a:cubicBezTo>
                    <a:pt x="5637" y="14091"/>
                    <a:pt x="5680" y="14097"/>
                    <a:pt x="5715" y="14111"/>
                  </a:cubicBezTo>
                  <a:cubicBezTo>
                    <a:pt x="5765" y="14111"/>
                    <a:pt x="5865" y="14236"/>
                    <a:pt x="5941" y="14236"/>
                  </a:cubicBezTo>
                  <a:cubicBezTo>
                    <a:pt x="5991" y="14236"/>
                    <a:pt x="6216" y="14236"/>
                    <a:pt x="6317" y="14186"/>
                  </a:cubicBezTo>
                  <a:cubicBezTo>
                    <a:pt x="6392" y="14186"/>
                    <a:pt x="6442" y="14010"/>
                    <a:pt x="6492" y="14010"/>
                  </a:cubicBezTo>
                  <a:cubicBezTo>
                    <a:pt x="6542" y="13960"/>
                    <a:pt x="6718" y="13835"/>
                    <a:pt x="6843" y="13835"/>
                  </a:cubicBezTo>
                  <a:cubicBezTo>
                    <a:pt x="6868" y="13810"/>
                    <a:pt x="6937" y="13797"/>
                    <a:pt x="7006" y="13797"/>
                  </a:cubicBezTo>
                  <a:cubicBezTo>
                    <a:pt x="7075" y="13797"/>
                    <a:pt x="7144" y="13810"/>
                    <a:pt x="7169" y="13835"/>
                  </a:cubicBezTo>
                  <a:cubicBezTo>
                    <a:pt x="7244" y="13910"/>
                    <a:pt x="7244" y="14061"/>
                    <a:pt x="7244" y="14111"/>
                  </a:cubicBezTo>
                  <a:cubicBezTo>
                    <a:pt x="7294" y="14236"/>
                    <a:pt x="7394" y="14412"/>
                    <a:pt x="7394" y="14462"/>
                  </a:cubicBezTo>
                  <a:cubicBezTo>
                    <a:pt x="7394" y="14562"/>
                    <a:pt x="7294" y="14787"/>
                    <a:pt x="7294" y="14863"/>
                  </a:cubicBezTo>
                  <a:cubicBezTo>
                    <a:pt x="7344" y="14963"/>
                    <a:pt x="7520" y="15138"/>
                    <a:pt x="7620" y="15138"/>
                  </a:cubicBezTo>
                  <a:cubicBezTo>
                    <a:pt x="7682" y="15163"/>
                    <a:pt x="7783" y="15176"/>
                    <a:pt x="7874" y="15176"/>
                  </a:cubicBezTo>
                  <a:cubicBezTo>
                    <a:pt x="7964" y="15176"/>
                    <a:pt x="8046" y="15163"/>
                    <a:pt x="8071" y="15138"/>
                  </a:cubicBezTo>
                  <a:cubicBezTo>
                    <a:pt x="8196" y="15088"/>
                    <a:pt x="8196" y="14863"/>
                    <a:pt x="8246" y="14787"/>
                  </a:cubicBezTo>
                  <a:cubicBezTo>
                    <a:pt x="8296" y="14737"/>
                    <a:pt x="8472" y="14737"/>
                    <a:pt x="8597" y="14737"/>
                  </a:cubicBezTo>
                  <a:cubicBezTo>
                    <a:pt x="8697" y="14687"/>
                    <a:pt x="8973" y="14512"/>
                    <a:pt x="9149" y="14512"/>
                  </a:cubicBezTo>
                  <a:cubicBezTo>
                    <a:pt x="9274" y="14512"/>
                    <a:pt x="9499" y="14512"/>
                    <a:pt x="9550" y="14562"/>
                  </a:cubicBezTo>
                  <a:cubicBezTo>
                    <a:pt x="9650" y="14637"/>
                    <a:pt x="9775" y="14863"/>
                    <a:pt x="9875" y="14913"/>
                  </a:cubicBezTo>
                  <a:cubicBezTo>
                    <a:pt x="9938" y="14938"/>
                    <a:pt x="10013" y="14950"/>
                    <a:pt x="10085" y="14950"/>
                  </a:cubicBezTo>
                  <a:cubicBezTo>
                    <a:pt x="10157" y="14950"/>
                    <a:pt x="10226" y="14938"/>
                    <a:pt x="10276" y="14913"/>
                  </a:cubicBezTo>
                  <a:cubicBezTo>
                    <a:pt x="10327" y="14863"/>
                    <a:pt x="10502" y="14637"/>
                    <a:pt x="10452" y="14462"/>
                  </a:cubicBezTo>
                  <a:cubicBezTo>
                    <a:pt x="10452" y="14412"/>
                    <a:pt x="10276" y="14286"/>
                    <a:pt x="10276" y="14186"/>
                  </a:cubicBezTo>
                  <a:cubicBezTo>
                    <a:pt x="10226" y="14061"/>
                    <a:pt x="10226" y="13910"/>
                    <a:pt x="10276" y="13785"/>
                  </a:cubicBezTo>
                  <a:cubicBezTo>
                    <a:pt x="10276" y="13685"/>
                    <a:pt x="10402" y="13459"/>
                    <a:pt x="10502" y="13384"/>
                  </a:cubicBezTo>
                  <a:cubicBezTo>
                    <a:pt x="10502" y="13334"/>
                    <a:pt x="10677" y="13284"/>
                    <a:pt x="10728" y="13234"/>
                  </a:cubicBezTo>
                  <a:cubicBezTo>
                    <a:pt x="10728" y="13108"/>
                    <a:pt x="10728" y="12883"/>
                    <a:pt x="10778" y="12833"/>
                  </a:cubicBezTo>
                  <a:cubicBezTo>
                    <a:pt x="10778" y="12782"/>
                    <a:pt x="10903" y="12657"/>
                    <a:pt x="10903" y="12607"/>
                  </a:cubicBezTo>
                  <a:cubicBezTo>
                    <a:pt x="10953" y="12557"/>
                    <a:pt x="11003" y="12331"/>
                    <a:pt x="11078" y="12256"/>
                  </a:cubicBezTo>
                  <a:cubicBezTo>
                    <a:pt x="11129" y="12206"/>
                    <a:pt x="11304" y="12031"/>
                    <a:pt x="11404" y="12031"/>
                  </a:cubicBezTo>
                  <a:cubicBezTo>
                    <a:pt x="11421" y="12014"/>
                    <a:pt x="11457" y="12008"/>
                    <a:pt x="11503" y="12008"/>
                  </a:cubicBezTo>
                  <a:cubicBezTo>
                    <a:pt x="11594" y="12008"/>
                    <a:pt x="11722" y="12031"/>
                    <a:pt x="11805" y="12031"/>
                  </a:cubicBezTo>
                  <a:cubicBezTo>
                    <a:pt x="11855" y="12031"/>
                    <a:pt x="12081" y="11930"/>
                    <a:pt x="12131" y="11930"/>
                  </a:cubicBezTo>
                  <a:cubicBezTo>
                    <a:pt x="12256" y="11930"/>
                    <a:pt x="12357" y="11980"/>
                    <a:pt x="12482" y="12031"/>
                  </a:cubicBezTo>
                  <a:cubicBezTo>
                    <a:pt x="12532" y="11980"/>
                    <a:pt x="12532" y="11980"/>
                    <a:pt x="12532" y="11930"/>
                  </a:cubicBezTo>
                  <a:cubicBezTo>
                    <a:pt x="12582" y="11880"/>
                    <a:pt x="12758" y="11705"/>
                    <a:pt x="12808" y="11579"/>
                  </a:cubicBezTo>
                  <a:cubicBezTo>
                    <a:pt x="12933" y="11479"/>
                    <a:pt x="13033" y="11254"/>
                    <a:pt x="13159" y="11078"/>
                  </a:cubicBezTo>
                  <a:cubicBezTo>
                    <a:pt x="13159" y="11028"/>
                    <a:pt x="13259" y="10853"/>
                    <a:pt x="13334" y="10802"/>
                  </a:cubicBezTo>
                  <a:cubicBezTo>
                    <a:pt x="13334" y="10752"/>
                    <a:pt x="13384" y="10752"/>
                    <a:pt x="13384" y="10677"/>
                  </a:cubicBezTo>
                  <a:cubicBezTo>
                    <a:pt x="13434" y="10627"/>
                    <a:pt x="13334" y="10452"/>
                    <a:pt x="13384" y="10351"/>
                  </a:cubicBezTo>
                  <a:cubicBezTo>
                    <a:pt x="13384" y="10226"/>
                    <a:pt x="13560" y="10076"/>
                    <a:pt x="13610" y="9950"/>
                  </a:cubicBezTo>
                  <a:cubicBezTo>
                    <a:pt x="13660" y="9850"/>
                    <a:pt x="13660" y="9499"/>
                    <a:pt x="13735" y="9399"/>
                  </a:cubicBezTo>
                  <a:cubicBezTo>
                    <a:pt x="13785" y="9274"/>
                    <a:pt x="13961" y="9173"/>
                    <a:pt x="14011" y="9123"/>
                  </a:cubicBezTo>
                  <a:cubicBezTo>
                    <a:pt x="14061" y="9048"/>
                    <a:pt x="14186" y="8822"/>
                    <a:pt x="14236" y="8722"/>
                  </a:cubicBezTo>
                  <a:cubicBezTo>
                    <a:pt x="14286" y="8597"/>
                    <a:pt x="14462" y="8321"/>
                    <a:pt x="14562" y="8096"/>
                  </a:cubicBezTo>
                  <a:cubicBezTo>
                    <a:pt x="14512" y="7995"/>
                    <a:pt x="14412" y="7870"/>
                    <a:pt x="14337" y="7820"/>
                  </a:cubicBezTo>
                  <a:cubicBezTo>
                    <a:pt x="14286" y="7695"/>
                    <a:pt x="14061" y="7419"/>
                    <a:pt x="13961" y="7369"/>
                  </a:cubicBezTo>
                  <a:cubicBezTo>
                    <a:pt x="13877" y="7369"/>
                    <a:pt x="13749" y="7391"/>
                    <a:pt x="13636" y="7391"/>
                  </a:cubicBezTo>
                  <a:cubicBezTo>
                    <a:pt x="13579" y="7391"/>
                    <a:pt x="13526" y="7386"/>
                    <a:pt x="13484" y="7369"/>
                  </a:cubicBezTo>
                  <a:cubicBezTo>
                    <a:pt x="13384" y="7319"/>
                    <a:pt x="13159" y="7093"/>
                    <a:pt x="13109" y="6968"/>
                  </a:cubicBezTo>
                  <a:cubicBezTo>
                    <a:pt x="13033" y="6918"/>
                    <a:pt x="12983" y="6692"/>
                    <a:pt x="12983" y="6642"/>
                  </a:cubicBezTo>
                  <a:cubicBezTo>
                    <a:pt x="12983" y="6517"/>
                    <a:pt x="13033" y="6366"/>
                    <a:pt x="13033" y="6291"/>
                  </a:cubicBezTo>
                  <a:cubicBezTo>
                    <a:pt x="13109" y="6241"/>
                    <a:pt x="13109" y="6066"/>
                    <a:pt x="13033" y="6015"/>
                  </a:cubicBezTo>
                  <a:cubicBezTo>
                    <a:pt x="13033" y="5965"/>
                    <a:pt x="12883" y="5915"/>
                    <a:pt x="12808" y="5840"/>
                  </a:cubicBezTo>
                  <a:cubicBezTo>
                    <a:pt x="12758" y="5740"/>
                    <a:pt x="12708" y="5564"/>
                    <a:pt x="12708" y="5464"/>
                  </a:cubicBezTo>
                  <a:cubicBezTo>
                    <a:pt x="12758" y="5339"/>
                    <a:pt x="12808" y="5239"/>
                    <a:pt x="12883" y="5113"/>
                  </a:cubicBezTo>
                  <a:cubicBezTo>
                    <a:pt x="12883" y="5013"/>
                    <a:pt x="12983" y="4838"/>
                    <a:pt x="12933" y="4712"/>
                  </a:cubicBezTo>
                  <a:cubicBezTo>
                    <a:pt x="12933" y="4612"/>
                    <a:pt x="12758" y="4437"/>
                    <a:pt x="12657" y="4386"/>
                  </a:cubicBezTo>
                  <a:cubicBezTo>
                    <a:pt x="12620" y="4361"/>
                    <a:pt x="12563" y="4349"/>
                    <a:pt x="12507" y="4349"/>
                  </a:cubicBezTo>
                  <a:cubicBezTo>
                    <a:pt x="12451" y="4349"/>
                    <a:pt x="12394" y="4361"/>
                    <a:pt x="12357" y="4386"/>
                  </a:cubicBezTo>
                  <a:cubicBezTo>
                    <a:pt x="12256" y="4437"/>
                    <a:pt x="12206" y="4712"/>
                    <a:pt x="12081" y="4787"/>
                  </a:cubicBezTo>
                  <a:cubicBezTo>
                    <a:pt x="12031" y="4812"/>
                    <a:pt x="11949" y="4825"/>
                    <a:pt x="11865" y="4825"/>
                  </a:cubicBezTo>
                  <a:cubicBezTo>
                    <a:pt x="11780" y="4825"/>
                    <a:pt x="11692" y="4812"/>
                    <a:pt x="11630" y="4787"/>
                  </a:cubicBezTo>
                  <a:cubicBezTo>
                    <a:pt x="11530" y="4712"/>
                    <a:pt x="11454" y="4437"/>
                    <a:pt x="11354" y="4386"/>
                  </a:cubicBezTo>
                  <a:cubicBezTo>
                    <a:pt x="11337" y="4370"/>
                    <a:pt x="11312" y="4364"/>
                    <a:pt x="11283" y="4364"/>
                  </a:cubicBezTo>
                  <a:cubicBezTo>
                    <a:pt x="11223" y="4364"/>
                    <a:pt x="11145" y="4386"/>
                    <a:pt x="11078" y="4386"/>
                  </a:cubicBezTo>
                  <a:cubicBezTo>
                    <a:pt x="11003" y="4386"/>
                    <a:pt x="10903" y="4562"/>
                    <a:pt x="10853" y="4612"/>
                  </a:cubicBezTo>
                  <a:cubicBezTo>
                    <a:pt x="10778" y="4662"/>
                    <a:pt x="10778" y="4888"/>
                    <a:pt x="10728" y="4938"/>
                  </a:cubicBezTo>
                  <a:cubicBezTo>
                    <a:pt x="10728" y="5063"/>
                    <a:pt x="10627" y="5239"/>
                    <a:pt x="10502" y="5239"/>
                  </a:cubicBezTo>
                  <a:cubicBezTo>
                    <a:pt x="10402" y="5239"/>
                    <a:pt x="10176" y="5013"/>
                    <a:pt x="10051" y="4888"/>
                  </a:cubicBezTo>
                  <a:cubicBezTo>
                    <a:pt x="9951" y="4787"/>
                    <a:pt x="9825" y="4487"/>
                    <a:pt x="9650" y="4386"/>
                  </a:cubicBezTo>
                  <a:cubicBezTo>
                    <a:pt x="9550" y="4261"/>
                    <a:pt x="9199" y="4161"/>
                    <a:pt x="9098" y="4111"/>
                  </a:cubicBezTo>
                  <a:cubicBezTo>
                    <a:pt x="8923" y="4036"/>
                    <a:pt x="8522" y="3985"/>
                    <a:pt x="8422" y="3885"/>
                  </a:cubicBezTo>
                  <a:cubicBezTo>
                    <a:pt x="8296" y="3810"/>
                    <a:pt x="8071" y="3710"/>
                    <a:pt x="8021" y="3584"/>
                  </a:cubicBezTo>
                  <a:cubicBezTo>
                    <a:pt x="7971" y="3434"/>
                    <a:pt x="8071" y="3083"/>
                    <a:pt x="8021" y="2908"/>
                  </a:cubicBezTo>
                  <a:cubicBezTo>
                    <a:pt x="8021" y="2807"/>
                    <a:pt x="8021" y="2632"/>
                    <a:pt x="7971" y="2582"/>
                  </a:cubicBezTo>
                  <a:cubicBezTo>
                    <a:pt x="7845" y="2482"/>
                    <a:pt x="7695" y="2306"/>
                    <a:pt x="7570" y="2306"/>
                  </a:cubicBezTo>
                  <a:cubicBezTo>
                    <a:pt x="7469" y="2306"/>
                    <a:pt x="7294" y="2406"/>
                    <a:pt x="7244" y="2482"/>
                  </a:cubicBezTo>
                  <a:cubicBezTo>
                    <a:pt x="7169" y="2582"/>
                    <a:pt x="7294" y="2807"/>
                    <a:pt x="7244" y="2908"/>
                  </a:cubicBezTo>
                  <a:cubicBezTo>
                    <a:pt x="7169" y="2983"/>
                    <a:pt x="6943" y="2983"/>
                    <a:pt x="6893" y="2983"/>
                  </a:cubicBezTo>
                  <a:cubicBezTo>
                    <a:pt x="6768" y="2908"/>
                    <a:pt x="6768" y="2632"/>
                    <a:pt x="6718" y="2582"/>
                  </a:cubicBezTo>
                  <a:cubicBezTo>
                    <a:pt x="6617" y="2482"/>
                    <a:pt x="6392" y="2406"/>
                    <a:pt x="6266" y="2356"/>
                  </a:cubicBezTo>
                  <a:cubicBezTo>
                    <a:pt x="6166" y="2356"/>
                    <a:pt x="5941" y="2356"/>
                    <a:pt x="5865" y="2306"/>
                  </a:cubicBezTo>
                  <a:cubicBezTo>
                    <a:pt x="5815" y="2256"/>
                    <a:pt x="5715" y="2030"/>
                    <a:pt x="5715" y="1955"/>
                  </a:cubicBezTo>
                  <a:cubicBezTo>
                    <a:pt x="5765" y="1855"/>
                    <a:pt x="5941" y="1805"/>
                    <a:pt x="5991" y="1730"/>
                  </a:cubicBezTo>
                  <a:cubicBezTo>
                    <a:pt x="6041" y="1629"/>
                    <a:pt x="6091" y="1454"/>
                    <a:pt x="6091" y="1354"/>
                  </a:cubicBezTo>
                  <a:lnTo>
                    <a:pt x="6091" y="903"/>
                  </a:lnTo>
                  <a:cubicBezTo>
                    <a:pt x="6041" y="777"/>
                    <a:pt x="5865" y="552"/>
                    <a:pt x="5765" y="452"/>
                  </a:cubicBezTo>
                  <a:cubicBezTo>
                    <a:pt x="5590" y="326"/>
                    <a:pt x="5314" y="151"/>
                    <a:pt x="5139" y="101"/>
                  </a:cubicBezTo>
                  <a:cubicBezTo>
                    <a:pt x="4963" y="51"/>
                    <a:pt x="4687" y="0"/>
                    <a:pt x="4587" y="0"/>
                  </a:cubicBezTo>
                  <a:close/>
                </a:path>
              </a:pathLst>
            </a:custGeom>
            <a:solidFill>
              <a:schemeClr val="bg1"/>
            </a:solidFill>
            <a:ln>
              <a:noFill/>
            </a:ln>
          </p:spPr>
          <p:txBody>
            <a:bodyPr spcFirstLastPara="1" wrap="square" lIns="121900" tIns="121900" rIns="121900" bIns="121900" anchor="ctr" anchorCtr="0">
              <a:noAutofit/>
            </a:bodyPr>
            <a:lstStyle/>
            <a:p>
              <a:endParaRPr sz="2400"/>
            </a:p>
          </p:txBody>
        </p:sp>
        <p:sp>
          <p:nvSpPr>
            <p:cNvPr id="261" name="Google Shape;318;p16">
              <a:extLst>
                <a:ext uri="{FF2B5EF4-FFF2-40B4-BE49-F238E27FC236}">
                  <a16:creationId xmlns:a16="http://schemas.microsoft.com/office/drawing/2014/main" id="{249ADF33-854A-5384-2671-087602861BE3}"/>
                </a:ext>
              </a:extLst>
            </p:cNvPr>
            <p:cNvSpPr/>
            <p:nvPr/>
          </p:nvSpPr>
          <p:spPr>
            <a:xfrm>
              <a:off x="3473774" y="3030779"/>
              <a:ext cx="406453" cy="428809"/>
            </a:xfrm>
            <a:custGeom>
              <a:avLst/>
              <a:gdLst/>
              <a:ahLst/>
              <a:cxnLst/>
              <a:rect l="l" t="t" r="r" b="b"/>
              <a:pathLst>
                <a:path w="14563" h="15364" fill="none" extrusionOk="0">
                  <a:moveTo>
                    <a:pt x="14337" y="7820"/>
                  </a:moveTo>
                  <a:cubicBezTo>
                    <a:pt x="14412" y="7870"/>
                    <a:pt x="14512" y="7995"/>
                    <a:pt x="14562" y="8096"/>
                  </a:cubicBezTo>
                  <a:cubicBezTo>
                    <a:pt x="14462" y="8321"/>
                    <a:pt x="14286" y="8597"/>
                    <a:pt x="14236" y="8722"/>
                  </a:cubicBezTo>
                  <a:cubicBezTo>
                    <a:pt x="14186" y="8822"/>
                    <a:pt x="14061" y="9048"/>
                    <a:pt x="14011" y="9123"/>
                  </a:cubicBezTo>
                  <a:cubicBezTo>
                    <a:pt x="13961" y="9173"/>
                    <a:pt x="13785" y="9274"/>
                    <a:pt x="13735" y="9399"/>
                  </a:cubicBezTo>
                  <a:cubicBezTo>
                    <a:pt x="13660" y="9499"/>
                    <a:pt x="13660" y="9850"/>
                    <a:pt x="13610" y="9950"/>
                  </a:cubicBezTo>
                  <a:cubicBezTo>
                    <a:pt x="13560" y="10076"/>
                    <a:pt x="13384" y="10226"/>
                    <a:pt x="13384" y="10351"/>
                  </a:cubicBezTo>
                  <a:cubicBezTo>
                    <a:pt x="13334" y="10452"/>
                    <a:pt x="13434" y="10627"/>
                    <a:pt x="13384" y="10677"/>
                  </a:cubicBezTo>
                  <a:cubicBezTo>
                    <a:pt x="13384" y="10752"/>
                    <a:pt x="13334" y="10752"/>
                    <a:pt x="13334" y="10802"/>
                  </a:cubicBezTo>
                  <a:cubicBezTo>
                    <a:pt x="13259" y="10853"/>
                    <a:pt x="13159" y="11028"/>
                    <a:pt x="13159" y="11078"/>
                  </a:cubicBezTo>
                  <a:cubicBezTo>
                    <a:pt x="13033" y="11254"/>
                    <a:pt x="12933" y="11479"/>
                    <a:pt x="12808" y="11579"/>
                  </a:cubicBezTo>
                  <a:cubicBezTo>
                    <a:pt x="12758" y="11705"/>
                    <a:pt x="12582" y="11880"/>
                    <a:pt x="12532" y="11930"/>
                  </a:cubicBezTo>
                  <a:cubicBezTo>
                    <a:pt x="12532" y="11980"/>
                    <a:pt x="12532" y="11980"/>
                    <a:pt x="12482" y="12031"/>
                  </a:cubicBezTo>
                  <a:cubicBezTo>
                    <a:pt x="12357" y="11980"/>
                    <a:pt x="12256" y="11930"/>
                    <a:pt x="12131" y="11930"/>
                  </a:cubicBezTo>
                  <a:cubicBezTo>
                    <a:pt x="12081" y="11930"/>
                    <a:pt x="11855" y="12031"/>
                    <a:pt x="11805" y="12031"/>
                  </a:cubicBezTo>
                  <a:cubicBezTo>
                    <a:pt x="11680" y="12031"/>
                    <a:pt x="11454" y="11980"/>
                    <a:pt x="11404" y="12031"/>
                  </a:cubicBezTo>
                  <a:cubicBezTo>
                    <a:pt x="11304" y="12031"/>
                    <a:pt x="11129" y="12206"/>
                    <a:pt x="11078" y="12256"/>
                  </a:cubicBezTo>
                  <a:cubicBezTo>
                    <a:pt x="11003" y="12331"/>
                    <a:pt x="10953" y="12557"/>
                    <a:pt x="10903" y="12607"/>
                  </a:cubicBezTo>
                  <a:cubicBezTo>
                    <a:pt x="10903" y="12657"/>
                    <a:pt x="10778" y="12782"/>
                    <a:pt x="10778" y="12833"/>
                  </a:cubicBezTo>
                  <a:cubicBezTo>
                    <a:pt x="10728" y="12883"/>
                    <a:pt x="10728" y="13108"/>
                    <a:pt x="10728" y="13234"/>
                  </a:cubicBezTo>
                  <a:cubicBezTo>
                    <a:pt x="10677" y="13284"/>
                    <a:pt x="10502" y="13334"/>
                    <a:pt x="10502" y="13384"/>
                  </a:cubicBezTo>
                  <a:cubicBezTo>
                    <a:pt x="10402" y="13459"/>
                    <a:pt x="10276" y="13685"/>
                    <a:pt x="10276" y="13785"/>
                  </a:cubicBezTo>
                  <a:cubicBezTo>
                    <a:pt x="10226" y="13910"/>
                    <a:pt x="10226" y="14061"/>
                    <a:pt x="10276" y="14186"/>
                  </a:cubicBezTo>
                  <a:cubicBezTo>
                    <a:pt x="10276" y="14286"/>
                    <a:pt x="10452" y="14412"/>
                    <a:pt x="10452" y="14462"/>
                  </a:cubicBezTo>
                  <a:cubicBezTo>
                    <a:pt x="10502" y="14637"/>
                    <a:pt x="10327" y="14863"/>
                    <a:pt x="10276" y="14913"/>
                  </a:cubicBezTo>
                  <a:cubicBezTo>
                    <a:pt x="10176" y="14963"/>
                    <a:pt x="10001" y="14963"/>
                    <a:pt x="9875" y="14913"/>
                  </a:cubicBezTo>
                  <a:cubicBezTo>
                    <a:pt x="9775" y="14863"/>
                    <a:pt x="9650" y="14637"/>
                    <a:pt x="9550" y="14562"/>
                  </a:cubicBezTo>
                  <a:cubicBezTo>
                    <a:pt x="9499" y="14512"/>
                    <a:pt x="9274" y="14512"/>
                    <a:pt x="9149" y="14512"/>
                  </a:cubicBezTo>
                  <a:cubicBezTo>
                    <a:pt x="8973" y="14512"/>
                    <a:pt x="8697" y="14687"/>
                    <a:pt x="8597" y="14737"/>
                  </a:cubicBezTo>
                  <a:cubicBezTo>
                    <a:pt x="8472" y="14737"/>
                    <a:pt x="8296" y="14737"/>
                    <a:pt x="8246" y="14787"/>
                  </a:cubicBezTo>
                  <a:cubicBezTo>
                    <a:pt x="8196" y="14863"/>
                    <a:pt x="8196" y="15088"/>
                    <a:pt x="8071" y="15138"/>
                  </a:cubicBezTo>
                  <a:cubicBezTo>
                    <a:pt x="8021" y="15188"/>
                    <a:pt x="7745" y="15188"/>
                    <a:pt x="7620" y="15138"/>
                  </a:cubicBezTo>
                  <a:cubicBezTo>
                    <a:pt x="7520" y="15138"/>
                    <a:pt x="7344" y="14963"/>
                    <a:pt x="7294" y="14863"/>
                  </a:cubicBezTo>
                  <a:cubicBezTo>
                    <a:pt x="7294" y="14787"/>
                    <a:pt x="7394" y="14562"/>
                    <a:pt x="7394" y="14462"/>
                  </a:cubicBezTo>
                  <a:cubicBezTo>
                    <a:pt x="7394" y="14412"/>
                    <a:pt x="7294" y="14236"/>
                    <a:pt x="7244" y="14111"/>
                  </a:cubicBezTo>
                  <a:cubicBezTo>
                    <a:pt x="7244" y="14061"/>
                    <a:pt x="7244" y="13910"/>
                    <a:pt x="7169" y="13835"/>
                  </a:cubicBezTo>
                  <a:cubicBezTo>
                    <a:pt x="7119" y="13785"/>
                    <a:pt x="6893" y="13785"/>
                    <a:pt x="6843" y="13835"/>
                  </a:cubicBezTo>
                  <a:cubicBezTo>
                    <a:pt x="6718" y="13835"/>
                    <a:pt x="6542" y="13960"/>
                    <a:pt x="6492" y="14010"/>
                  </a:cubicBezTo>
                  <a:cubicBezTo>
                    <a:pt x="6442" y="14010"/>
                    <a:pt x="6392" y="14186"/>
                    <a:pt x="6317" y="14186"/>
                  </a:cubicBezTo>
                  <a:cubicBezTo>
                    <a:pt x="6216" y="14236"/>
                    <a:pt x="5991" y="14236"/>
                    <a:pt x="5941" y="14236"/>
                  </a:cubicBezTo>
                  <a:cubicBezTo>
                    <a:pt x="5865" y="14236"/>
                    <a:pt x="5765" y="14111"/>
                    <a:pt x="5715" y="14111"/>
                  </a:cubicBezTo>
                  <a:cubicBezTo>
                    <a:pt x="5590" y="14061"/>
                    <a:pt x="5364" y="14111"/>
                    <a:pt x="5264" y="14186"/>
                  </a:cubicBezTo>
                  <a:cubicBezTo>
                    <a:pt x="5139" y="14236"/>
                    <a:pt x="4963" y="14412"/>
                    <a:pt x="4963" y="14462"/>
                  </a:cubicBezTo>
                  <a:cubicBezTo>
                    <a:pt x="4963" y="14562"/>
                    <a:pt x="5139" y="14687"/>
                    <a:pt x="5139" y="14737"/>
                  </a:cubicBezTo>
                  <a:lnTo>
                    <a:pt x="5139" y="15088"/>
                  </a:lnTo>
                  <a:cubicBezTo>
                    <a:pt x="5088" y="15138"/>
                    <a:pt x="4913" y="15138"/>
                    <a:pt x="4863" y="15138"/>
                  </a:cubicBezTo>
                  <a:cubicBezTo>
                    <a:pt x="4813" y="15188"/>
                    <a:pt x="4637" y="15239"/>
                    <a:pt x="4587" y="15364"/>
                  </a:cubicBezTo>
                  <a:lnTo>
                    <a:pt x="4512" y="15364"/>
                  </a:lnTo>
                  <a:cubicBezTo>
                    <a:pt x="4462" y="15239"/>
                    <a:pt x="4236" y="15088"/>
                    <a:pt x="4136" y="14963"/>
                  </a:cubicBezTo>
                  <a:cubicBezTo>
                    <a:pt x="4136" y="14863"/>
                    <a:pt x="4061" y="14687"/>
                    <a:pt x="4011" y="14562"/>
                  </a:cubicBezTo>
                  <a:cubicBezTo>
                    <a:pt x="3961" y="14512"/>
                    <a:pt x="3785" y="14412"/>
                    <a:pt x="3735" y="14286"/>
                  </a:cubicBezTo>
                  <a:cubicBezTo>
                    <a:pt x="3685" y="14186"/>
                    <a:pt x="3560" y="13960"/>
                    <a:pt x="3509" y="13835"/>
                  </a:cubicBezTo>
                  <a:cubicBezTo>
                    <a:pt x="3459" y="13785"/>
                    <a:pt x="3284" y="13735"/>
                    <a:pt x="3159" y="13685"/>
                  </a:cubicBezTo>
                  <a:cubicBezTo>
                    <a:pt x="3234" y="13609"/>
                    <a:pt x="3284" y="13509"/>
                    <a:pt x="3284" y="13459"/>
                  </a:cubicBezTo>
                  <a:cubicBezTo>
                    <a:pt x="3334" y="13384"/>
                    <a:pt x="3459" y="13284"/>
                    <a:pt x="3560" y="13234"/>
                  </a:cubicBezTo>
                  <a:cubicBezTo>
                    <a:pt x="3610" y="13158"/>
                    <a:pt x="3785" y="13108"/>
                    <a:pt x="3835" y="13058"/>
                  </a:cubicBezTo>
                  <a:cubicBezTo>
                    <a:pt x="3910" y="13008"/>
                    <a:pt x="3910" y="12782"/>
                    <a:pt x="3910" y="12707"/>
                  </a:cubicBezTo>
                  <a:cubicBezTo>
                    <a:pt x="3910" y="12607"/>
                    <a:pt x="3785" y="12432"/>
                    <a:pt x="3835" y="12331"/>
                  </a:cubicBezTo>
                  <a:cubicBezTo>
                    <a:pt x="3835" y="12206"/>
                    <a:pt x="3961" y="12031"/>
                    <a:pt x="4061" y="11980"/>
                  </a:cubicBezTo>
                  <a:cubicBezTo>
                    <a:pt x="4136" y="11930"/>
                    <a:pt x="4362" y="11880"/>
                    <a:pt x="4412" y="11805"/>
                  </a:cubicBezTo>
                  <a:cubicBezTo>
                    <a:pt x="4462" y="11755"/>
                    <a:pt x="4512" y="11529"/>
                    <a:pt x="4587" y="11479"/>
                  </a:cubicBezTo>
                  <a:cubicBezTo>
                    <a:pt x="4637" y="11429"/>
                    <a:pt x="4738" y="11354"/>
                    <a:pt x="4813" y="11304"/>
                  </a:cubicBezTo>
                  <a:cubicBezTo>
                    <a:pt x="4863" y="11203"/>
                    <a:pt x="4913" y="11028"/>
                    <a:pt x="4913" y="10903"/>
                  </a:cubicBezTo>
                  <a:cubicBezTo>
                    <a:pt x="4913" y="10802"/>
                    <a:pt x="4863" y="10627"/>
                    <a:pt x="4813" y="10527"/>
                  </a:cubicBezTo>
                  <a:cubicBezTo>
                    <a:pt x="4813" y="10452"/>
                    <a:pt x="4813" y="10226"/>
                    <a:pt x="4738" y="10226"/>
                  </a:cubicBezTo>
                  <a:cubicBezTo>
                    <a:pt x="4687" y="10176"/>
                    <a:pt x="4587" y="10226"/>
                    <a:pt x="4462" y="10226"/>
                  </a:cubicBezTo>
                  <a:cubicBezTo>
                    <a:pt x="4362" y="10226"/>
                    <a:pt x="4136" y="10301"/>
                    <a:pt x="4011" y="10226"/>
                  </a:cubicBezTo>
                  <a:cubicBezTo>
                    <a:pt x="3961" y="10226"/>
                    <a:pt x="3910" y="10076"/>
                    <a:pt x="3910" y="10026"/>
                  </a:cubicBezTo>
                  <a:cubicBezTo>
                    <a:pt x="3835" y="9950"/>
                    <a:pt x="3835" y="9725"/>
                    <a:pt x="3785" y="9675"/>
                  </a:cubicBezTo>
                  <a:cubicBezTo>
                    <a:pt x="3785" y="9574"/>
                    <a:pt x="3735" y="9274"/>
                    <a:pt x="3610" y="9224"/>
                  </a:cubicBezTo>
                  <a:cubicBezTo>
                    <a:pt x="3509" y="9123"/>
                    <a:pt x="3284" y="9048"/>
                    <a:pt x="3108" y="8998"/>
                  </a:cubicBezTo>
                  <a:cubicBezTo>
                    <a:pt x="3008" y="8998"/>
                    <a:pt x="2707" y="8998"/>
                    <a:pt x="2607" y="8948"/>
                  </a:cubicBezTo>
                  <a:cubicBezTo>
                    <a:pt x="2557" y="8948"/>
                    <a:pt x="2382" y="8822"/>
                    <a:pt x="2332" y="8772"/>
                  </a:cubicBezTo>
                  <a:cubicBezTo>
                    <a:pt x="2206" y="8722"/>
                    <a:pt x="2156" y="8547"/>
                    <a:pt x="2106" y="8447"/>
                  </a:cubicBezTo>
                  <a:cubicBezTo>
                    <a:pt x="2106" y="8321"/>
                    <a:pt x="2206" y="8096"/>
                    <a:pt x="2206" y="7995"/>
                  </a:cubicBezTo>
                  <a:cubicBezTo>
                    <a:pt x="2156" y="7820"/>
                    <a:pt x="2156" y="7544"/>
                    <a:pt x="2031" y="7369"/>
                  </a:cubicBezTo>
                  <a:cubicBezTo>
                    <a:pt x="1981" y="7319"/>
                    <a:pt x="1805" y="7193"/>
                    <a:pt x="1755" y="7193"/>
                  </a:cubicBezTo>
                  <a:cubicBezTo>
                    <a:pt x="1655" y="7143"/>
                    <a:pt x="1479" y="7193"/>
                    <a:pt x="1429" y="7143"/>
                  </a:cubicBezTo>
                  <a:cubicBezTo>
                    <a:pt x="1354" y="7093"/>
                    <a:pt x="1204" y="6968"/>
                    <a:pt x="1129" y="6868"/>
                  </a:cubicBezTo>
                  <a:cubicBezTo>
                    <a:pt x="1129" y="6792"/>
                    <a:pt x="1129" y="6692"/>
                    <a:pt x="1204" y="6642"/>
                  </a:cubicBezTo>
                  <a:cubicBezTo>
                    <a:pt x="1254" y="6567"/>
                    <a:pt x="1429" y="6517"/>
                    <a:pt x="1479" y="6467"/>
                  </a:cubicBezTo>
                  <a:cubicBezTo>
                    <a:pt x="1530" y="6416"/>
                    <a:pt x="1479" y="6241"/>
                    <a:pt x="1479" y="6141"/>
                  </a:cubicBezTo>
                  <a:cubicBezTo>
                    <a:pt x="1429" y="6066"/>
                    <a:pt x="1429" y="5840"/>
                    <a:pt x="1304" y="5790"/>
                  </a:cubicBezTo>
                  <a:cubicBezTo>
                    <a:pt x="1254" y="5690"/>
                    <a:pt x="1028" y="5740"/>
                    <a:pt x="903" y="5690"/>
                  </a:cubicBezTo>
                  <a:cubicBezTo>
                    <a:pt x="803" y="5614"/>
                    <a:pt x="627" y="5464"/>
                    <a:pt x="577" y="5339"/>
                  </a:cubicBezTo>
                  <a:cubicBezTo>
                    <a:pt x="527" y="5289"/>
                    <a:pt x="452" y="5063"/>
                    <a:pt x="402" y="5013"/>
                  </a:cubicBezTo>
                  <a:cubicBezTo>
                    <a:pt x="352" y="4888"/>
                    <a:pt x="176" y="4662"/>
                    <a:pt x="126" y="4562"/>
                  </a:cubicBezTo>
                  <a:cubicBezTo>
                    <a:pt x="51" y="4437"/>
                    <a:pt x="1" y="4161"/>
                    <a:pt x="1" y="3985"/>
                  </a:cubicBezTo>
                  <a:cubicBezTo>
                    <a:pt x="51" y="3885"/>
                    <a:pt x="176" y="3710"/>
                    <a:pt x="276" y="3660"/>
                  </a:cubicBezTo>
                  <a:cubicBezTo>
                    <a:pt x="352" y="3584"/>
                    <a:pt x="527" y="3534"/>
                    <a:pt x="627" y="3584"/>
                  </a:cubicBezTo>
                  <a:cubicBezTo>
                    <a:pt x="677" y="3584"/>
                    <a:pt x="753" y="3760"/>
                    <a:pt x="853" y="3810"/>
                  </a:cubicBezTo>
                  <a:lnTo>
                    <a:pt x="1204" y="3810"/>
                  </a:lnTo>
                  <a:cubicBezTo>
                    <a:pt x="1304" y="3760"/>
                    <a:pt x="1354" y="3534"/>
                    <a:pt x="1479" y="3484"/>
                  </a:cubicBezTo>
                  <a:cubicBezTo>
                    <a:pt x="1530" y="3434"/>
                    <a:pt x="1705" y="3434"/>
                    <a:pt x="1755" y="3359"/>
                  </a:cubicBezTo>
                  <a:cubicBezTo>
                    <a:pt x="1880" y="3309"/>
                    <a:pt x="2031" y="3133"/>
                    <a:pt x="2031" y="3033"/>
                  </a:cubicBezTo>
                  <a:cubicBezTo>
                    <a:pt x="2106" y="2908"/>
                    <a:pt x="2031" y="2582"/>
                    <a:pt x="1981" y="2406"/>
                  </a:cubicBezTo>
                  <a:cubicBezTo>
                    <a:pt x="1981" y="2356"/>
                    <a:pt x="1880" y="2181"/>
                    <a:pt x="1805" y="2081"/>
                  </a:cubicBezTo>
                  <a:cubicBezTo>
                    <a:pt x="1755" y="1955"/>
                    <a:pt x="1705" y="1629"/>
                    <a:pt x="1705" y="1504"/>
                  </a:cubicBezTo>
                  <a:cubicBezTo>
                    <a:pt x="1705" y="1454"/>
                    <a:pt x="1705" y="1354"/>
                    <a:pt x="1755" y="1228"/>
                  </a:cubicBezTo>
                  <a:cubicBezTo>
                    <a:pt x="1880" y="1228"/>
                    <a:pt x="1981" y="1228"/>
                    <a:pt x="2031" y="1178"/>
                  </a:cubicBezTo>
                  <a:cubicBezTo>
                    <a:pt x="2206" y="1128"/>
                    <a:pt x="2432" y="953"/>
                    <a:pt x="2557" y="903"/>
                  </a:cubicBezTo>
                  <a:cubicBezTo>
                    <a:pt x="2607" y="777"/>
                    <a:pt x="2833" y="602"/>
                    <a:pt x="2933" y="602"/>
                  </a:cubicBezTo>
                  <a:cubicBezTo>
                    <a:pt x="3058" y="602"/>
                    <a:pt x="3234" y="727"/>
                    <a:pt x="3284" y="827"/>
                  </a:cubicBezTo>
                  <a:cubicBezTo>
                    <a:pt x="3334" y="903"/>
                    <a:pt x="3284" y="1128"/>
                    <a:pt x="3384" y="1178"/>
                  </a:cubicBezTo>
                  <a:cubicBezTo>
                    <a:pt x="3459" y="1178"/>
                    <a:pt x="3610" y="1128"/>
                    <a:pt x="3685" y="1053"/>
                  </a:cubicBezTo>
                  <a:cubicBezTo>
                    <a:pt x="3735" y="1003"/>
                    <a:pt x="3685" y="903"/>
                    <a:pt x="3735" y="827"/>
                  </a:cubicBezTo>
                  <a:cubicBezTo>
                    <a:pt x="3785" y="727"/>
                    <a:pt x="4061" y="552"/>
                    <a:pt x="4136" y="502"/>
                  </a:cubicBezTo>
                  <a:cubicBezTo>
                    <a:pt x="4186" y="376"/>
                    <a:pt x="4186" y="226"/>
                    <a:pt x="4236" y="151"/>
                  </a:cubicBezTo>
                  <a:cubicBezTo>
                    <a:pt x="4286" y="101"/>
                    <a:pt x="4462" y="51"/>
                    <a:pt x="4587" y="0"/>
                  </a:cubicBezTo>
                  <a:cubicBezTo>
                    <a:pt x="4687" y="0"/>
                    <a:pt x="4963" y="51"/>
                    <a:pt x="5139" y="101"/>
                  </a:cubicBezTo>
                  <a:cubicBezTo>
                    <a:pt x="5314" y="151"/>
                    <a:pt x="5590" y="326"/>
                    <a:pt x="5765" y="452"/>
                  </a:cubicBezTo>
                  <a:cubicBezTo>
                    <a:pt x="5865" y="552"/>
                    <a:pt x="6041" y="777"/>
                    <a:pt x="6091" y="903"/>
                  </a:cubicBezTo>
                  <a:lnTo>
                    <a:pt x="6091" y="1354"/>
                  </a:lnTo>
                  <a:cubicBezTo>
                    <a:pt x="6091" y="1454"/>
                    <a:pt x="6041" y="1629"/>
                    <a:pt x="5991" y="1730"/>
                  </a:cubicBezTo>
                  <a:cubicBezTo>
                    <a:pt x="5941" y="1805"/>
                    <a:pt x="5765" y="1855"/>
                    <a:pt x="5715" y="1955"/>
                  </a:cubicBezTo>
                  <a:cubicBezTo>
                    <a:pt x="5715" y="2030"/>
                    <a:pt x="5815" y="2256"/>
                    <a:pt x="5865" y="2306"/>
                  </a:cubicBezTo>
                  <a:cubicBezTo>
                    <a:pt x="5941" y="2356"/>
                    <a:pt x="6166" y="2356"/>
                    <a:pt x="6266" y="2356"/>
                  </a:cubicBezTo>
                  <a:cubicBezTo>
                    <a:pt x="6392" y="2406"/>
                    <a:pt x="6617" y="2482"/>
                    <a:pt x="6718" y="2582"/>
                  </a:cubicBezTo>
                  <a:cubicBezTo>
                    <a:pt x="6768" y="2632"/>
                    <a:pt x="6768" y="2908"/>
                    <a:pt x="6893" y="2983"/>
                  </a:cubicBezTo>
                  <a:cubicBezTo>
                    <a:pt x="6943" y="2983"/>
                    <a:pt x="7169" y="2983"/>
                    <a:pt x="7244" y="2908"/>
                  </a:cubicBezTo>
                  <a:cubicBezTo>
                    <a:pt x="7294" y="2807"/>
                    <a:pt x="7169" y="2582"/>
                    <a:pt x="7244" y="2482"/>
                  </a:cubicBezTo>
                  <a:cubicBezTo>
                    <a:pt x="7294" y="2406"/>
                    <a:pt x="7469" y="2306"/>
                    <a:pt x="7570" y="2306"/>
                  </a:cubicBezTo>
                  <a:cubicBezTo>
                    <a:pt x="7695" y="2306"/>
                    <a:pt x="7845" y="2482"/>
                    <a:pt x="7971" y="2582"/>
                  </a:cubicBezTo>
                  <a:cubicBezTo>
                    <a:pt x="8021" y="2632"/>
                    <a:pt x="8021" y="2807"/>
                    <a:pt x="8021" y="2908"/>
                  </a:cubicBezTo>
                  <a:cubicBezTo>
                    <a:pt x="8071" y="3083"/>
                    <a:pt x="7971" y="3434"/>
                    <a:pt x="8021" y="3584"/>
                  </a:cubicBezTo>
                  <a:cubicBezTo>
                    <a:pt x="8071" y="3710"/>
                    <a:pt x="8296" y="3810"/>
                    <a:pt x="8422" y="3885"/>
                  </a:cubicBezTo>
                  <a:cubicBezTo>
                    <a:pt x="8522" y="3985"/>
                    <a:pt x="8923" y="4036"/>
                    <a:pt x="9098" y="4111"/>
                  </a:cubicBezTo>
                  <a:cubicBezTo>
                    <a:pt x="9199" y="4161"/>
                    <a:pt x="9550" y="4261"/>
                    <a:pt x="9650" y="4386"/>
                  </a:cubicBezTo>
                  <a:cubicBezTo>
                    <a:pt x="9825" y="4487"/>
                    <a:pt x="9951" y="4787"/>
                    <a:pt x="10051" y="4888"/>
                  </a:cubicBezTo>
                  <a:cubicBezTo>
                    <a:pt x="10176" y="5013"/>
                    <a:pt x="10402" y="5239"/>
                    <a:pt x="10502" y="5239"/>
                  </a:cubicBezTo>
                  <a:cubicBezTo>
                    <a:pt x="10627" y="5239"/>
                    <a:pt x="10728" y="5063"/>
                    <a:pt x="10728" y="4938"/>
                  </a:cubicBezTo>
                  <a:cubicBezTo>
                    <a:pt x="10778" y="4888"/>
                    <a:pt x="10778" y="4662"/>
                    <a:pt x="10853" y="4612"/>
                  </a:cubicBezTo>
                  <a:cubicBezTo>
                    <a:pt x="10903" y="4562"/>
                    <a:pt x="11003" y="4386"/>
                    <a:pt x="11078" y="4386"/>
                  </a:cubicBezTo>
                  <a:cubicBezTo>
                    <a:pt x="11179" y="4386"/>
                    <a:pt x="11304" y="4336"/>
                    <a:pt x="11354" y="4386"/>
                  </a:cubicBezTo>
                  <a:cubicBezTo>
                    <a:pt x="11454" y="4437"/>
                    <a:pt x="11530" y="4712"/>
                    <a:pt x="11630" y="4787"/>
                  </a:cubicBezTo>
                  <a:cubicBezTo>
                    <a:pt x="11755" y="4838"/>
                    <a:pt x="11981" y="4838"/>
                    <a:pt x="12081" y="4787"/>
                  </a:cubicBezTo>
                  <a:cubicBezTo>
                    <a:pt x="12206" y="4712"/>
                    <a:pt x="12256" y="4437"/>
                    <a:pt x="12357" y="4386"/>
                  </a:cubicBezTo>
                  <a:cubicBezTo>
                    <a:pt x="12432" y="4336"/>
                    <a:pt x="12582" y="4336"/>
                    <a:pt x="12657" y="4386"/>
                  </a:cubicBezTo>
                  <a:cubicBezTo>
                    <a:pt x="12758" y="4437"/>
                    <a:pt x="12933" y="4612"/>
                    <a:pt x="12933" y="4712"/>
                  </a:cubicBezTo>
                  <a:cubicBezTo>
                    <a:pt x="12983" y="4838"/>
                    <a:pt x="12883" y="5013"/>
                    <a:pt x="12883" y="5113"/>
                  </a:cubicBezTo>
                  <a:cubicBezTo>
                    <a:pt x="12808" y="5239"/>
                    <a:pt x="12758" y="5339"/>
                    <a:pt x="12708" y="5464"/>
                  </a:cubicBezTo>
                  <a:cubicBezTo>
                    <a:pt x="12708" y="5564"/>
                    <a:pt x="12758" y="5740"/>
                    <a:pt x="12808" y="5840"/>
                  </a:cubicBezTo>
                  <a:cubicBezTo>
                    <a:pt x="12883" y="5915"/>
                    <a:pt x="13033" y="5965"/>
                    <a:pt x="13033" y="6015"/>
                  </a:cubicBezTo>
                  <a:cubicBezTo>
                    <a:pt x="13109" y="6066"/>
                    <a:pt x="13109" y="6241"/>
                    <a:pt x="13033" y="6291"/>
                  </a:cubicBezTo>
                  <a:cubicBezTo>
                    <a:pt x="13033" y="6366"/>
                    <a:pt x="12983" y="6517"/>
                    <a:pt x="12983" y="6642"/>
                  </a:cubicBezTo>
                  <a:cubicBezTo>
                    <a:pt x="12983" y="6692"/>
                    <a:pt x="13033" y="6918"/>
                    <a:pt x="13109" y="6968"/>
                  </a:cubicBezTo>
                  <a:cubicBezTo>
                    <a:pt x="13159" y="7093"/>
                    <a:pt x="13384" y="7319"/>
                    <a:pt x="13484" y="7369"/>
                  </a:cubicBezTo>
                  <a:cubicBezTo>
                    <a:pt x="13610" y="7419"/>
                    <a:pt x="13835" y="7369"/>
                    <a:pt x="13961" y="7369"/>
                  </a:cubicBezTo>
                  <a:cubicBezTo>
                    <a:pt x="14061" y="7419"/>
                    <a:pt x="14286" y="7695"/>
                    <a:pt x="14337" y="7820"/>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66" name="Google Shape;323;p16">
              <a:extLst>
                <a:ext uri="{FF2B5EF4-FFF2-40B4-BE49-F238E27FC236}">
                  <a16:creationId xmlns:a16="http://schemas.microsoft.com/office/drawing/2014/main" id="{F9CB9A36-DA69-5F64-BD55-C1534457D0BD}"/>
                </a:ext>
              </a:extLst>
            </p:cNvPr>
            <p:cNvSpPr/>
            <p:nvPr/>
          </p:nvSpPr>
          <p:spPr>
            <a:xfrm>
              <a:off x="3124731" y="3195867"/>
              <a:ext cx="7005" cy="13313"/>
            </a:xfrm>
            <a:custGeom>
              <a:avLst/>
              <a:gdLst/>
              <a:ahLst/>
              <a:cxnLst/>
              <a:rect l="l" t="t" r="r" b="b"/>
              <a:pathLst>
                <a:path w="251" h="477" extrusionOk="0">
                  <a:moveTo>
                    <a:pt x="251" y="100"/>
                  </a:moveTo>
                  <a:cubicBezTo>
                    <a:pt x="251" y="50"/>
                    <a:pt x="226" y="0"/>
                    <a:pt x="226" y="0"/>
                  </a:cubicBezTo>
                  <a:lnTo>
                    <a:pt x="25" y="0"/>
                  </a:lnTo>
                  <a:cubicBezTo>
                    <a:pt x="0" y="0"/>
                    <a:pt x="0" y="100"/>
                    <a:pt x="0" y="176"/>
                  </a:cubicBezTo>
                  <a:cubicBezTo>
                    <a:pt x="0" y="226"/>
                    <a:pt x="0" y="351"/>
                    <a:pt x="25" y="401"/>
                  </a:cubicBezTo>
                  <a:cubicBezTo>
                    <a:pt x="76" y="401"/>
                    <a:pt x="226" y="476"/>
                    <a:pt x="226" y="401"/>
                  </a:cubicBezTo>
                  <a:cubicBezTo>
                    <a:pt x="251" y="401"/>
                    <a:pt x="226" y="301"/>
                    <a:pt x="226" y="226"/>
                  </a:cubicBezTo>
                  <a:cubicBezTo>
                    <a:pt x="251" y="226"/>
                    <a:pt x="251" y="100"/>
                    <a:pt x="251" y="100"/>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267" name="Google Shape;324;p16">
              <a:extLst>
                <a:ext uri="{FF2B5EF4-FFF2-40B4-BE49-F238E27FC236}">
                  <a16:creationId xmlns:a16="http://schemas.microsoft.com/office/drawing/2014/main" id="{09733036-1017-2460-024A-4E93DECFCC61}"/>
                </a:ext>
              </a:extLst>
            </p:cNvPr>
            <p:cNvSpPr/>
            <p:nvPr/>
          </p:nvSpPr>
          <p:spPr>
            <a:xfrm>
              <a:off x="3124731" y="3195867"/>
              <a:ext cx="7005" cy="13313"/>
            </a:xfrm>
            <a:custGeom>
              <a:avLst/>
              <a:gdLst/>
              <a:ahLst/>
              <a:cxnLst/>
              <a:rect l="l" t="t" r="r" b="b"/>
              <a:pathLst>
                <a:path w="251" h="477" fill="none" extrusionOk="0">
                  <a:moveTo>
                    <a:pt x="251" y="100"/>
                  </a:moveTo>
                  <a:cubicBezTo>
                    <a:pt x="251" y="50"/>
                    <a:pt x="226" y="0"/>
                    <a:pt x="226" y="0"/>
                  </a:cubicBezTo>
                  <a:lnTo>
                    <a:pt x="25" y="0"/>
                  </a:lnTo>
                  <a:cubicBezTo>
                    <a:pt x="0" y="0"/>
                    <a:pt x="0" y="100"/>
                    <a:pt x="0" y="176"/>
                  </a:cubicBezTo>
                  <a:cubicBezTo>
                    <a:pt x="0" y="226"/>
                    <a:pt x="0" y="351"/>
                    <a:pt x="25" y="401"/>
                  </a:cubicBezTo>
                  <a:cubicBezTo>
                    <a:pt x="76" y="401"/>
                    <a:pt x="226" y="476"/>
                    <a:pt x="226" y="401"/>
                  </a:cubicBezTo>
                  <a:cubicBezTo>
                    <a:pt x="251" y="401"/>
                    <a:pt x="226" y="301"/>
                    <a:pt x="226" y="226"/>
                  </a:cubicBezTo>
                  <a:cubicBezTo>
                    <a:pt x="251" y="226"/>
                    <a:pt x="251" y="100"/>
                    <a:pt x="251" y="100"/>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68" name="Google Shape;325;p16">
              <a:extLst>
                <a:ext uri="{FF2B5EF4-FFF2-40B4-BE49-F238E27FC236}">
                  <a16:creationId xmlns:a16="http://schemas.microsoft.com/office/drawing/2014/main" id="{94DC8789-F325-816A-8BD8-B78CF077AC5C}"/>
                </a:ext>
              </a:extLst>
            </p:cNvPr>
            <p:cNvSpPr/>
            <p:nvPr/>
          </p:nvSpPr>
          <p:spPr>
            <a:xfrm>
              <a:off x="3124731" y="3195867"/>
              <a:ext cx="7005" cy="12141"/>
            </a:xfrm>
            <a:custGeom>
              <a:avLst/>
              <a:gdLst/>
              <a:ahLst/>
              <a:cxnLst/>
              <a:rect l="l" t="t" r="r" b="b"/>
              <a:pathLst>
                <a:path w="251" h="435" extrusionOk="0">
                  <a:moveTo>
                    <a:pt x="25" y="0"/>
                  </a:moveTo>
                  <a:cubicBezTo>
                    <a:pt x="0" y="0"/>
                    <a:pt x="0" y="100"/>
                    <a:pt x="0" y="176"/>
                  </a:cubicBezTo>
                  <a:cubicBezTo>
                    <a:pt x="0" y="226"/>
                    <a:pt x="0" y="351"/>
                    <a:pt x="25" y="401"/>
                  </a:cubicBezTo>
                  <a:cubicBezTo>
                    <a:pt x="59" y="401"/>
                    <a:pt x="137" y="435"/>
                    <a:pt x="185" y="435"/>
                  </a:cubicBezTo>
                  <a:cubicBezTo>
                    <a:pt x="209" y="435"/>
                    <a:pt x="226" y="426"/>
                    <a:pt x="226" y="401"/>
                  </a:cubicBezTo>
                  <a:cubicBezTo>
                    <a:pt x="251" y="401"/>
                    <a:pt x="226" y="301"/>
                    <a:pt x="226" y="226"/>
                  </a:cubicBezTo>
                  <a:cubicBezTo>
                    <a:pt x="251" y="226"/>
                    <a:pt x="251" y="100"/>
                    <a:pt x="251" y="100"/>
                  </a:cubicBezTo>
                  <a:cubicBezTo>
                    <a:pt x="251" y="50"/>
                    <a:pt x="226" y="0"/>
                    <a:pt x="226" y="0"/>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269" name="Google Shape;326;p16">
              <a:extLst>
                <a:ext uri="{FF2B5EF4-FFF2-40B4-BE49-F238E27FC236}">
                  <a16:creationId xmlns:a16="http://schemas.microsoft.com/office/drawing/2014/main" id="{C17ADCFA-3BD8-DE0A-F467-7C780597E2E3}"/>
                </a:ext>
              </a:extLst>
            </p:cNvPr>
            <p:cNvSpPr/>
            <p:nvPr/>
          </p:nvSpPr>
          <p:spPr>
            <a:xfrm>
              <a:off x="3124731" y="3195867"/>
              <a:ext cx="7005" cy="13313"/>
            </a:xfrm>
            <a:custGeom>
              <a:avLst/>
              <a:gdLst/>
              <a:ahLst/>
              <a:cxnLst/>
              <a:rect l="l" t="t" r="r" b="b"/>
              <a:pathLst>
                <a:path w="251" h="477" fill="none" extrusionOk="0">
                  <a:moveTo>
                    <a:pt x="251" y="100"/>
                  </a:moveTo>
                  <a:cubicBezTo>
                    <a:pt x="251" y="50"/>
                    <a:pt x="226" y="0"/>
                    <a:pt x="226" y="0"/>
                  </a:cubicBezTo>
                  <a:lnTo>
                    <a:pt x="25" y="0"/>
                  </a:lnTo>
                  <a:cubicBezTo>
                    <a:pt x="0" y="0"/>
                    <a:pt x="0" y="100"/>
                    <a:pt x="0" y="176"/>
                  </a:cubicBezTo>
                  <a:cubicBezTo>
                    <a:pt x="0" y="226"/>
                    <a:pt x="0" y="351"/>
                    <a:pt x="25" y="401"/>
                  </a:cubicBezTo>
                  <a:cubicBezTo>
                    <a:pt x="76" y="401"/>
                    <a:pt x="226" y="476"/>
                    <a:pt x="226" y="401"/>
                  </a:cubicBezTo>
                  <a:cubicBezTo>
                    <a:pt x="251" y="401"/>
                    <a:pt x="226" y="301"/>
                    <a:pt x="226" y="226"/>
                  </a:cubicBezTo>
                  <a:cubicBezTo>
                    <a:pt x="251" y="226"/>
                    <a:pt x="251" y="100"/>
                    <a:pt x="251" y="100"/>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74" name="Google Shape;331;p16">
              <a:extLst>
                <a:ext uri="{FF2B5EF4-FFF2-40B4-BE49-F238E27FC236}">
                  <a16:creationId xmlns:a16="http://schemas.microsoft.com/office/drawing/2014/main" id="{4CF9E73F-0038-D6AA-E2F9-B32FD57B280D}"/>
                </a:ext>
              </a:extLst>
            </p:cNvPr>
            <p:cNvSpPr/>
            <p:nvPr/>
          </p:nvSpPr>
          <p:spPr>
            <a:xfrm>
              <a:off x="3052668" y="2932843"/>
              <a:ext cx="557530" cy="502966"/>
            </a:xfrm>
            <a:custGeom>
              <a:avLst/>
              <a:gdLst/>
              <a:ahLst/>
              <a:cxnLst/>
              <a:rect l="l" t="t" r="r" b="b"/>
              <a:pathLst>
                <a:path w="19976" h="18021" extrusionOk="0">
                  <a:moveTo>
                    <a:pt x="19876" y="14011"/>
                  </a:moveTo>
                  <a:cubicBezTo>
                    <a:pt x="19926" y="14136"/>
                    <a:pt x="19976" y="14286"/>
                    <a:pt x="19976" y="14412"/>
                  </a:cubicBezTo>
                  <a:cubicBezTo>
                    <a:pt x="19976" y="14512"/>
                    <a:pt x="19926" y="14687"/>
                    <a:pt x="19876" y="14813"/>
                  </a:cubicBezTo>
                  <a:cubicBezTo>
                    <a:pt x="19826" y="14863"/>
                    <a:pt x="19700" y="14913"/>
                    <a:pt x="19650" y="14963"/>
                  </a:cubicBezTo>
                  <a:cubicBezTo>
                    <a:pt x="19600" y="15038"/>
                    <a:pt x="19525" y="15264"/>
                    <a:pt x="19475" y="15314"/>
                  </a:cubicBezTo>
                  <a:cubicBezTo>
                    <a:pt x="19425" y="15364"/>
                    <a:pt x="19199" y="15414"/>
                    <a:pt x="19149" y="15489"/>
                  </a:cubicBezTo>
                  <a:cubicBezTo>
                    <a:pt x="19024" y="15540"/>
                    <a:pt x="18923" y="15715"/>
                    <a:pt x="18923" y="15815"/>
                  </a:cubicBezTo>
                  <a:cubicBezTo>
                    <a:pt x="18848" y="15941"/>
                    <a:pt x="18973" y="16091"/>
                    <a:pt x="18973" y="16216"/>
                  </a:cubicBezTo>
                  <a:cubicBezTo>
                    <a:pt x="18973" y="16266"/>
                    <a:pt x="18973" y="16492"/>
                    <a:pt x="18923" y="16542"/>
                  </a:cubicBezTo>
                  <a:cubicBezTo>
                    <a:pt x="18848" y="16592"/>
                    <a:pt x="18698" y="16667"/>
                    <a:pt x="18623" y="16717"/>
                  </a:cubicBezTo>
                  <a:cubicBezTo>
                    <a:pt x="18522" y="16768"/>
                    <a:pt x="18397" y="16893"/>
                    <a:pt x="18347" y="16943"/>
                  </a:cubicBezTo>
                  <a:cubicBezTo>
                    <a:pt x="18347" y="16993"/>
                    <a:pt x="18297" y="17118"/>
                    <a:pt x="18247" y="17169"/>
                  </a:cubicBezTo>
                  <a:cubicBezTo>
                    <a:pt x="18247" y="17169"/>
                    <a:pt x="18171" y="17169"/>
                    <a:pt x="18171" y="17118"/>
                  </a:cubicBezTo>
                  <a:cubicBezTo>
                    <a:pt x="18121" y="17118"/>
                    <a:pt x="18171" y="16993"/>
                    <a:pt x="18121" y="16993"/>
                  </a:cubicBezTo>
                  <a:cubicBezTo>
                    <a:pt x="18071" y="16893"/>
                    <a:pt x="17896" y="16893"/>
                    <a:pt x="17795" y="16893"/>
                  </a:cubicBezTo>
                  <a:cubicBezTo>
                    <a:pt x="17670" y="16818"/>
                    <a:pt x="17445" y="16818"/>
                    <a:pt x="17394" y="16893"/>
                  </a:cubicBezTo>
                  <a:cubicBezTo>
                    <a:pt x="17269" y="16893"/>
                    <a:pt x="17119" y="16893"/>
                    <a:pt x="17069" y="16943"/>
                  </a:cubicBezTo>
                  <a:cubicBezTo>
                    <a:pt x="16943" y="16993"/>
                    <a:pt x="16943" y="17219"/>
                    <a:pt x="16843" y="17269"/>
                  </a:cubicBezTo>
                  <a:lnTo>
                    <a:pt x="16718" y="17344"/>
                  </a:lnTo>
                  <a:cubicBezTo>
                    <a:pt x="16618" y="17394"/>
                    <a:pt x="16492" y="17494"/>
                    <a:pt x="16442" y="17620"/>
                  </a:cubicBezTo>
                  <a:cubicBezTo>
                    <a:pt x="16392" y="17670"/>
                    <a:pt x="16442" y="17845"/>
                    <a:pt x="16392" y="17895"/>
                  </a:cubicBezTo>
                  <a:cubicBezTo>
                    <a:pt x="16317" y="17946"/>
                    <a:pt x="16217" y="18021"/>
                    <a:pt x="16217" y="18021"/>
                  </a:cubicBezTo>
                  <a:cubicBezTo>
                    <a:pt x="16091" y="18021"/>
                    <a:pt x="15941" y="17895"/>
                    <a:pt x="15866" y="17895"/>
                  </a:cubicBezTo>
                  <a:cubicBezTo>
                    <a:pt x="15765" y="17895"/>
                    <a:pt x="15540" y="17946"/>
                    <a:pt x="15490" y="17895"/>
                  </a:cubicBezTo>
                  <a:cubicBezTo>
                    <a:pt x="15414" y="17895"/>
                    <a:pt x="15490" y="17795"/>
                    <a:pt x="15490" y="17720"/>
                  </a:cubicBezTo>
                  <a:cubicBezTo>
                    <a:pt x="15414" y="17670"/>
                    <a:pt x="15314" y="17620"/>
                    <a:pt x="15264" y="17620"/>
                  </a:cubicBezTo>
                  <a:cubicBezTo>
                    <a:pt x="15189" y="17620"/>
                    <a:pt x="15139" y="17795"/>
                    <a:pt x="15139" y="17795"/>
                  </a:cubicBezTo>
                  <a:lnTo>
                    <a:pt x="14913" y="17795"/>
                  </a:lnTo>
                  <a:cubicBezTo>
                    <a:pt x="14863" y="17720"/>
                    <a:pt x="14738" y="17720"/>
                    <a:pt x="14688" y="17670"/>
                  </a:cubicBezTo>
                  <a:cubicBezTo>
                    <a:pt x="14688" y="17620"/>
                    <a:pt x="14688" y="17570"/>
                    <a:pt x="14738" y="17494"/>
                  </a:cubicBezTo>
                  <a:cubicBezTo>
                    <a:pt x="14738" y="17444"/>
                    <a:pt x="14863" y="17494"/>
                    <a:pt x="14913" y="17494"/>
                  </a:cubicBezTo>
                  <a:cubicBezTo>
                    <a:pt x="14963" y="17444"/>
                    <a:pt x="14913" y="17344"/>
                    <a:pt x="14913" y="17269"/>
                  </a:cubicBezTo>
                  <a:cubicBezTo>
                    <a:pt x="14913" y="17219"/>
                    <a:pt x="14863" y="17043"/>
                    <a:pt x="14813" y="16993"/>
                  </a:cubicBezTo>
                  <a:cubicBezTo>
                    <a:pt x="14738" y="16893"/>
                    <a:pt x="14512" y="16943"/>
                    <a:pt x="14462" y="16893"/>
                  </a:cubicBezTo>
                  <a:cubicBezTo>
                    <a:pt x="14412" y="16818"/>
                    <a:pt x="14287" y="16717"/>
                    <a:pt x="14237" y="16667"/>
                  </a:cubicBezTo>
                  <a:cubicBezTo>
                    <a:pt x="14186" y="16667"/>
                    <a:pt x="14011" y="16667"/>
                    <a:pt x="13961" y="16592"/>
                  </a:cubicBezTo>
                  <a:cubicBezTo>
                    <a:pt x="13911" y="16592"/>
                    <a:pt x="13836" y="16442"/>
                    <a:pt x="13785" y="16392"/>
                  </a:cubicBezTo>
                  <a:cubicBezTo>
                    <a:pt x="13785" y="16316"/>
                    <a:pt x="13735" y="16216"/>
                    <a:pt x="13685" y="16166"/>
                  </a:cubicBezTo>
                  <a:cubicBezTo>
                    <a:pt x="13610" y="16091"/>
                    <a:pt x="13460" y="16041"/>
                    <a:pt x="13384" y="16041"/>
                  </a:cubicBezTo>
                  <a:lnTo>
                    <a:pt x="13109" y="16041"/>
                  </a:lnTo>
                  <a:cubicBezTo>
                    <a:pt x="13059" y="16091"/>
                    <a:pt x="12883" y="16166"/>
                    <a:pt x="12833" y="16166"/>
                  </a:cubicBezTo>
                  <a:cubicBezTo>
                    <a:pt x="12733" y="16166"/>
                    <a:pt x="12507" y="16041"/>
                    <a:pt x="12382" y="15991"/>
                  </a:cubicBezTo>
                  <a:cubicBezTo>
                    <a:pt x="12332" y="15941"/>
                    <a:pt x="12282" y="15640"/>
                    <a:pt x="12206" y="15590"/>
                  </a:cubicBezTo>
                  <a:lnTo>
                    <a:pt x="11981" y="15590"/>
                  </a:lnTo>
                  <a:cubicBezTo>
                    <a:pt x="11931" y="15590"/>
                    <a:pt x="11831" y="15590"/>
                    <a:pt x="11831" y="15540"/>
                  </a:cubicBezTo>
                  <a:cubicBezTo>
                    <a:pt x="11831" y="15540"/>
                    <a:pt x="11831" y="15489"/>
                    <a:pt x="11755" y="15414"/>
                  </a:cubicBezTo>
                  <a:lnTo>
                    <a:pt x="11655" y="15414"/>
                  </a:lnTo>
                  <a:cubicBezTo>
                    <a:pt x="11605" y="15414"/>
                    <a:pt x="11480" y="15489"/>
                    <a:pt x="11480" y="15414"/>
                  </a:cubicBezTo>
                  <a:cubicBezTo>
                    <a:pt x="11430" y="15414"/>
                    <a:pt x="11304" y="15314"/>
                    <a:pt x="11304" y="15314"/>
                  </a:cubicBezTo>
                  <a:cubicBezTo>
                    <a:pt x="11254" y="15189"/>
                    <a:pt x="11254" y="15088"/>
                    <a:pt x="11304" y="15038"/>
                  </a:cubicBezTo>
                  <a:cubicBezTo>
                    <a:pt x="11304" y="14963"/>
                    <a:pt x="11430" y="14913"/>
                    <a:pt x="11480" y="14863"/>
                  </a:cubicBezTo>
                  <a:cubicBezTo>
                    <a:pt x="11530" y="14813"/>
                    <a:pt x="11655" y="14687"/>
                    <a:pt x="11705" y="14637"/>
                  </a:cubicBezTo>
                  <a:cubicBezTo>
                    <a:pt x="11705" y="14587"/>
                    <a:pt x="11605" y="14462"/>
                    <a:pt x="11530" y="14412"/>
                  </a:cubicBezTo>
                  <a:cubicBezTo>
                    <a:pt x="11530" y="14362"/>
                    <a:pt x="11605" y="14236"/>
                    <a:pt x="11655" y="14186"/>
                  </a:cubicBezTo>
                  <a:cubicBezTo>
                    <a:pt x="11705" y="14061"/>
                    <a:pt x="11881" y="13961"/>
                    <a:pt x="11931" y="13860"/>
                  </a:cubicBezTo>
                  <a:cubicBezTo>
                    <a:pt x="11981" y="13860"/>
                    <a:pt x="12156" y="13785"/>
                    <a:pt x="12156" y="13735"/>
                  </a:cubicBezTo>
                  <a:cubicBezTo>
                    <a:pt x="12206" y="13685"/>
                    <a:pt x="12206" y="13560"/>
                    <a:pt x="12206" y="13509"/>
                  </a:cubicBezTo>
                  <a:cubicBezTo>
                    <a:pt x="12156" y="13459"/>
                    <a:pt x="11981" y="13409"/>
                    <a:pt x="11931" y="13334"/>
                  </a:cubicBezTo>
                  <a:cubicBezTo>
                    <a:pt x="11831" y="13184"/>
                    <a:pt x="11755" y="12833"/>
                    <a:pt x="11705" y="12657"/>
                  </a:cubicBezTo>
                  <a:cubicBezTo>
                    <a:pt x="11605" y="12507"/>
                    <a:pt x="11379" y="12156"/>
                    <a:pt x="11254" y="11981"/>
                  </a:cubicBezTo>
                  <a:cubicBezTo>
                    <a:pt x="11204" y="11830"/>
                    <a:pt x="11079" y="11479"/>
                    <a:pt x="10978" y="11379"/>
                  </a:cubicBezTo>
                  <a:cubicBezTo>
                    <a:pt x="10928" y="11254"/>
                    <a:pt x="10753" y="11154"/>
                    <a:pt x="10628" y="11103"/>
                  </a:cubicBezTo>
                  <a:cubicBezTo>
                    <a:pt x="10577" y="10978"/>
                    <a:pt x="10402" y="10753"/>
                    <a:pt x="10302" y="10652"/>
                  </a:cubicBezTo>
                  <a:cubicBezTo>
                    <a:pt x="10176" y="10577"/>
                    <a:pt x="9951" y="10477"/>
                    <a:pt x="9901" y="10352"/>
                  </a:cubicBezTo>
                  <a:lnTo>
                    <a:pt x="9901" y="10251"/>
                  </a:lnTo>
                  <a:cubicBezTo>
                    <a:pt x="9851" y="10201"/>
                    <a:pt x="9725" y="10201"/>
                    <a:pt x="9675" y="10201"/>
                  </a:cubicBezTo>
                  <a:cubicBezTo>
                    <a:pt x="9625" y="10251"/>
                    <a:pt x="9625" y="10352"/>
                    <a:pt x="9575" y="10352"/>
                  </a:cubicBezTo>
                  <a:cubicBezTo>
                    <a:pt x="9575" y="10352"/>
                    <a:pt x="9500" y="10301"/>
                    <a:pt x="9450" y="10301"/>
                  </a:cubicBezTo>
                  <a:cubicBezTo>
                    <a:pt x="9399" y="10352"/>
                    <a:pt x="9349" y="10527"/>
                    <a:pt x="9274" y="10577"/>
                  </a:cubicBezTo>
                  <a:cubicBezTo>
                    <a:pt x="9224" y="10652"/>
                    <a:pt x="9224" y="10803"/>
                    <a:pt x="9124" y="10803"/>
                  </a:cubicBezTo>
                  <a:cubicBezTo>
                    <a:pt x="9049" y="10878"/>
                    <a:pt x="8948" y="10753"/>
                    <a:pt x="8898" y="10753"/>
                  </a:cubicBezTo>
                  <a:cubicBezTo>
                    <a:pt x="8773" y="10753"/>
                    <a:pt x="8673" y="10702"/>
                    <a:pt x="8597" y="10753"/>
                  </a:cubicBezTo>
                  <a:cubicBezTo>
                    <a:pt x="8547" y="10753"/>
                    <a:pt x="8447" y="10928"/>
                    <a:pt x="8322" y="10928"/>
                  </a:cubicBezTo>
                  <a:cubicBezTo>
                    <a:pt x="8221" y="10978"/>
                    <a:pt x="7996" y="11103"/>
                    <a:pt x="7871" y="11154"/>
                  </a:cubicBezTo>
                  <a:cubicBezTo>
                    <a:pt x="7770" y="11154"/>
                    <a:pt x="7595" y="11204"/>
                    <a:pt x="7495" y="11204"/>
                  </a:cubicBezTo>
                  <a:cubicBezTo>
                    <a:pt x="7419" y="11154"/>
                    <a:pt x="7269" y="11028"/>
                    <a:pt x="7144" y="11028"/>
                  </a:cubicBezTo>
                  <a:cubicBezTo>
                    <a:pt x="7044" y="10978"/>
                    <a:pt x="6818" y="11103"/>
                    <a:pt x="6693" y="11154"/>
                  </a:cubicBezTo>
                  <a:cubicBezTo>
                    <a:pt x="6592" y="11204"/>
                    <a:pt x="6367" y="11304"/>
                    <a:pt x="6292" y="11379"/>
                  </a:cubicBezTo>
                  <a:cubicBezTo>
                    <a:pt x="6242" y="11429"/>
                    <a:pt x="6191" y="11605"/>
                    <a:pt x="6141" y="11605"/>
                  </a:cubicBezTo>
                  <a:cubicBezTo>
                    <a:pt x="6016" y="11705"/>
                    <a:pt x="5740" y="11755"/>
                    <a:pt x="5615" y="11755"/>
                  </a:cubicBezTo>
                  <a:cubicBezTo>
                    <a:pt x="5565" y="11705"/>
                    <a:pt x="5465" y="11605"/>
                    <a:pt x="5465" y="11529"/>
                  </a:cubicBezTo>
                  <a:cubicBezTo>
                    <a:pt x="5465" y="11479"/>
                    <a:pt x="5690" y="11379"/>
                    <a:pt x="5740" y="11254"/>
                  </a:cubicBezTo>
                  <a:cubicBezTo>
                    <a:pt x="5740" y="11204"/>
                    <a:pt x="5690" y="11028"/>
                    <a:pt x="5740" y="10978"/>
                  </a:cubicBezTo>
                  <a:cubicBezTo>
                    <a:pt x="5790" y="10928"/>
                    <a:pt x="6141" y="10978"/>
                    <a:pt x="6191" y="10878"/>
                  </a:cubicBezTo>
                  <a:cubicBezTo>
                    <a:pt x="6292" y="10803"/>
                    <a:pt x="6292" y="10577"/>
                    <a:pt x="6367" y="10477"/>
                  </a:cubicBezTo>
                  <a:cubicBezTo>
                    <a:pt x="6417" y="10352"/>
                    <a:pt x="6643" y="10201"/>
                    <a:pt x="6743" y="10126"/>
                  </a:cubicBezTo>
                  <a:cubicBezTo>
                    <a:pt x="6818" y="10076"/>
                    <a:pt x="6918" y="10076"/>
                    <a:pt x="6968" y="10026"/>
                  </a:cubicBezTo>
                  <a:cubicBezTo>
                    <a:pt x="7044" y="9900"/>
                    <a:pt x="6918" y="9750"/>
                    <a:pt x="6918" y="9675"/>
                  </a:cubicBezTo>
                  <a:cubicBezTo>
                    <a:pt x="6868" y="9625"/>
                    <a:pt x="6818" y="9524"/>
                    <a:pt x="6743" y="9449"/>
                  </a:cubicBezTo>
                  <a:cubicBezTo>
                    <a:pt x="6643" y="9349"/>
                    <a:pt x="6292" y="9399"/>
                    <a:pt x="6191" y="9349"/>
                  </a:cubicBezTo>
                  <a:cubicBezTo>
                    <a:pt x="6016" y="9299"/>
                    <a:pt x="5841" y="9073"/>
                    <a:pt x="5740" y="8948"/>
                  </a:cubicBezTo>
                  <a:cubicBezTo>
                    <a:pt x="5615" y="8848"/>
                    <a:pt x="5515" y="8572"/>
                    <a:pt x="5339" y="8497"/>
                  </a:cubicBezTo>
                  <a:cubicBezTo>
                    <a:pt x="5289" y="8447"/>
                    <a:pt x="5114" y="8347"/>
                    <a:pt x="5013" y="8347"/>
                  </a:cubicBezTo>
                  <a:cubicBezTo>
                    <a:pt x="4938" y="8347"/>
                    <a:pt x="4788" y="8447"/>
                    <a:pt x="4663" y="8497"/>
                  </a:cubicBezTo>
                  <a:cubicBezTo>
                    <a:pt x="4612" y="8572"/>
                    <a:pt x="4437" y="8722"/>
                    <a:pt x="4387" y="8773"/>
                  </a:cubicBezTo>
                  <a:cubicBezTo>
                    <a:pt x="4337" y="8848"/>
                    <a:pt x="4337" y="8948"/>
                    <a:pt x="4262" y="8948"/>
                  </a:cubicBezTo>
                  <a:cubicBezTo>
                    <a:pt x="4211" y="8998"/>
                    <a:pt x="4111" y="8948"/>
                    <a:pt x="4061" y="8948"/>
                  </a:cubicBezTo>
                  <a:cubicBezTo>
                    <a:pt x="3986" y="8898"/>
                    <a:pt x="3886" y="8722"/>
                    <a:pt x="3835" y="8722"/>
                  </a:cubicBezTo>
                  <a:cubicBezTo>
                    <a:pt x="3760" y="8672"/>
                    <a:pt x="3610" y="8672"/>
                    <a:pt x="3535" y="8672"/>
                  </a:cubicBezTo>
                  <a:lnTo>
                    <a:pt x="3309" y="8672"/>
                  </a:lnTo>
                  <a:cubicBezTo>
                    <a:pt x="3259" y="8722"/>
                    <a:pt x="3209" y="8898"/>
                    <a:pt x="3259" y="8948"/>
                  </a:cubicBezTo>
                  <a:cubicBezTo>
                    <a:pt x="3259" y="8998"/>
                    <a:pt x="3434" y="8998"/>
                    <a:pt x="3434" y="9073"/>
                  </a:cubicBezTo>
                  <a:cubicBezTo>
                    <a:pt x="3485" y="9073"/>
                    <a:pt x="3485" y="9174"/>
                    <a:pt x="3485" y="9224"/>
                  </a:cubicBezTo>
                  <a:cubicBezTo>
                    <a:pt x="3434" y="9299"/>
                    <a:pt x="3259" y="9299"/>
                    <a:pt x="3209" y="9299"/>
                  </a:cubicBezTo>
                  <a:cubicBezTo>
                    <a:pt x="3159" y="9299"/>
                    <a:pt x="3033" y="9299"/>
                    <a:pt x="2983" y="9224"/>
                  </a:cubicBezTo>
                  <a:cubicBezTo>
                    <a:pt x="2933" y="9174"/>
                    <a:pt x="2858" y="8998"/>
                    <a:pt x="2808" y="8948"/>
                  </a:cubicBezTo>
                  <a:cubicBezTo>
                    <a:pt x="2808" y="8773"/>
                    <a:pt x="2933" y="8572"/>
                    <a:pt x="2933" y="8447"/>
                  </a:cubicBezTo>
                  <a:cubicBezTo>
                    <a:pt x="2933" y="8271"/>
                    <a:pt x="2808" y="7946"/>
                    <a:pt x="2758" y="7770"/>
                  </a:cubicBezTo>
                  <a:cubicBezTo>
                    <a:pt x="2708" y="7595"/>
                    <a:pt x="2532" y="7219"/>
                    <a:pt x="2407" y="7043"/>
                  </a:cubicBezTo>
                  <a:cubicBezTo>
                    <a:pt x="2357" y="6993"/>
                    <a:pt x="2131" y="6868"/>
                    <a:pt x="2031" y="6818"/>
                  </a:cubicBezTo>
                  <a:cubicBezTo>
                    <a:pt x="1906" y="6692"/>
                    <a:pt x="1680" y="6467"/>
                    <a:pt x="1630" y="6316"/>
                  </a:cubicBezTo>
                  <a:cubicBezTo>
                    <a:pt x="1580" y="6191"/>
                    <a:pt x="1505" y="5966"/>
                    <a:pt x="1455" y="5815"/>
                  </a:cubicBezTo>
                  <a:cubicBezTo>
                    <a:pt x="1354" y="5690"/>
                    <a:pt x="1179" y="5364"/>
                    <a:pt x="1054" y="5189"/>
                  </a:cubicBezTo>
                  <a:cubicBezTo>
                    <a:pt x="953" y="4963"/>
                    <a:pt x="678" y="4562"/>
                    <a:pt x="502" y="4387"/>
                  </a:cubicBezTo>
                  <a:cubicBezTo>
                    <a:pt x="377" y="4236"/>
                    <a:pt x="151" y="3935"/>
                    <a:pt x="51" y="3835"/>
                  </a:cubicBezTo>
                  <a:cubicBezTo>
                    <a:pt x="51" y="3785"/>
                    <a:pt x="1" y="3785"/>
                    <a:pt x="1" y="3785"/>
                  </a:cubicBezTo>
                  <a:cubicBezTo>
                    <a:pt x="51" y="3660"/>
                    <a:pt x="277" y="3610"/>
                    <a:pt x="327" y="3560"/>
                  </a:cubicBezTo>
                  <a:cubicBezTo>
                    <a:pt x="452" y="3484"/>
                    <a:pt x="602" y="3434"/>
                    <a:pt x="678" y="3384"/>
                  </a:cubicBezTo>
                  <a:cubicBezTo>
                    <a:pt x="778" y="3284"/>
                    <a:pt x="953" y="3058"/>
                    <a:pt x="953" y="2883"/>
                  </a:cubicBezTo>
                  <a:cubicBezTo>
                    <a:pt x="1003" y="2758"/>
                    <a:pt x="953" y="2482"/>
                    <a:pt x="1003" y="2382"/>
                  </a:cubicBezTo>
                  <a:cubicBezTo>
                    <a:pt x="1003" y="2206"/>
                    <a:pt x="1054" y="1930"/>
                    <a:pt x="1054" y="1805"/>
                  </a:cubicBezTo>
                  <a:cubicBezTo>
                    <a:pt x="1129" y="1705"/>
                    <a:pt x="1229" y="1479"/>
                    <a:pt x="1279" y="1354"/>
                  </a:cubicBezTo>
                  <a:cubicBezTo>
                    <a:pt x="1354" y="1254"/>
                    <a:pt x="1505" y="1078"/>
                    <a:pt x="1580" y="903"/>
                  </a:cubicBezTo>
                  <a:lnTo>
                    <a:pt x="1580" y="853"/>
                  </a:lnTo>
                  <a:cubicBezTo>
                    <a:pt x="1680" y="853"/>
                    <a:pt x="1805" y="803"/>
                    <a:pt x="1856" y="853"/>
                  </a:cubicBezTo>
                  <a:cubicBezTo>
                    <a:pt x="1956" y="853"/>
                    <a:pt x="2307" y="853"/>
                    <a:pt x="2357" y="953"/>
                  </a:cubicBezTo>
                  <a:cubicBezTo>
                    <a:pt x="2482" y="1028"/>
                    <a:pt x="2407" y="1179"/>
                    <a:pt x="2482" y="1254"/>
                  </a:cubicBezTo>
                  <a:cubicBezTo>
                    <a:pt x="2532" y="1304"/>
                    <a:pt x="2708" y="1354"/>
                    <a:pt x="2808" y="1354"/>
                  </a:cubicBezTo>
                  <a:cubicBezTo>
                    <a:pt x="2933" y="1354"/>
                    <a:pt x="3159" y="1404"/>
                    <a:pt x="3259" y="1304"/>
                  </a:cubicBezTo>
                  <a:cubicBezTo>
                    <a:pt x="3309" y="1254"/>
                    <a:pt x="3309" y="1028"/>
                    <a:pt x="3309" y="903"/>
                  </a:cubicBezTo>
                  <a:cubicBezTo>
                    <a:pt x="3309" y="803"/>
                    <a:pt x="3259" y="577"/>
                    <a:pt x="3309" y="452"/>
                  </a:cubicBezTo>
                  <a:cubicBezTo>
                    <a:pt x="3309" y="402"/>
                    <a:pt x="3485" y="301"/>
                    <a:pt x="3535" y="301"/>
                  </a:cubicBezTo>
                  <a:cubicBezTo>
                    <a:pt x="3660" y="226"/>
                    <a:pt x="3886" y="226"/>
                    <a:pt x="3986" y="301"/>
                  </a:cubicBezTo>
                  <a:cubicBezTo>
                    <a:pt x="4061" y="351"/>
                    <a:pt x="4161" y="527"/>
                    <a:pt x="4211" y="527"/>
                  </a:cubicBezTo>
                  <a:cubicBezTo>
                    <a:pt x="4387" y="577"/>
                    <a:pt x="4663" y="527"/>
                    <a:pt x="4788" y="577"/>
                  </a:cubicBezTo>
                  <a:cubicBezTo>
                    <a:pt x="4838" y="577"/>
                    <a:pt x="5013" y="627"/>
                    <a:pt x="5013" y="677"/>
                  </a:cubicBezTo>
                  <a:cubicBezTo>
                    <a:pt x="5064" y="803"/>
                    <a:pt x="4938" y="953"/>
                    <a:pt x="4938" y="1078"/>
                  </a:cubicBezTo>
                  <a:cubicBezTo>
                    <a:pt x="4938" y="1179"/>
                    <a:pt x="4938" y="1479"/>
                    <a:pt x="5064" y="1580"/>
                  </a:cubicBezTo>
                  <a:cubicBezTo>
                    <a:pt x="5114" y="1630"/>
                    <a:pt x="5339" y="1630"/>
                    <a:pt x="5389" y="1580"/>
                  </a:cubicBezTo>
                  <a:cubicBezTo>
                    <a:pt x="5515" y="1580"/>
                    <a:pt x="5615" y="1354"/>
                    <a:pt x="5740" y="1304"/>
                  </a:cubicBezTo>
                  <a:cubicBezTo>
                    <a:pt x="5790" y="1304"/>
                    <a:pt x="5916" y="1354"/>
                    <a:pt x="5966" y="1354"/>
                  </a:cubicBezTo>
                  <a:cubicBezTo>
                    <a:pt x="6066" y="1404"/>
                    <a:pt x="6191" y="1529"/>
                    <a:pt x="6292" y="1529"/>
                  </a:cubicBezTo>
                  <a:cubicBezTo>
                    <a:pt x="6467" y="1580"/>
                    <a:pt x="6868" y="1529"/>
                    <a:pt x="7044" y="1404"/>
                  </a:cubicBezTo>
                  <a:cubicBezTo>
                    <a:pt x="7094" y="1404"/>
                    <a:pt x="7094" y="1254"/>
                    <a:pt x="7144" y="1254"/>
                  </a:cubicBezTo>
                  <a:cubicBezTo>
                    <a:pt x="7269" y="1179"/>
                    <a:pt x="7545" y="1304"/>
                    <a:pt x="7645" y="1354"/>
                  </a:cubicBezTo>
                  <a:cubicBezTo>
                    <a:pt x="7770" y="1404"/>
                    <a:pt x="7946" y="1755"/>
                    <a:pt x="8046" y="1755"/>
                  </a:cubicBezTo>
                  <a:cubicBezTo>
                    <a:pt x="8171" y="1805"/>
                    <a:pt x="8447" y="1705"/>
                    <a:pt x="8497" y="1580"/>
                  </a:cubicBezTo>
                  <a:cubicBezTo>
                    <a:pt x="8597" y="1479"/>
                    <a:pt x="8497" y="1179"/>
                    <a:pt x="8547" y="1078"/>
                  </a:cubicBezTo>
                  <a:cubicBezTo>
                    <a:pt x="8673" y="953"/>
                    <a:pt x="8898" y="803"/>
                    <a:pt x="8998" y="752"/>
                  </a:cubicBezTo>
                  <a:cubicBezTo>
                    <a:pt x="9124" y="627"/>
                    <a:pt x="9399" y="527"/>
                    <a:pt x="9500" y="527"/>
                  </a:cubicBezTo>
                  <a:cubicBezTo>
                    <a:pt x="9675" y="452"/>
                    <a:pt x="9951" y="627"/>
                    <a:pt x="10126" y="627"/>
                  </a:cubicBezTo>
                  <a:cubicBezTo>
                    <a:pt x="10252" y="627"/>
                    <a:pt x="10477" y="577"/>
                    <a:pt x="10527" y="527"/>
                  </a:cubicBezTo>
                  <a:cubicBezTo>
                    <a:pt x="10628" y="402"/>
                    <a:pt x="10703" y="176"/>
                    <a:pt x="10753" y="126"/>
                  </a:cubicBezTo>
                  <a:cubicBezTo>
                    <a:pt x="10853" y="76"/>
                    <a:pt x="11154" y="76"/>
                    <a:pt x="11254" y="1"/>
                  </a:cubicBezTo>
                  <a:cubicBezTo>
                    <a:pt x="11379" y="126"/>
                    <a:pt x="11655" y="76"/>
                    <a:pt x="11755" y="126"/>
                  </a:cubicBezTo>
                  <a:cubicBezTo>
                    <a:pt x="11881" y="176"/>
                    <a:pt x="12156" y="301"/>
                    <a:pt x="12282" y="402"/>
                  </a:cubicBezTo>
                  <a:cubicBezTo>
                    <a:pt x="12332" y="527"/>
                    <a:pt x="12557" y="853"/>
                    <a:pt x="12507" y="953"/>
                  </a:cubicBezTo>
                  <a:cubicBezTo>
                    <a:pt x="12432" y="1078"/>
                    <a:pt x="12156" y="1028"/>
                    <a:pt x="12106" y="1078"/>
                  </a:cubicBezTo>
                  <a:cubicBezTo>
                    <a:pt x="12056" y="1254"/>
                    <a:pt x="12106" y="1630"/>
                    <a:pt x="12206" y="1805"/>
                  </a:cubicBezTo>
                  <a:cubicBezTo>
                    <a:pt x="12282" y="1855"/>
                    <a:pt x="12432" y="1981"/>
                    <a:pt x="12507" y="2031"/>
                  </a:cubicBezTo>
                  <a:cubicBezTo>
                    <a:pt x="12607" y="2081"/>
                    <a:pt x="12883" y="2206"/>
                    <a:pt x="13059" y="2206"/>
                  </a:cubicBezTo>
                  <a:cubicBezTo>
                    <a:pt x="13159" y="2256"/>
                    <a:pt x="13384" y="2156"/>
                    <a:pt x="13510" y="2206"/>
                  </a:cubicBezTo>
                  <a:cubicBezTo>
                    <a:pt x="13610" y="2306"/>
                    <a:pt x="13685" y="2607"/>
                    <a:pt x="13735" y="2758"/>
                  </a:cubicBezTo>
                  <a:cubicBezTo>
                    <a:pt x="13735" y="2933"/>
                    <a:pt x="13610" y="3284"/>
                    <a:pt x="13685" y="3434"/>
                  </a:cubicBezTo>
                  <a:cubicBezTo>
                    <a:pt x="13685" y="3484"/>
                    <a:pt x="13836" y="3660"/>
                    <a:pt x="13911" y="3710"/>
                  </a:cubicBezTo>
                  <a:cubicBezTo>
                    <a:pt x="14011" y="3885"/>
                    <a:pt x="14011" y="4236"/>
                    <a:pt x="14136" y="4336"/>
                  </a:cubicBezTo>
                  <a:cubicBezTo>
                    <a:pt x="14237" y="4387"/>
                    <a:pt x="14587" y="4512"/>
                    <a:pt x="14738" y="4512"/>
                  </a:cubicBezTo>
                  <a:cubicBezTo>
                    <a:pt x="14863" y="4512"/>
                    <a:pt x="15089" y="4336"/>
                    <a:pt x="15189" y="4336"/>
                  </a:cubicBezTo>
                  <a:cubicBezTo>
                    <a:pt x="15314" y="4286"/>
                    <a:pt x="15490" y="4161"/>
                    <a:pt x="15540" y="4161"/>
                  </a:cubicBezTo>
                  <a:cubicBezTo>
                    <a:pt x="15765" y="4161"/>
                    <a:pt x="15991" y="4462"/>
                    <a:pt x="16166" y="4512"/>
                  </a:cubicBezTo>
                  <a:cubicBezTo>
                    <a:pt x="16267" y="4562"/>
                    <a:pt x="16492" y="4687"/>
                    <a:pt x="16618" y="4737"/>
                  </a:cubicBezTo>
                  <a:lnTo>
                    <a:pt x="16843" y="4737"/>
                  </a:lnTo>
                  <a:cubicBezTo>
                    <a:pt x="16768" y="4838"/>
                    <a:pt x="16768" y="4963"/>
                    <a:pt x="16768" y="5013"/>
                  </a:cubicBezTo>
                  <a:cubicBezTo>
                    <a:pt x="16768" y="5138"/>
                    <a:pt x="16843" y="5464"/>
                    <a:pt x="16893" y="5590"/>
                  </a:cubicBezTo>
                  <a:cubicBezTo>
                    <a:pt x="16943" y="5690"/>
                    <a:pt x="17069" y="5865"/>
                    <a:pt x="17069" y="5915"/>
                  </a:cubicBezTo>
                  <a:cubicBezTo>
                    <a:pt x="17119" y="6091"/>
                    <a:pt x="17169" y="6417"/>
                    <a:pt x="17119" y="6542"/>
                  </a:cubicBezTo>
                  <a:cubicBezTo>
                    <a:pt x="17119" y="6642"/>
                    <a:pt x="16943" y="6818"/>
                    <a:pt x="16843" y="6868"/>
                  </a:cubicBezTo>
                  <a:cubicBezTo>
                    <a:pt x="16768" y="6918"/>
                    <a:pt x="16618" y="6918"/>
                    <a:pt x="16542" y="6993"/>
                  </a:cubicBezTo>
                  <a:cubicBezTo>
                    <a:pt x="16442" y="7043"/>
                    <a:pt x="16392" y="7269"/>
                    <a:pt x="16267" y="7319"/>
                  </a:cubicBezTo>
                  <a:lnTo>
                    <a:pt x="15941" y="7319"/>
                  </a:lnTo>
                  <a:cubicBezTo>
                    <a:pt x="15816" y="7269"/>
                    <a:pt x="15765" y="7093"/>
                    <a:pt x="15715" y="7093"/>
                  </a:cubicBezTo>
                  <a:cubicBezTo>
                    <a:pt x="15590" y="7043"/>
                    <a:pt x="15414" y="7093"/>
                    <a:pt x="15364" y="7144"/>
                  </a:cubicBezTo>
                  <a:cubicBezTo>
                    <a:pt x="15264" y="7219"/>
                    <a:pt x="15139" y="7369"/>
                    <a:pt x="15089" y="7494"/>
                  </a:cubicBezTo>
                  <a:cubicBezTo>
                    <a:pt x="15089" y="7670"/>
                    <a:pt x="15139" y="7946"/>
                    <a:pt x="15189" y="8046"/>
                  </a:cubicBezTo>
                  <a:cubicBezTo>
                    <a:pt x="15264" y="8171"/>
                    <a:pt x="15414" y="8397"/>
                    <a:pt x="15490" y="8497"/>
                  </a:cubicBezTo>
                  <a:cubicBezTo>
                    <a:pt x="15540" y="8572"/>
                    <a:pt x="15590" y="8773"/>
                    <a:pt x="15640" y="8848"/>
                  </a:cubicBezTo>
                  <a:cubicBezTo>
                    <a:pt x="15715" y="8948"/>
                    <a:pt x="15866" y="9123"/>
                    <a:pt x="15991" y="9174"/>
                  </a:cubicBezTo>
                  <a:cubicBezTo>
                    <a:pt x="16091" y="9224"/>
                    <a:pt x="16317" y="9174"/>
                    <a:pt x="16392" y="9299"/>
                  </a:cubicBezTo>
                  <a:cubicBezTo>
                    <a:pt x="16492" y="9349"/>
                    <a:pt x="16492" y="9575"/>
                    <a:pt x="16542" y="9625"/>
                  </a:cubicBezTo>
                  <a:cubicBezTo>
                    <a:pt x="16542" y="9750"/>
                    <a:pt x="16618" y="9900"/>
                    <a:pt x="16542" y="9976"/>
                  </a:cubicBezTo>
                  <a:cubicBezTo>
                    <a:pt x="16492" y="10026"/>
                    <a:pt x="16317" y="10076"/>
                    <a:pt x="16267" y="10126"/>
                  </a:cubicBezTo>
                  <a:cubicBezTo>
                    <a:pt x="16217" y="10201"/>
                    <a:pt x="16217" y="10301"/>
                    <a:pt x="16217" y="10352"/>
                  </a:cubicBezTo>
                  <a:cubicBezTo>
                    <a:pt x="16267" y="10477"/>
                    <a:pt x="16442" y="10577"/>
                    <a:pt x="16492" y="10652"/>
                  </a:cubicBezTo>
                  <a:cubicBezTo>
                    <a:pt x="16542" y="10702"/>
                    <a:pt x="16718" y="10652"/>
                    <a:pt x="16843" y="10702"/>
                  </a:cubicBezTo>
                  <a:cubicBezTo>
                    <a:pt x="16893" y="10702"/>
                    <a:pt x="17069" y="10803"/>
                    <a:pt x="17119" y="10878"/>
                  </a:cubicBezTo>
                  <a:cubicBezTo>
                    <a:pt x="17219" y="11028"/>
                    <a:pt x="17219" y="11304"/>
                    <a:pt x="17269" y="11479"/>
                  </a:cubicBezTo>
                  <a:cubicBezTo>
                    <a:pt x="17269" y="11605"/>
                    <a:pt x="17169" y="11830"/>
                    <a:pt x="17169" y="11930"/>
                  </a:cubicBezTo>
                  <a:cubicBezTo>
                    <a:pt x="17219" y="12056"/>
                    <a:pt x="17269" y="12206"/>
                    <a:pt x="17394" y="12281"/>
                  </a:cubicBezTo>
                  <a:cubicBezTo>
                    <a:pt x="17445" y="12331"/>
                    <a:pt x="17620" y="12432"/>
                    <a:pt x="17670" y="12432"/>
                  </a:cubicBezTo>
                  <a:cubicBezTo>
                    <a:pt x="17795" y="12507"/>
                    <a:pt x="18071" y="12507"/>
                    <a:pt x="18171" y="12507"/>
                  </a:cubicBezTo>
                  <a:cubicBezTo>
                    <a:pt x="18347" y="12557"/>
                    <a:pt x="18572" y="12607"/>
                    <a:pt x="18698" y="12733"/>
                  </a:cubicBezTo>
                  <a:cubicBezTo>
                    <a:pt x="18798" y="12783"/>
                    <a:pt x="18848" y="13058"/>
                    <a:pt x="18848" y="13184"/>
                  </a:cubicBezTo>
                  <a:cubicBezTo>
                    <a:pt x="18923" y="13234"/>
                    <a:pt x="18923" y="13459"/>
                    <a:pt x="18973" y="13509"/>
                  </a:cubicBezTo>
                  <a:cubicBezTo>
                    <a:pt x="18973" y="13560"/>
                    <a:pt x="19024" y="13735"/>
                    <a:pt x="19074" y="13735"/>
                  </a:cubicBezTo>
                  <a:cubicBezTo>
                    <a:pt x="19199" y="13785"/>
                    <a:pt x="19425" y="13735"/>
                    <a:pt x="19525" y="13735"/>
                  </a:cubicBezTo>
                  <a:cubicBezTo>
                    <a:pt x="19650" y="13735"/>
                    <a:pt x="19750" y="13685"/>
                    <a:pt x="19826" y="13735"/>
                  </a:cubicBezTo>
                  <a:cubicBezTo>
                    <a:pt x="19876" y="13735"/>
                    <a:pt x="19876" y="13961"/>
                    <a:pt x="19876" y="14011"/>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275" name="Google Shape;332;p16">
              <a:extLst>
                <a:ext uri="{FF2B5EF4-FFF2-40B4-BE49-F238E27FC236}">
                  <a16:creationId xmlns:a16="http://schemas.microsoft.com/office/drawing/2014/main" id="{0092A7D0-1BFD-AC12-E431-546B39354E86}"/>
                </a:ext>
              </a:extLst>
            </p:cNvPr>
            <p:cNvSpPr/>
            <p:nvPr/>
          </p:nvSpPr>
          <p:spPr>
            <a:xfrm>
              <a:off x="3052668" y="2932843"/>
              <a:ext cx="557530" cy="502966"/>
            </a:xfrm>
            <a:custGeom>
              <a:avLst/>
              <a:gdLst/>
              <a:ahLst/>
              <a:cxnLst/>
              <a:rect l="l" t="t" r="r" b="b"/>
              <a:pathLst>
                <a:path w="19976" h="18021" fill="none" extrusionOk="0">
                  <a:moveTo>
                    <a:pt x="19876" y="14011"/>
                  </a:moveTo>
                  <a:cubicBezTo>
                    <a:pt x="19926" y="14136"/>
                    <a:pt x="19976" y="14286"/>
                    <a:pt x="19976" y="14412"/>
                  </a:cubicBezTo>
                  <a:cubicBezTo>
                    <a:pt x="19976" y="14512"/>
                    <a:pt x="19926" y="14687"/>
                    <a:pt x="19876" y="14813"/>
                  </a:cubicBezTo>
                  <a:cubicBezTo>
                    <a:pt x="19826" y="14863"/>
                    <a:pt x="19700" y="14913"/>
                    <a:pt x="19650" y="14963"/>
                  </a:cubicBezTo>
                  <a:cubicBezTo>
                    <a:pt x="19600" y="15038"/>
                    <a:pt x="19525" y="15264"/>
                    <a:pt x="19475" y="15314"/>
                  </a:cubicBezTo>
                  <a:cubicBezTo>
                    <a:pt x="19425" y="15364"/>
                    <a:pt x="19199" y="15414"/>
                    <a:pt x="19149" y="15489"/>
                  </a:cubicBezTo>
                  <a:cubicBezTo>
                    <a:pt x="19024" y="15540"/>
                    <a:pt x="18923" y="15715"/>
                    <a:pt x="18923" y="15815"/>
                  </a:cubicBezTo>
                  <a:cubicBezTo>
                    <a:pt x="18848" y="15941"/>
                    <a:pt x="18973" y="16091"/>
                    <a:pt x="18973" y="16216"/>
                  </a:cubicBezTo>
                  <a:cubicBezTo>
                    <a:pt x="18973" y="16266"/>
                    <a:pt x="18973" y="16492"/>
                    <a:pt x="18923" y="16542"/>
                  </a:cubicBezTo>
                  <a:cubicBezTo>
                    <a:pt x="18848" y="16592"/>
                    <a:pt x="18698" y="16667"/>
                    <a:pt x="18623" y="16717"/>
                  </a:cubicBezTo>
                  <a:cubicBezTo>
                    <a:pt x="18522" y="16768"/>
                    <a:pt x="18397" y="16893"/>
                    <a:pt x="18347" y="16943"/>
                  </a:cubicBezTo>
                  <a:cubicBezTo>
                    <a:pt x="18347" y="16993"/>
                    <a:pt x="18297" y="17118"/>
                    <a:pt x="18247" y="17169"/>
                  </a:cubicBezTo>
                  <a:cubicBezTo>
                    <a:pt x="18247" y="17169"/>
                    <a:pt x="18171" y="17169"/>
                    <a:pt x="18171" y="17118"/>
                  </a:cubicBezTo>
                  <a:cubicBezTo>
                    <a:pt x="18121" y="17118"/>
                    <a:pt x="18171" y="16993"/>
                    <a:pt x="18121" y="16993"/>
                  </a:cubicBezTo>
                  <a:cubicBezTo>
                    <a:pt x="18071" y="16893"/>
                    <a:pt x="17896" y="16893"/>
                    <a:pt x="17795" y="16893"/>
                  </a:cubicBezTo>
                  <a:cubicBezTo>
                    <a:pt x="17670" y="16818"/>
                    <a:pt x="17445" y="16818"/>
                    <a:pt x="17394" y="16893"/>
                  </a:cubicBezTo>
                  <a:cubicBezTo>
                    <a:pt x="17269" y="16893"/>
                    <a:pt x="17119" y="16893"/>
                    <a:pt x="17069" y="16943"/>
                  </a:cubicBezTo>
                  <a:cubicBezTo>
                    <a:pt x="16943" y="16993"/>
                    <a:pt x="16943" y="17219"/>
                    <a:pt x="16843" y="17269"/>
                  </a:cubicBezTo>
                  <a:lnTo>
                    <a:pt x="16718" y="17344"/>
                  </a:lnTo>
                  <a:cubicBezTo>
                    <a:pt x="16618" y="17394"/>
                    <a:pt x="16492" y="17494"/>
                    <a:pt x="16442" y="17620"/>
                  </a:cubicBezTo>
                  <a:cubicBezTo>
                    <a:pt x="16392" y="17670"/>
                    <a:pt x="16442" y="17845"/>
                    <a:pt x="16392" y="17895"/>
                  </a:cubicBezTo>
                  <a:cubicBezTo>
                    <a:pt x="16317" y="17946"/>
                    <a:pt x="16217" y="18021"/>
                    <a:pt x="16217" y="18021"/>
                  </a:cubicBezTo>
                  <a:cubicBezTo>
                    <a:pt x="16091" y="18021"/>
                    <a:pt x="15941" y="17895"/>
                    <a:pt x="15866" y="17895"/>
                  </a:cubicBezTo>
                  <a:cubicBezTo>
                    <a:pt x="15765" y="17895"/>
                    <a:pt x="15540" y="17946"/>
                    <a:pt x="15490" y="17895"/>
                  </a:cubicBezTo>
                  <a:cubicBezTo>
                    <a:pt x="15414" y="17895"/>
                    <a:pt x="15490" y="17795"/>
                    <a:pt x="15490" y="17720"/>
                  </a:cubicBezTo>
                  <a:cubicBezTo>
                    <a:pt x="15414" y="17670"/>
                    <a:pt x="15314" y="17620"/>
                    <a:pt x="15264" y="17620"/>
                  </a:cubicBezTo>
                  <a:cubicBezTo>
                    <a:pt x="15189" y="17620"/>
                    <a:pt x="15139" y="17795"/>
                    <a:pt x="15139" y="17795"/>
                  </a:cubicBezTo>
                  <a:lnTo>
                    <a:pt x="14913" y="17795"/>
                  </a:lnTo>
                  <a:cubicBezTo>
                    <a:pt x="14863" y="17720"/>
                    <a:pt x="14738" y="17720"/>
                    <a:pt x="14688" y="17670"/>
                  </a:cubicBezTo>
                  <a:cubicBezTo>
                    <a:pt x="14688" y="17620"/>
                    <a:pt x="14688" y="17570"/>
                    <a:pt x="14738" y="17494"/>
                  </a:cubicBezTo>
                  <a:cubicBezTo>
                    <a:pt x="14738" y="17444"/>
                    <a:pt x="14863" y="17494"/>
                    <a:pt x="14913" y="17494"/>
                  </a:cubicBezTo>
                  <a:cubicBezTo>
                    <a:pt x="14963" y="17444"/>
                    <a:pt x="14913" y="17344"/>
                    <a:pt x="14913" y="17269"/>
                  </a:cubicBezTo>
                  <a:cubicBezTo>
                    <a:pt x="14913" y="17219"/>
                    <a:pt x="14863" y="17043"/>
                    <a:pt x="14813" y="16993"/>
                  </a:cubicBezTo>
                  <a:cubicBezTo>
                    <a:pt x="14738" y="16893"/>
                    <a:pt x="14512" y="16943"/>
                    <a:pt x="14462" y="16893"/>
                  </a:cubicBezTo>
                  <a:cubicBezTo>
                    <a:pt x="14412" y="16818"/>
                    <a:pt x="14287" y="16717"/>
                    <a:pt x="14237" y="16667"/>
                  </a:cubicBezTo>
                  <a:cubicBezTo>
                    <a:pt x="14186" y="16667"/>
                    <a:pt x="14011" y="16667"/>
                    <a:pt x="13961" y="16592"/>
                  </a:cubicBezTo>
                  <a:cubicBezTo>
                    <a:pt x="13911" y="16592"/>
                    <a:pt x="13836" y="16442"/>
                    <a:pt x="13785" y="16392"/>
                  </a:cubicBezTo>
                  <a:cubicBezTo>
                    <a:pt x="13785" y="16316"/>
                    <a:pt x="13735" y="16216"/>
                    <a:pt x="13685" y="16166"/>
                  </a:cubicBezTo>
                  <a:cubicBezTo>
                    <a:pt x="13610" y="16091"/>
                    <a:pt x="13460" y="16041"/>
                    <a:pt x="13384" y="16041"/>
                  </a:cubicBezTo>
                  <a:lnTo>
                    <a:pt x="13109" y="16041"/>
                  </a:lnTo>
                  <a:cubicBezTo>
                    <a:pt x="13059" y="16091"/>
                    <a:pt x="12883" y="16166"/>
                    <a:pt x="12833" y="16166"/>
                  </a:cubicBezTo>
                  <a:cubicBezTo>
                    <a:pt x="12733" y="16166"/>
                    <a:pt x="12507" y="16041"/>
                    <a:pt x="12382" y="15991"/>
                  </a:cubicBezTo>
                  <a:cubicBezTo>
                    <a:pt x="12332" y="15941"/>
                    <a:pt x="12282" y="15640"/>
                    <a:pt x="12206" y="15590"/>
                  </a:cubicBezTo>
                  <a:lnTo>
                    <a:pt x="11981" y="15590"/>
                  </a:lnTo>
                  <a:cubicBezTo>
                    <a:pt x="11931" y="15590"/>
                    <a:pt x="11831" y="15590"/>
                    <a:pt x="11831" y="15540"/>
                  </a:cubicBezTo>
                  <a:cubicBezTo>
                    <a:pt x="11831" y="15540"/>
                    <a:pt x="11831" y="15489"/>
                    <a:pt x="11755" y="15414"/>
                  </a:cubicBezTo>
                  <a:lnTo>
                    <a:pt x="11655" y="15414"/>
                  </a:lnTo>
                  <a:cubicBezTo>
                    <a:pt x="11605" y="15414"/>
                    <a:pt x="11480" y="15489"/>
                    <a:pt x="11480" y="15414"/>
                  </a:cubicBezTo>
                  <a:cubicBezTo>
                    <a:pt x="11430" y="15414"/>
                    <a:pt x="11304" y="15314"/>
                    <a:pt x="11304" y="15314"/>
                  </a:cubicBezTo>
                  <a:cubicBezTo>
                    <a:pt x="11254" y="15189"/>
                    <a:pt x="11254" y="15088"/>
                    <a:pt x="11304" y="15038"/>
                  </a:cubicBezTo>
                  <a:cubicBezTo>
                    <a:pt x="11304" y="14963"/>
                    <a:pt x="11430" y="14913"/>
                    <a:pt x="11480" y="14863"/>
                  </a:cubicBezTo>
                  <a:cubicBezTo>
                    <a:pt x="11530" y="14813"/>
                    <a:pt x="11655" y="14687"/>
                    <a:pt x="11705" y="14637"/>
                  </a:cubicBezTo>
                  <a:cubicBezTo>
                    <a:pt x="11705" y="14587"/>
                    <a:pt x="11605" y="14462"/>
                    <a:pt x="11530" y="14412"/>
                  </a:cubicBezTo>
                  <a:cubicBezTo>
                    <a:pt x="11530" y="14362"/>
                    <a:pt x="11605" y="14236"/>
                    <a:pt x="11655" y="14186"/>
                  </a:cubicBezTo>
                  <a:cubicBezTo>
                    <a:pt x="11705" y="14061"/>
                    <a:pt x="11881" y="13961"/>
                    <a:pt x="11931" y="13860"/>
                  </a:cubicBezTo>
                  <a:cubicBezTo>
                    <a:pt x="11981" y="13860"/>
                    <a:pt x="12156" y="13785"/>
                    <a:pt x="12156" y="13735"/>
                  </a:cubicBezTo>
                  <a:cubicBezTo>
                    <a:pt x="12206" y="13685"/>
                    <a:pt x="12206" y="13560"/>
                    <a:pt x="12206" y="13509"/>
                  </a:cubicBezTo>
                  <a:cubicBezTo>
                    <a:pt x="12156" y="13459"/>
                    <a:pt x="11981" y="13409"/>
                    <a:pt x="11931" y="13334"/>
                  </a:cubicBezTo>
                  <a:cubicBezTo>
                    <a:pt x="11831" y="13184"/>
                    <a:pt x="11755" y="12833"/>
                    <a:pt x="11705" y="12657"/>
                  </a:cubicBezTo>
                  <a:cubicBezTo>
                    <a:pt x="11605" y="12507"/>
                    <a:pt x="11379" y="12156"/>
                    <a:pt x="11254" y="11981"/>
                  </a:cubicBezTo>
                  <a:cubicBezTo>
                    <a:pt x="11204" y="11830"/>
                    <a:pt x="11079" y="11479"/>
                    <a:pt x="10978" y="11379"/>
                  </a:cubicBezTo>
                  <a:cubicBezTo>
                    <a:pt x="10928" y="11254"/>
                    <a:pt x="10753" y="11154"/>
                    <a:pt x="10628" y="11103"/>
                  </a:cubicBezTo>
                  <a:cubicBezTo>
                    <a:pt x="10577" y="10978"/>
                    <a:pt x="10402" y="10753"/>
                    <a:pt x="10302" y="10652"/>
                  </a:cubicBezTo>
                  <a:cubicBezTo>
                    <a:pt x="10176" y="10577"/>
                    <a:pt x="9951" y="10477"/>
                    <a:pt x="9901" y="10352"/>
                  </a:cubicBezTo>
                  <a:lnTo>
                    <a:pt x="9901" y="10251"/>
                  </a:lnTo>
                  <a:cubicBezTo>
                    <a:pt x="9851" y="10201"/>
                    <a:pt x="9725" y="10201"/>
                    <a:pt x="9675" y="10201"/>
                  </a:cubicBezTo>
                  <a:cubicBezTo>
                    <a:pt x="9625" y="10251"/>
                    <a:pt x="9625" y="10352"/>
                    <a:pt x="9575" y="10352"/>
                  </a:cubicBezTo>
                  <a:cubicBezTo>
                    <a:pt x="9575" y="10352"/>
                    <a:pt x="9500" y="10301"/>
                    <a:pt x="9450" y="10301"/>
                  </a:cubicBezTo>
                  <a:cubicBezTo>
                    <a:pt x="9399" y="10352"/>
                    <a:pt x="9349" y="10527"/>
                    <a:pt x="9274" y="10577"/>
                  </a:cubicBezTo>
                  <a:cubicBezTo>
                    <a:pt x="9224" y="10652"/>
                    <a:pt x="9224" y="10803"/>
                    <a:pt x="9124" y="10803"/>
                  </a:cubicBezTo>
                  <a:cubicBezTo>
                    <a:pt x="9049" y="10878"/>
                    <a:pt x="8948" y="10753"/>
                    <a:pt x="8898" y="10753"/>
                  </a:cubicBezTo>
                  <a:cubicBezTo>
                    <a:pt x="8773" y="10753"/>
                    <a:pt x="8673" y="10702"/>
                    <a:pt x="8597" y="10753"/>
                  </a:cubicBezTo>
                  <a:cubicBezTo>
                    <a:pt x="8547" y="10753"/>
                    <a:pt x="8447" y="10928"/>
                    <a:pt x="8322" y="10928"/>
                  </a:cubicBezTo>
                  <a:cubicBezTo>
                    <a:pt x="8221" y="10978"/>
                    <a:pt x="7996" y="11103"/>
                    <a:pt x="7871" y="11154"/>
                  </a:cubicBezTo>
                  <a:cubicBezTo>
                    <a:pt x="7770" y="11154"/>
                    <a:pt x="7595" y="11204"/>
                    <a:pt x="7495" y="11204"/>
                  </a:cubicBezTo>
                  <a:cubicBezTo>
                    <a:pt x="7419" y="11154"/>
                    <a:pt x="7269" y="11028"/>
                    <a:pt x="7144" y="11028"/>
                  </a:cubicBezTo>
                  <a:cubicBezTo>
                    <a:pt x="7044" y="10978"/>
                    <a:pt x="6818" y="11103"/>
                    <a:pt x="6693" y="11154"/>
                  </a:cubicBezTo>
                  <a:cubicBezTo>
                    <a:pt x="6592" y="11204"/>
                    <a:pt x="6367" y="11304"/>
                    <a:pt x="6292" y="11379"/>
                  </a:cubicBezTo>
                  <a:cubicBezTo>
                    <a:pt x="6242" y="11429"/>
                    <a:pt x="6191" y="11605"/>
                    <a:pt x="6141" y="11605"/>
                  </a:cubicBezTo>
                  <a:cubicBezTo>
                    <a:pt x="6016" y="11705"/>
                    <a:pt x="5740" y="11755"/>
                    <a:pt x="5615" y="11755"/>
                  </a:cubicBezTo>
                  <a:cubicBezTo>
                    <a:pt x="5565" y="11705"/>
                    <a:pt x="5465" y="11605"/>
                    <a:pt x="5465" y="11529"/>
                  </a:cubicBezTo>
                  <a:cubicBezTo>
                    <a:pt x="5465" y="11479"/>
                    <a:pt x="5690" y="11379"/>
                    <a:pt x="5740" y="11254"/>
                  </a:cubicBezTo>
                  <a:cubicBezTo>
                    <a:pt x="5740" y="11204"/>
                    <a:pt x="5690" y="11028"/>
                    <a:pt x="5740" y="10978"/>
                  </a:cubicBezTo>
                  <a:cubicBezTo>
                    <a:pt x="5790" y="10928"/>
                    <a:pt x="6141" y="10978"/>
                    <a:pt x="6191" y="10878"/>
                  </a:cubicBezTo>
                  <a:cubicBezTo>
                    <a:pt x="6292" y="10803"/>
                    <a:pt x="6292" y="10577"/>
                    <a:pt x="6367" y="10477"/>
                  </a:cubicBezTo>
                  <a:cubicBezTo>
                    <a:pt x="6417" y="10352"/>
                    <a:pt x="6643" y="10201"/>
                    <a:pt x="6743" y="10126"/>
                  </a:cubicBezTo>
                  <a:cubicBezTo>
                    <a:pt x="6818" y="10076"/>
                    <a:pt x="6918" y="10076"/>
                    <a:pt x="6968" y="10026"/>
                  </a:cubicBezTo>
                  <a:cubicBezTo>
                    <a:pt x="7044" y="9900"/>
                    <a:pt x="6918" y="9750"/>
                    <a:pt x="6918" y="9675"/>
                  </a:cubicBezTo>
                  <a:cubicBezTo>
                    <a:pt x="6868" y="9625"/>
                    <a:pt x="6818" y="9524"/>
                    <a:pt x="6743" y="9449"/>
                  </a:cubicBezTo>
                  <a:cubicBezTo>
                    <a:pt x="6643" y="9349"/>
                    <a:pt x="6292" y="9399"/>
                    <a:pt x="6191" y="9349"/>
                  </a:cubicBezTo>
                  <a:cubicBezTo>
                    <a:pt x="6016" y="9299"/>
                    <a:pt x="5841" y="9073"/>
                    <a:pt x="5740" y="8948"/>
                  </a:cubicBezTo>
                  <a:cubicBezTo>
                    <a:pt x="5615" y="8848"/>
                    <a:pt x="5515" y="8572"/>
                    <a:pt x="5339" y="8497"/>
                  </a:cubicBezTo>
                  <a:cubicBezTo>
                    <a:pt x="5289" y="8447"/>
                    <a:pt x="5114" y="8347"/>
                    <a:pt x="5013" y="8347"/>
                  </a:cubicBezTo>
                  <a:cubicBezTo>
                    <a:pt x="4938" y="8347"/>
                    <a:pt x="4788" y="8447"/>
                    <a:pt x="4663" y="8497"/>
                  </a:cubicBezTo>
                  <a:cubicBezTo>
                    <a:pt x="4612" y="8572"/>
                    <a:pt x="4437" y="8722"/>
                    <a:pt x="4387" y="8773"/>
                  </a:cubicBezTo>
                  <a:cubicBezTo>
                    <a:pt x="4337" y="8848"/>
                    <a:pt x="4337" y="8948"/>
                    <a:pt x="4262" y="8948"/>
                  </a:cubicBezTo>
                  <a:cubicBezTo>
                    <a:pt x="4211" y="8998"/>
                    <a:pt x="4111" y="8948"/>
                    <a:pt x="4061" y="8948"/>
                  </a:cubicBezTo>
                  <a:cubicBezTo>
                    <a:pt x="3986" y="8898"/>
                    <a:pt x="3886" y="8722"/>
                    <a:pt x="3835" y="8722"/>
                  </a:cubicBezTo>
                  <a:cubicBezTo>
                    <a:pt x="3760" y="8672"/>
                    <a:pt x="3610" y="8672"/>
                    <a:pt x="3535" y="8672"/>
                  </a:cubicBezTo>
                  <a:lnTo>
                    <a:pt x="3309" y="8672"/>
                  </a:lnTo>
                  <a:cubicBezTo>
                    <a:pt x="3259" y="8722"/>
                    <a:pt x="3209" y="8898"/>
                    <a:pt x="3259" y="8948"/>
                  </a:cubicBezTo>
                  <a:cubicBezTo>
                    <a:pt x="3259" y="8998"/>
                    <a:pt x="3434" y="8998"/>
                    <a:pt x="3434" y="9073"/>
                  </a:cubicBezTo>
                  <a:cubicBezTo>
                    <a:pt x="3485" y="9073"/>
                    <a:pt x="3485" y="9174"/>
                    <a:pt x="3485" y="9224"/>
                  </a:cubicBezTo>
                  <a:cubicBezTo>
                    <a:pt x="3434" y="9299"/>
                    <a:pt x="3259" y="9299"/>
                    <a:pt x="3209" y="9299"/>
                  </a:cubicBezTo>
                  <a:cubicBezTo>
                    <a:pt x="3159" y="9299"/>
                    <a:pt x="3033" y="9299"/>
                    <a:pt x="2983" y="9224"/>
                  </a:cubicBezTo>
                  <a:cubicBezTo>
                    <a:pt x="2933" y="9174"/>
                    <a:pt x="2858" y="8998"/>
                    <a:pt x="2808" y="8948"/>
                  </a:cubicBezTo>
                  <a:cubicBezTo>
                    <a:pt x="2808" y="8773"/>
                    <a:pt x="2933" y="8572"/>
                    <a:pt x="2933" y="8447"/>
                  </a:cubicBezTo>
                  <a:cubicBezTo>
                    <a:pt x="2933" y="8271"/>
                    <a:pt x="2808" y="7946"/>
                    <a:pt x="2758" y="7770"/>
                  </a:cubicBezTo>
                  <a:cubicBezTo>
                    <a:pt x="2708" y="7595"/>
                    <a:pt x="2532" y="7219"/>
                    <a:pt x="2407" y="7043"/>
                  </a:cubicBezTo>
                  <a:cubicBezTo>
                    <a:pt x="2357" y="6993"/>
                    <a:pt x="2131" y="6868"/>
                    <a:pt x="2031" y="6818"/>
                  </a:cubicBezTo>
                  <a:cubicBezTo>
                    <a:pt x="1906" y="6692"/>
                    <a:pt x="1680" y="6467"/>
                    <a:pt x="1630" y="6316"/>
                  </a:cubicBezTo>
                  <a:cubicBezTo>
                    <a:pt x="1580" y="6191"/>
                    <a:pt x="1505" y="5966"/>
                    <a:pt x="1455" y="5815"/>
                  </a:cubicBezTo>
                  <a:cubicBezTo>
                    <a:pt x="1354" y="5690"/>
                    <a:pt x="1179" y="5364"/>
                    <a:pt x="1054" y="5189"/>
                  </a:cubicBezTo>
                  <a:cubicBezTo>
                    <a:pt x="953" y="4963"/>
                    <a:pt x="678" y="4562"/>
                    <a:pt x="502" y="4387"/>
                  </a:cubicBezTo>
                  <a:cubicBezTo>
                    <a:pt x="377" y="4236"/>
                    <a:pt x="151" y="3935"/>
                    <a:pt x="51" y="3835"/>
                  </a:cubicBezTo>
                  <a:cubicBezTo>
                    <a:pt x="51" y="3785"/>
                    <a:pt x="1" y="3785"/>
                    <a:pt x="1" y="3785"/>
                  </a:cubicBezTo>
                  <a:cubicBezTo>
                    <a:pt x="51" y="3660"/>
                    <a:pt x="277" y="3610"/>
                    <a:pt x="327" y="3560"/>
                  </a:cubicBezTo>
                  <a:cubicBezTo>
                    <a:pt x="452" y="3484"/>
                    <a:pt x="602" y="3434"/>
                    <a:pt x="678" y="3384"/>
                  </a:cubicBezTo>
                  <a:cubicBezTo>
                    <a:pt x="778" y="3284"/>
                    <a:pt x="953" y="3058"/>
                    <a:pt x="953" y="2883"/>
                  </a:cubicBezTo>
                  <a:cubicBezTo>
                    <a:pt x="1003" y="2758"/>
                    <a:pt x="953" y="2482"/>
                    <a:pt x="1003" y="2382"/>
                  </a:cubicBezTo>
                  <a:cubicBezTo>
                    <a:pt x="1003" y="2206"/>
                    <a:pt x="1054" y="1930"/>
                    <a:pt x="1054" y="1805"/>
                  </a:cubicBezTo>
                  <a:cubicBezTo>
                    <a:pt x="1129" y="1705"/>
                    <a:pt x="1229" y="1479"/>
                    <a:pt x="1279" y="1354"/>
                  </a:cubicBezTo>
                  <a:cubicBezTo>
                    <a:pt x="1354" y="1254"/>
                    <a:pt x="1505" y="1078"/>
                    <a:pt x="1580" y="903"/>
                  </a:cubicBezTo>
                  <a:lnTo>
                    <a:pt x="1580" y="853"/>
                  </a:lnTo>
                  <a:cubicBezTo>
                    <a:pt x="1680" y="853"/>
                    <a:pt x="1805" y="803"/>
                    <a:pt x="1856" y="853"/>
                  </a:cubicBezTo>
                  <a:cubicBezTo>
                    <a:pt x="1956" y="853"/>
                    <a:pt x="2307" y="853"/>
                    <a:pt x="2357" y="953"/>
                  </a:cubicBezTo>
                  <a:cubicBezTo>
                    <a:pt x="2482" y="1028"/>
                    <a:pt x="2407" y="1179"/>
                    <a:pt x="2482" y="1254"/>
                  </a:cubicBezTo>
                  <a:cubicBezTo>
                    <a:pt x="2532" y="1304"/>
                    <a:pt x="2708" y="1354"/>
                    <a:pt x="2808" y="1354"/>
                  </a:cubicBezTo>
                  <a:cubicBezTo>
                    <a:pt x="2933" y="1354"/>
                    <a:pt x="3159" y="1404"/>
                    <a:pt x="3259" y="1304"/>
                  </a:cubicBezTo>
                  <a:cubicBezTo>
                    <a:pt x="3309" y="1254"/>
                    <a:pt x="3309" y="1028"/>
                    <a:pt x="3309" y="903"/>
                  </a:cubicBezTo>
                  <a:cubicBezTo>
                    <a:pt x="3309" y="803"/>
                    <a:pt x="3259" y="577"/>
                    <a:pt x="3309" y="452"/>
                  </a:cubicBezTo>
                  <a:cubicBezTo>
                    <a:pt x="3309" y="402"/>
                    <a:pt x="3485" y="301"/>
                    <a:pt x="3535" y="301"/>
                  </a:cubicBezTo>
                  <a:cubicBezTo>
                    <a:pt x="3660" y="226"/>
                    <a:pt x="3886" y="226"/>
                    <a:pt x="3986" y="301"/>
                  </a:cubicBezTo>
                  <a:cubicBezTo>
                    <a:pt x="4061" y="351"/>
                    <a:pt x="4161" y="527"/>
                    <a:pt x="4211" y="527"/>
                  </a:cubicBezTo>
                  <a:cubicBezTo>
                    <a:pt x="4387" y="577"/>
                    <a:pt x="4663" y="527"/>
                    <a:pt x="4788" y="577"/>
                  </a:cubicBezTo>
                  <a:cubicBezTo>
                    <a:pt x="4838" y="577"/>
                    <a:pt x="5013" y="627"/>
                    <a:pt x="5013" y="677"/>
                  </a:cubicBezTo>
                  <a:cubicBezTo>
                    <a:pt x="5064" y="803"/>
                    <a:pt x="4938" y="953"/>
                    <a:pt x="4938" y="1078"/>
                  </a:cubicBezTo>
                  <a:cubicBezTo>
                    <a:pt x="4938" y="1179"/>
                    <a:pt x="4938" y="1479"/>
                    <a:pt x="5064" y="1580"/>
                  </a:cubicBezTo>
                  <a:cubicBezTo>
                    <a:pt x="5114" y="1630"/>
                    <a:pt x="5339" y="1630"/>
                    <a:pt x="5389" y="1580"/>
                  </a:cubicBezTo>
                  <a:cubicBezTo>
                    <a:pt x="5515" y="1580"/>
                    <a:pt x="5615" y="1354"/>
                    <a:pt x="5740" y="1304"/>
                  </a:cubicBezTo>
                  <a:cubicBezTo>
                    <a:pt x="5790" y="1304"/>
                    <a:pt x="5916" y="1354"/>
                    <a:pt x="5966" y="1354"/>
                  </a:cubicBezTo>
                  <a:cubicBezTo>
                    <a:pt x="6066" y="1404"/>
                    <a:pt x="6191" y="1529"/>
                    <a:pt x="6292" y="1529"/>
                  </a:cubicBezTo>
                  <a:cubicBezTo>
                    <a:pt x="6467" y="1580"/>
                    <a:pt x="6868" y="1529"/>
                    <a:pt x="7044" y="1404"/>
                  </a:cubicBezTo>
                  <a:cubicBezTo>
                    <a:pt x="7094" y="1404"/>
                    <a:pt x="7094" y="1254"/>
                    <a:pt x="7144" y="1254"/>
                  </a:cubicBezTo>
                  <a:cubicBezTo>
                    <a:pt x="7269" y="1179"/>
                    <a:pt x="7545" y="1304"/>
                    <a:pt x="7645" y="1354"/>
                  </a:cubicBezTo>
                  <a:cubicBezTo>
                    <a:pt x="7770" y="1404"/>
                    <a:pt x="7946" y="1755"/>
                    <a:pt x="8046" y="1755"/>
                  </a:cubicBezTo>
                  <a:cubicBezTo>
                    <a:pt x="8171" y="1805"/>
                    <a:pt x="8447" y="1705"/>
                    <a:pt x="8497" y="1580"/>
                  </a:cubicBezTo>
                  <a:cubicBezTo>
                    <a:pt x="8597" y="1479"/>
                    <a:pt x="8497" y="1179"/>
                    <a:pt x="8547" y="1078"/>
                  </a:cubicBezTo>
                  <a:cubicBezTo>
                    <a:pt x="8673" y="953"/>
                    <a:pt x="8898" y="803"/>
                    <a:pt x="8998" y="752"/>
                  </a:cubicBezTo>
                  <a:cubicBezTo>
                    <a:pt x="9124" y="627"/>
                    <a:pt x="9399" y="527"/>
                    <a:pt x="9500" y="527"/>
                  </a:cubicBezTo>
                  <a:cubicBezTo>
                    <a:pt x="9675" y="452"/>
                    <a:pt x="9951" y="627"/>
                    <a:pt x="10126" y="627"/>
                  </a:cubicBezTo>
                  <a:cubicBezTo>
                    <a:pt x="10252" y="627"/>
                    <a:pt x="10477" y="577"/>
                    <a:pt x="10527" y="527"/>
                  </a:cubicBezTo>
                  <a:cubicBezTo>
                    <a:pt x="10628" y="402"/>
                    <a:pt x="10703" y="176"/>
                    <a:pt x="10753" y="126"/>
                  </a:cubicBezTo>
                  <a:cubicBezTo>
                    <a:pt x="10853" y="76"/>
                    <a:pt x="11154" y="76"/>
                    <a:pt x="11254" y="1"/>
                  </a:cubicBezTo>
                  <a:cubicBezTo>
                    <a:pt x="11379" y="126"/>
                    <a:pt x="11655" y="76"/>
                    <a:pt x="11755" y="126"/>
                  </a:cubicBezTo>
                  <a:cubicBezTo>
                    <a:pt x="11881" y="176"/>
                    <a:pt x="12156" y="301"/>
                    <a:pt x="12282" y="402"/>
                  </a:cubicBezTo>
                  <a:cubicBezTo>
                    <a:pt x="12332" y="527"/>
                    <a:pt x="12557" y="853"/>
                    <a:pt x="12507" y="953"/>
                  </a:cubicBezTo>
                  <a:cubicBezTo>
                    <a:pt x="12432" y="1078"/>
                    <a:pt x="12156" y="1028"/>
                    <a:pt x="12106" y="1078"/>
                  </a:cubicBezTo>
                  <a:cubicBezTo>
                    <a:pt x="12056" y="1254"/>
                    <a:pt x="12106" y="1630"/>
                    <a:pt x="12206" y="1805"/>
                  </a:cubicBezTo>
                  <a:cubicBezTo>
                    <a:pt x="12282" y="1855"/>
                    <a:pt x="12432" y="1981"/>
                    <a:pt x="12507" y="2031"/>
                  </a:cubicBezTo>
                  <a:cubicBezTo>
                    <a:pt x="12607" y="2081"/>
                    <a:pt x="12883" y="2206"/>
                    <a:pt x="13059" y="2206"/>
                  </a:cubicBezTo>
                  <a:cubicBezTo>
                    <a:pt x="13159" y="2256"/>
                    <a:pt x="13384" y="2156"/>
                    <a:pt x="13510" y="2206"/>
                  </a:cubicBezTo>
                  <a:cubicBezTo>
                    <a:pt x="13610" y="2306"/>
                    <a:pt x="13685" y="2607"/>
                    <a:pt x="13735" y="2758"/>
                  </a:cubicBezTo>
                  <a:cubicBezTo>
                    <a:pt x="13735" y="2933"/>
                    <a:pt x="13610" y="3284"/>
                    <a:pt x="13685" y="3434"/>
                  </a:cubicBezTo>
                  <a:cubicBezTo>
                    <a:pt x="13685" y="3484"/>
                    <a:pt x="13836" y="3660"/>
                    <a:pt x="13911" y="3710"/>
                  </a:cubicBezTo>
                  <a:cubicBezTo>
                    <a:pt x="14011" y="3885"/>
                    <a:pt x="14011" y="4236"/>
                    <a:pt x="14136" y="4336"/>
                  </a:cubicBezTo>
                  <a:cubicBezTo>
                    <a:pt x="14237" y="4387"/>
                    <a:pt x="14587" y="4512"/>
                    <a:pt x="14738" y="4512"/>
                  </a:cubicBezTo>
                  <a:cubicBezTo>
                    <a:pt x="14863" y="4512"/>
                    <a:pt x="15089" y="4336"/>
                    <a:pt x="15189" y="4336"/>
                  </a:cubicBezTo>
                  <a:cubicBezTo>
                    <a:pt x="15314" y="4286"/>
                    <a:pt x="15490" y="4161"/>
                    <a:pt x="15540" y="4161"/>
                  </a:cubicBezTo>
                  <a:cubicBezTo>
                    <a:pt x="15765" y="4161"/>
                    <a:pt x="15991" y="4462"/>
                    <a:pt x="16166" y="4512"/>
                  </a:cubicBezTo>
                  <a:cubicBezTo>
                    <a:pt x="16267" y="4562"/>
                    <a:pt x="16492" y="4687"/>
                    <a:pt x="16618" y="4737"/>
                  </a:cubicBezTo>
                  <a:lnTo>
                    <a:pt x="16843" y="4737"/>
                  </a:lnTo>
                  <a:cubicBezTo>
                    <a:pt x="16768" y="4838"/>
                    <a:pt x="16768" y="4963"/>
                    <a:pt x="16768" y="5013"/>
                  </a:cubicBezTo>
                  <a:cubicBezTo>
                    <a:pt x="16768" y="5138"/>
                    <a:pt x="16843" y="5464"/>
                    <a:pt x="16893" y="5590"/>
                  </a:cubicBezTo>
                  <a:cubicBezTo>
                    <a:pt x="16943" y="5690"/>
                    <a:pt x="17069" y="5865"/>
                    <a:pt x="17069" y="5915"/>
                  </a:cubicBezTo>
                  <a:cubicBezTo>
                    <a:pt x="17119" y="6091"/>
                    <a:pt x="17169" y="6417"/>
                    <a:pt x="17119" y="6542"/>
                  </a:cubicBezTo>
                  <a:cubicBezTo>
                    <a:pt x="17119" y="6642"/>
                    <a:pt x="16943" y="6818"/>
                    <a:pt x="16843" y="6868"/>
                  </a:cubicBezTo>
                  <a:cubicBezTo>
                    <a:pt x="16768" y="6918"/>
                    <a:pt x="16618" y="6918"/>
                    <a:pt x="16542" y="6993"/>
                  </a:cubicBezTo>
                  <a:cubicBezTo>
                    <a:pt x="16442" y="7043"/>
                    <a:pt x="16392" y="7269"/>
                    <a:pt x="16267" y="7319"/>
                  </a:cubicBezTo>
                  <a:lnTo>
                    <a:pt x="15941" y="7319"/>
                  </a:lnTo>
                  <a:cubicBezTo>
                    <a:pt x="15816" y="7269"/>
                    <a:pt x="15765" y="7093"/>
                    <a:pt x="15715" y="7093"/>
                  </a:cubicBezTo>
                  <a:cubicBezTo>
                    <a:pt x="15590" y="7043"/>
                    <a:pt x="15414" y="7093"/>
                    <a:pt x="15364" y="7144"/>
                  </a:cubicBezTo>
                  <a:cubicBezTo>
                    <a:pt x="15264" y="7219"/>
                    <a:pt x="15139" y="7369"/>
                    <a:pt x="15089" y="7494"/>
                  </a:cubicBezTo>
                  <a:cubicBezTo>
                    <a:pt x="15089" y="7670"/>
                    <a:pt x="15139" y="7946"/>
                    <a:pt x="15189" y="8046"/>
                  </a:cubicBezTo>
                  <a:cubicBezTo>
                    <a:pt x="15264" y="8171"/>
                    <a:pt x="15414" y="8397"/>
                    <a:pt x="15490" y="8497"/>
                  </a:cubicBezTo>
                  <a:cubicBezTo>
                    <a:pt x="15540" y="8572"/>
                    <a:pt x="15590" y="8773"/>
                    <a:pt x="15640" y="8848"/>
                  </a:cubicBezTo>
                  <a:cubicBezTo>
                    <a:pt x="15715" y="8948"/>
                    <a:pt x="15866" y="9123"/>
                    <a:pt x="15991" y="9174"/>
                  </a:cubicBezTo>
                  <a:cubicBezTo>
                    <a:pt x="16091" y="9224"/>
                    <a:pt x="16317" y="9174"/>
                    <a:pt x="16392" y="9299"/>
                  </a:cubicBezTo>
                  <a:cubicBezTo>
                    <a:pt x="16492" y="9349"/>
                    <a:pt x="16492" y="9575"/>
                    <a:pt x="16542" y="9625"/>
                  </a:cubicBezTo>
                  <a:cubicBezTo>
                    <a:pt x="16542" y="9750"/>
                    <a:pt x="16618" y="9900"/>
                    <a:pt x="16542" y="9976"/>
                  </a:cubicBezTo>
                  <a:cubicBezTo>
                    <a:pt x="16492" y="10026"/>
                    <a:pt x="16317" y="10076"/>
                    <a:pt x="16267" y="10126"/>
                  </a:cubicBezTo>
                  <a:cubicBezTo>
                    <a:pt x="16217" y="10201"/>
                    <a:pt x="16217" y="10301"/>
                    <a:pt x="16217" y="10352"/>
                  </a:cubicBezTo>
                  <a:cubicBezTo>
                    <a:pt x="16267" y="10477"/>
                    <a:pt x="16442" y="10577"/>
                    <a:pt x="16492" y="10652"/>
                  </a:cubicBezTo>
                  <a:cubicBezTo>
                    <a:pt x="16542" y="10702"/>
                    <a:pt x="16718" y="10652"/>
                    <a:pt x="16843" y="10702"/>
                  </a:cubicBezTo>
                  <a:cubicBezTo>
                    <a:pt x="16893" y="10702"/>
                    <a:pt x="17069" y="10803"/>
                    <a:pt x="17119" y="10878"/>
                  </a:cubicBezTo>
                  <a:cubicBezTo>
                    <a:pt x="17219" y="11028"/>
                    <a:pt x="17219" y="11304"/>
                    <a:pt x="17269" y="11479"/>
                  </a:cubicBezTo>
                  <a:cubicBezTo>
                    <a:pt x="17269" y="11605"/>
                    <a:pt x="17169" y="11830"/>
                    <a:pt x="17169" y="11930"/>
                  </a:cubicBezTo>
                  <a:cubicBezTo>
                    <a:pt x="17219" y="12056"/>
                    <a:pt x="17269" y="12206"/>
                    <a:pt x="17394" y="12281"/>
                  </a:cubicBezTo>
                  <a:cubicBezTo>
                    <a:pt x="17445" y="12331"/>
                    <a:pt x="17620" y="12432"/>
                    <a:pt x="17670" y="12432"/>
                  </a:cubicBezTo>
                  <a:cubicBezTo>
                    <a:pt x="17795" y="12507"/>
                    <a:pt x="18071" y="12507"/>
                    <a:pt x="18171" y="12507"/>
                  </a:cubicBezTo>
                  <a:cubicBezTo>
                    <a:pt x="18347" y="12557"/>
                    <a:pt x="18572" y="12607"/>
                    <a:pt x="18698" y="12733"/>
                  </a:cubicBezTo>
                  <a:cubicBezTo>
                    <a:pt x="18798" y="12783"/>
                    <a:pt x="18848" y="13058"/>
                    <a:pt x="18848" y="13184"/>
                  </a:cubicBezTo>
                  <a:cubicBezTo>
                    <a:pt x="18923" y="13234"/>
                    <a:pt x="18923" y="13459"/>
                    <a:pt x="18973" y="13509"/>
                  </a:cubicBezTo>
                  <a:cubicBezTo>
                    <a:pt x="18973" y="13560"/>
                    <a:pt x="19024" y="13735"/>
                    <a:pt x="19074" y="13735"/>
                  </a:cubicBezTo>
                  <a:cubicBezTo>
                    <a:pt x="19199" y="13785"/>
                    <a:pt x="19425" y="13735"/>
                    <a:pt x="19525" y="13735"/>
                  </a:cubicBezTo>
                  <a:cubicBezTo>
                    <a:pt x="19650" y="13735"/>
                    <a:pt x="19750" y="13685"/>
                    <a:pt x="19826" y="13735"/>
                  </a:cubicBezTo>
                  <a:cubicBezTo>
                    <a:pt x="19876" y="13735"/>
                    <a:pt x="19876" y="13961"/>
                    <a:pt x="19876" y="14011"/>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76" name="Google Shape;333;p16">
              <a:extLst>
                <a:ext uri="{FF2B5EF4-FFF2-40B4-BE49-F238E27FC236}">
                  <a16:creationId xmlns:a16="http://schemas.microsoft.com/office/drawing/2014/main" id="{9A5293B8-6F5E-00D7-FEEA-3AE0A6EF9182}"/>
                </a:ext>
              </a:extLst>
            </p:cNvPr>
            <p:cNvSpPr/>
            <p:nvPr/>
          </p:nvSpPr>
          <p:spPr>
            <a:xfrm>
              <a:off x="3052668" y="2932843"/>
              <a:ext cx="557530" cy="502966"/>
            </a:xfrm>
            <a:custGeom>
              <a:avLst/>
              <a:gdLst/>
              <a:ahLst/>
              <a:cxnLst/>
              <a:rect l="l" t="t" r="r" b="b"/>
              <a:pathLst>
                <a:path w="19976" h="18021" extrusionOk="0">
                  <a:moveTo>
                    <a:pt x="11254" y="1"/>
                  </a:moveTo>
                  <a:cubicBezTo>
                    <a:pt x="11154" y="76"/>
                    <a:pt x="10853" y="76"/>
                    <a:pt x="10753" y="126"/>
                  </a:cubicBezTo>
                  <a:cubicBezTo>
                    <a:pt x="10703" y="176"/>
                    <a:pt x="10628" y="402"/>
                    <a:pt x="10527" y="527"/>
                  </a:cubicBezTo>
                  <a:cubicBezTo>
                    <a:pt x="10477" y="577"/>
                    <a:pt x="10252" y="627"/>
                    <a:pt x="10126" y="627"/>
                  </a:cubicBezTo>
                  <a:cubicBezTo>
                    <a:pt x="9982" y="627"/>
                    <a:pt x="9769" y="508"/>
                    <a:pt x="9601" y="508"/>
                  </a:cubicBezTo>
                  <a:cubicBezTo>
                    <a:pt x="9565" y="508"/>
                    <a:pt x="9531" y="514"/>
                    <a:pt x="9500" y="527"/>
                  </a:cubicBezTo>
                  <a:cubicBezTo>
                    <a:pt x="9399" y="527"/>
                    <a:pt x="9124" y="627"/>
                    <a:pt x="8998" y="752"/>
                  </a:cubicBezTo>
                  <a:cubicBezTo>
                    <a:pt x="8898" y="803"/>
                    <a:pt x="8673" y="953"/>
                    <a:pt x="8547" y="1078"/>
                  </a:cubicBezTo>
                  <a:cubicBezTo>
                    <a:pt x="8497" y="1179"/>
                    <a:pt x="8597" y="1479"/>
                    <a:pt x="8497" y="1580"/>
                  </a:cubicBezTo>
                  <a:cubicBezTo>
                    <a:pt x="8456" y="1682"/>
                    <a:pt x="8263" y="1768"/>
                    <a:pt x="8126" y="1768"/>
                  </a:cubicBezTo>
                  <a:cubicBezTo>
                    <a:pt x="8096" y="1768"/>
                    <a:pt x="8069" y="1764"/>
                    <a:pt x="8046" y="1755"/>
                  </a:cubicBezTo>
                  <a:cubicBezTo>
                    <a:pt x="7946" y="1755"/>
                    <a:pt x="7770" y="1404"/>
                    <a:pt x="7645" y="1354"/>
                  </a:cubicBezTo>
                  <a:cubicBezTo>
                    <a:pt x="7567" y="1315"/>
                    <a:pt x="7382" y="1230"/>
                    <a:pt x="7245" y="1230"/>
                  </a:cubicBezTo>
                  <a:cubicBezTo>
                    <a:pt x="7207" y="1230"/>
                    <a:pt x="7171" y="1237"/>
                    <a:pt x="7144" y="1254"/>
                  </a:cubicBezTo>
                  <a:cubicBezTo>
                    <a:pt x="7094" y="1254"/>
                    <a:pt x="7094" y="1404"/>
                    <a:pt x="7044" y="1404"/>
                  </a:cubicBezTo>
                  <a:cubicBezTo>
                    <a:pt x="6913" y="1497"/>
                    <a:pt x="6659" y="1549"/>
                    <a:pt x="6465" y="1549"/>
                  </a:cubicBezTo>
                  <a:cubicBezTo>
                    <a:pt x="6397" y="1549"/>
                    <a:pt x="6337" y="1542"/>
                    <a:pt x="6292" y="1529"/>
                  </a:cubicBezTo>
                  <a:cubicBezTo>
                    <a:pt x="6191" y="1529"/>
                    <a:pt x="6066" y="1404"/>
                    <a:pt x="5966" y="1354"/>
                  </a:cubicBezTo>
                  <a:cubicBezTo>
                    <a:pt x="5916" y="1354"/>
                    <a:pt x="5790" y="1304"/>
                    <a:pt x="5740" y="1304"/>
                  </a:cubicBezTo>
                  <a:cubicBezTo>
                    <a:pt x="5615" y="1354"/>
                    <a:pt x="5515" y="1580"/>
                    <a:pt x="5389" y="1580"/>
                  </a:cubicBezTo>
                  <a:cubicBezTo>
                    <a:pt x="5364" y="1605"/>
                    <a:pt x="5295" y="1617"/>
                    <a:pt x="5226" y="1617"/>
                  </a:cubicBezTo>
                  <a:cubicBezTo>
                    <a:pt x="5158" y="1617"/>
                    <a:pt x="5089" y="1605"/>
                    <a:pt x="5064" y="1580"/>
                  </a:cubicBezTo>
                  <a:cubicBezTo>
                    <a:pt x="4938" y="1479"/>
                    <a:pt x="4938" y="1179"/>
                    <a:pt x="4938" y="1078"/>
                  </a:cubicBezTo>
                  <a:cubicBezTo>
                    <a:pt x="4938" y="953"/>
                    <a:pt x="5064" y="803"/>
                    <a:pt x="5013" y="677"/>
                  </a:cubicBezTo>
                  <a:cubicBezTo>
                    <a:pt x="5013" y="627"/>
                    <a:pt x="4838" y="577"/>
                    <a:pt x="4788" y="577"/>
                  </a:cubicBezTo>
                  <a:cubicBezTo>
                    <a:pt x="4725" y="552"/>
                    <a:pt x="4625" y="552"/>
                    <a:pt x="4518" y="552"/>
                  </a:cubicBezTo>
                  <a:cubicBezTo>
                    <a:pt x="4412" y="552"/>
                    <a:pt x="4299" y="552"/>
                    <a:pt x="4211" y="527"/>
                  </a:cubicBezTo>
                  <a:cubicBezTo>
                    <a:pt x="4161" y="527"/>
                    <a:pt x="4061" y="351"/>
                    <a:pt x="3986" y="301"/>
                  </a:cubicBezTo>
                  <a:cubicBezTo>
                    <a:pt x="3936" y="264"/>
                    <a:pt x="3854" y="245"/>
                    <a:pt x="3770" y="245"/>
                  </a:cubicBezTo>
                  <a:cubicBezTo>
                    <a:pt x="3685" y="245"/>
                    <a:pt x="3597" y="264"/>
                    <a:pt x="3535" y="301"/>
                  </a:cubicBezTo>
                  <a:cubicBezTo>
                    <a:pt x="3485" y="301"/>
                    <a:pt x="3309" y="402"/>
                    <a:pt x="3309" y="452"/>
                  </a:cubicBezTo>
                  <a:cubicBezTo>
                    <a:pt x="3259" y="577"/>
                    <a:pt x="3309" y="803"/>
                    <a:pt x="3309" y="903"/>
                  </a:cubicBezTo>
                  <a:cubicBezTo>
                    <a:pt x="3309" y="1028"/>
                    <a:pt x="3309" y="1254"/>
                    <a:pt x="3259" y="1304"/>
                  </a:cubicBezTo>
                  <a:cubicBezTo>
                    <a:pt x="3209" y="1354"/>
                    <a:pt x="3127" y="1367"/>
                    <a:pt x="3043" y="1367"/>
                  </a:cubicBezTo>
                  <a:cubicBezTo>
                    <a:pt x="2958" y="1367"/>
                    <a:pt x="2871" y="1354"/>
                    <a:pt x="2808" y="1354"/>
                  </a:cubicBezTo>
                  <a:cubicBezTo>
                    <a:pt x="2708" y="1354"/>
                    <a:pt x="2532" y="1304"/>
                    <a:pt x="2482" y="1254"/>
                  </a:cubicBezTo>
                  <a:cubicBezTo>
                    <a:pt x="2407" y="1179"/>
                    <a:pt x="2482" y="1028"/>
                    <a:pt x="2357" y="953"/>
                  </a:cubicBezTo>
                  <a:cubicBezTo>
                    <a:pt x="2307" y="853"/>
                    <a:pt x="1956" y="853"/>
                    <a:pt x="1856" y="853"/>
                  </a:cubicBezTo>
                  <a:cubicBezTo>
                    <a:pt x="1839" y="836"/>
                    <a:pt x="1814" y="830"/>
                    <a:pt x="1784" y="830"/>
                  </a:cubicBezTo>
                  <a:cubicBezTo>
                    <a:pt x="1725" y="830"/>
                    <a:pt x="1647" y="853"/>
                    <a:pt x="1580" y="853"/>
                  </a:cubicBezTo>
                  <a:lnTo>
                    <a:pt x="1580" y="903"/>
                  </a:lnTo>
                  <a:cubicBezTo>
                    <a:pt x="1505" y="1078"/>
                    <a:pt x="1354" y="1254"/>
                    <a:pt x="1279" y="1354"/>
                  </a:cubicBezTo>
                  <a:cubicBezTo>
                    <a:pt x="1229" y="1479"/>
                    <a:pt x="1129" y="1705"/>
                    <a:pt x="1054" y="1805"/>
                  </a:cubicBezTo>
                  <a:cubicBezTo>
                    <a:pt x="1054" y="1930"/>
                    <a:pt x="1003" y="2206"/>
                    <a:pt x="1003" y="2382"/>
                  </a:cubicBezTo>
                  <a:cubicBezTo>
                    <a:pt x="953" y="2482"/>
                    <a:pt x="1003" y="2758"/>
                    <a:pt x="953" y="2883"/>
                  </a:cubicBezTo>
                  <a:cubicBezTo>
                    <a:pt x="953" y="3058"/>
                    <a:pt x="778" y="3284"/>
                    <a:pt x="678" y="3384"/>
                  </a:cubicBezTo>
                  <a:cubicBezTo>
                    <a:pt x="602" y="3434"/>
                    <a:pt x="452" y="3484"/>
                    <a:pt x="327" y="3560"/>
                  </a:cubicBezTo>
                  <a:cubicBezTo>
                    <a:pt x="277" y="3610"/>
                    <a:pt x="51" y="3660"/>
                    <a:pt x="1" y="3785"/>
                  </a:cubicBezTo>
                  <a:cubicBezTo>
                    <a:pt x="1" y="3785"/>
                    <a:pt x="51" y="3785"/>
                    <a:pt x="51" y="3835"/>
                  </a:cubicBezTo>
                  <a:cubicBezTo>
                    <a:pt x="151" y="3935"/>
                    <a:pt x="377" y="4236"/>
                    <a:pt x="502" y="4387"/>
                  </a:cubicBezTo>
                  <a:cubicBezTo>
                    <a:pt x="678" y="4562"/>
                    <a:pt x="953" y="4963"/>
                    <a:pt x="1054" y="5189"/>
                  </a:cubicBezTo>
                  <a:cubicBezTo>
                    <a:pt x="1179" y="5364"/>
                    <a:pt x="1354" y="5690"/>
                    <a:pt x="1455" y="5815"/>
                  </a:cubicBezTo>
                  <a:cubicBezTo>
                    <a:pt x="1505" y="5966"/>
                    <a:pt x="1580" y="6191"/>
                    <a:pt x="1630" y="6316"/>
                  </a:cubicBezTo>
                  <a:cubicBezTo>
                    <a:pt x="1680" y="6467"/>
                    <a:pt x="1906" y="6692"/>
                    <a:pt x="2031" y="6818"/>
                  </a:cubicBezTo>
                  <a:cubicBezTo>
                    <a:pt x="2131" y="6868"/>
                    <a:pt x="2357" y="6993"/>
                    <a:pt x="2407" y="7043"/>
                  </a:cubicBezTo>
                  <a:cubicBezTo>
                    <a:pt x="2532" y="7219"/>
                    <a:pt x="2708" y="7595"/>
                    <a:pt x="2758" y="7770"/>
                  </a:cubicBezTo>
                  <a:cubicBezTo>
                    <a:pt x="2808" y="7946"/>
                    <a:pt x="2933" y="8271"/>
                    <a:pt x="2933" y="8447"/>
                  </a:cubicBezTo>
                  <a:cubicBezTo>
                    <a:pt x="2933" y="8572"/>
                    <a:pt x="2808" y="8773"/>
                    <a:pt x="2808" y="8948"/>
                  </a:cubicBezTo>
                  <a:cubicBezTo>
                    <a:pt x="2858" y="8998"/>
                    <a:pt x="2933" y="9174"/>
                    <a:pt x="2983" y="9224"/>
                  </a:cubicBezTo>
                  <a:cubicBezTo>
                    <a:pt x="3033" y="9299"/>
                    <a:pt x="3159" y="9299"/>
                    <a:pt x="3209" y="9299"/>
                  </a:cubicBezTo>
                  <a:cubicBezTo>
                    <a:pt x="3259" y="9299"/>
                    <a:pt x="3434" y="9299"/>
                    <a:pt x="3485" y="9224"/>
                  </a:cubicBezTo>
                  <a:cubicBezTo>
                    <a:pt x="3485" y="9174"/>
                    <a:pt x="3485" y="9073"/>
                    <a:pt x="3434" y="9073"/>
                  </a:cubicBezTo>
                  <a:cubicBezTo>
                    <a:pt x="3434" y="8998"/>
                    <a:pt x="3259" y="8998"/>
                    <a:pt x="3259" y="8948"/>
                  </a:cubicBezTo>
                  <a:cubicBezTo>
                    <a:pt x="3209" y="8898"/>
                    <a:pt x="3259" y="8722"/>
                    <a:pt x="3309" y="8672"/>
                  </a:cubicBezTo>
                  <a:lnTo>
                    <a:pt x="3535" y="8672"/>
                  </a:lnTo>
                  <a:cubicBezTo>
                    <a:pt x="3610" y="8672"/>
                    <a:pt x="3760" y="8672"/>
                    <a:pt x="3835" y="8722"/>
                  </a:cubicBezTo>
                  <a:cubicBezTo>
                    <a:pt x="3886" y="8722"/>
                    <a:pt x="3986" y="8898"/>
                    <a:pt x="4061" y="8948"/>
                  </a:cubicBezTo>
                  <a:cubicBezTo>
                    <a:pt x="4094" y="8948"/>
                    <a:pt x="4150" y="8970"/>
                    <a:pt x="4198" y="8970"/>
                  </a:cubicBezTo>
                  <a:cubicBezTo>
                    <a:pt x="4223" y="8970"/>
                    <a:pt x="4245" y="8965"/>
                    <a:pt x="4262" y="8948"/>
                  </a:cubicBezTo>
                  <a:cubicBezTo>
                    <a:pt x="4337" y="8948"/>
                    <a:pt x="4337" y="8848"/>
                    <a:pt x="4387" y="8773"/>
                  </a:cubicBezTo>
                  <a:cubicBezTo>
                    <a:pt x="4437" y="8722"/>
                    <a:pt x="4612" y="8572"/>
                    <a:pt x="4663" y="8497"/>
                  </a:cubicBezTo>
                  <a:cubicBezTo>
                    <a:pt x="4788" y="8447"/>
                    <a:pt x="4938" y="8347"/>
                    <a:pt x="5013" y="8347"/>
                  </a:cubicBezTo>
                  <a:cubicBezTo>
                    <a:pt x="5114" y="8347"/>
                    <a:pt x="5289" y="8447"/>
                    <a:pt x="5339" y="8497"/>
                  </a:cubicBezTo>
                  <a:cubicBezTo>
                    <a:pt x="5515" y="8572"/>
                    <a:pt x="5615" y="8848"/>
                    <a:pt x="5740" y="8948"/>
                  </a:cubicBezTo>
                  <a:cubicBezTo>
                    <a:pt x="5841" y="9073"/>
                    <a:pt x="6016" y="9299"/>
                    <a:pt x="6191" y="9349"/>
                  </a:cubicBezTo>
                  <a:cubicBezTo>
                    <a:pt x="6292" y="9399"/>
                    <a:pt x="6643" y="9349"/>
                    <a:pt x="6743" y="9449"/>
                  </a:cubicBezTo>
                  <a:cubicBezTo>
                    <a:pt x="6818" y="9524"/>
                    <a:pt x="6868" y="9625"/>
                    <a:pt x="6918" y="9675"/>
                  </a:cubicBezTo>
                  <a:cubicBezTo>
                    <a:pt x="6918" y="9750"/>
                    <a:pt x="7044" y="9900"/>
                    <a:pt x="6968" y="10026"/>
                  </a:cubicBezTo>
                  <a:cubicBezTo>
                    <a:pt x="6918" y="10076"/>
                    <a:pt x="6818" y="10076"/>
                    <a:pt x="6743" y="10126"/>
                  </a:cubicBezTo>
                  <a:cubicBezTo>
                    <a:pt x="6643" y="10201"/>
                    <a:pt x="6417" y="10352"/>
                    <a:pt x="6367" y="10477"/>
                  </a:cubicBezTo>
                  <a:cubicBezTo>
                    <a:pt x="6292" y="10577"/>
                    <a:pt x="6292" y="10803"/>
                    <a:pt x="6191" y="10878"/>
                  </a:cubicBezTo>
                  <a:cubicBezTo>
                    <a:pt x="6141" y="10978"/>
                    <a:pt x="5790" y="10928"/>
                    <a:pt x="5740" y="10978"/>
                  </a:cubicBezTo>
                  <a:cubicBezTo>
                    <a:pt x="5690" y="11028"/>
                    <a:pt x="5740" y="11204"/>
                    <a:pt x="5740" y="11254"/>
                  </a:cubicBezTo>
                  <a:cubicBezTo>
                    <a:pt x="5690" y="11379"/>
                    <a:pt x="5465" y="11479"/>
                    <a:pt x="5465" y="11529"/>
                  </a:cubicBezTo>
                  <a:cubicBezTo>
                    <a:pt x="5465" y="11605"/>
                    <a:pt x="5565" y="11705"/>
                    <a:pt x="5615" y="11755"/>
                  </a:cubicBezTo>
                  <a:cubicBezTo>
                    <a:pt x="5740" y="11755"/>
                    <a:pt x="6016" y="11705"/>
                    <a:pt x="6141" y="11605"/>
                  </a:cubicBezTo>
                  <a:cubicBezTo>
                    <a:pt x="6191" y="11605"/>
                    <a:pt x="6242" y="11429"/>
                    <a:pt x="6292" y="11379"/>
                  </a:cubicBezTo>
                  <a:cubicBezTo>
                    <a:pt x="6367" y="11304"/>
                    <a:pt x="6592" y="11204"/>
                    <a:pt x="6693" y="11154"/>
                  </a:cubicBezTo>
                  <a:cubicBezTo>
                    <a:pt x="6798" y="11112"/>
                    <a:pt x="6973" y="11017"/>
                    <a:pt x="7086" y="11017"/>
                  </a:cubicBezTo>
                  <a:cubicBezTo>
                    <a:pt x="7108" y="11017"/>
                    <a:pt x="7128" y="11020"/>
                    <a:pt x="7144" y="11028"/>
                  </a:cubicBezTo>
                  <a:cubicBezTo>
                    <a:pt x="7269" y="11028"/>
                    <a:pt x="7419" y="11154"/>
                    <a:pt x="7495" y="11204"/>
                  </a:cubicBezTo>
                  <a:cubicBezTo>
                    <a:pt x="7595" y="11204"/>
                    <a:pt x="7770" y="11154"/>
                    <a:pt x="7871" y="11154"/>
                  </a:cubicBezTo>
                  <a:cubicBezTo>
                    <a:pt x="7996" y="11103"/>
                    <a:pt x="8221" y="10978"/>
                    <a:pt x="8322" y="10928"/>
                  </a:cubicBezTo>
                  <a:cubicBezTo>
                    <a:pt x="8447" y="10928"/>
                    <a:pt x="8547" y="10753"/>
                    <a:pt x="8597" y="10753"/>
                  </a:cubicBezTo>
                  <a:cubicBezTo>
                    <a:pt x="8622" y="10736"/>
                    <a:pt x="8650" y="10730"/>
                    <a:pt x="8681" y="10730"/>
                  </a:cubicBezTo>
                  <a:cubicBezTo>
                    <a:pt x="8742" y="10730"/>
                    <a:pt x="8815" y="10753"/>
                    <a:pt x="8898" y="10753"/>
                  </a:cubicBezTo>
                  <a:cubicBezTo>
                    <a:pt x="8937" y="10753"/>
                    <a:pt x="9005" y="10827"/>
                    <a:pt x="9069" y="10827"/>
                  </a:cubicBezTo>
                  <a:cubicBezTo>
                    <a:pt x="9088" y="10827"/>
                    <a:pt x="9106" y="10820"/>
                    <a:pt x="9124" y="10803"/>
                  </a:cubicBezTo>
                  <a:cubicBezTo>
                    <a:pt x="9224" y="10803"/>
                    <a:pt x="9224" y="10652"/>
                    <a:pt x="9274" y="10577"/>
                  </a:cubicBezTo>
                  <a:cubicBezTo>
                    <a:pt x="9349" y="10527"/>
                    <a:pt x="9399" y="10352"/>
                    <a:pt x="9450" y="10301"/>
                  </a:cubicBezTo>
                  <a:cubicBezTo>
                    <a:pt x="9500" y="10301"/>
                    <a:pt x="9575" y="10352"/>
                    <a:pt x="9575" y="10352"/>
                  </a:cubicBezTo>
                  <a:cubicBezTo>
                    <a:pt x="9625" y="10352"/>
                    <a:pt x="9625" y="10251"/>
                    <a:pt x="9675" y="10201"/>
                  </a:cubicBezTo>
                  <a:cubicBezTo>
                    <a:pt x="9725" y="10201"/>
                    <a:pt x="9851" y="10201"/>
                    <a:pt x="9901" y="10251"/>
                  </a:cubicBezTo>
                  <a:lnTo>
                    <a:pt x="9901" y="10352"/>
                  </a:lnTo>
                  <a:cubicBezTo>
                    <a:pt x="9951" y="10477"/>
                    <a:pt x="10176" y="10577"/>
                    <a:pt x="10302" y="10652"/>
                  </a:cubicBezTo>
                  <a:cubicBezTo>
                    <a:pt x="10402" y="10753"/>
                    <a:pt x="10577" y="10978"/>
                    <a:pt x="10628" y="11103"/>
                  </a:cubicBezTo>
                  <a:cubicBezTo>
                    <a:pt x="10753" y="11154"/>
                    <a:pt x="10928" y="11254"/>
                    <a:pt x="10978" y="11379"/>
                  </a:cubicBezTo>
                  <a:cubicBezTo>
                    <a:pt x="11079" y="11479"/>
                    <a:pt x="11204" y="11830"/>
                    <a:pt x="11254" y="11981"/>
                  </a:cubicBezTo>
                  <a:cubicBezTo>
                    <a:pt x="11379" y="12156"/>
                    <a:pt x="11605" y="12507"/>
                    <a:pt x="11705" y="12657"/>
                  </a:cubicBezTo>
                  <a:cubicBezTo>
                    <a:pt x="11755" y="12833"/>
                    <a:pt x="11831" y="13184"/>
                    <a:pt x="11931" y="13334"/>
                  </a:cubicBezTo>
                  <a:cubicBezTo>
                    <a:pt x="11981" y="13409"/>
                    <a:pt x="12156" y="13459"/>
                    <a:pt x="12206" y="13509"/>
                  </a:cubicBezTo>
                  <a:cubicBezTo>
                    <a:pt x="12206" y="13560"/>
                    <a:pt x="12206" y="13685"/>
                    <a:pt x="12156" y="13735"/>
                  </a:cubicBezTo>
                  <a:cubicBezTo>
                    <a:pt x="12156" y="13785"/>
                    <a:pt x="11981" y="13860"/>
                    <a:pt x="11931" y="13860"/>
                  </a:cubicBezTo>
                  <a:cubicBezTo>
                    <a:pt x="11881" y="13961"/>
                    <a:pt x="11705" y="14061"/>
                    <a:pt x="11655" y="14186"/>
                  </a:cubicBezTo>
                  <a:cubicBezTo>
                    <a:pt x="11605" y="14236"/>
                    <a:pt x="11530" y="14362"/>
                    <a:pt x="11530" y="14412"/>
                  </a:cubicBezTo>
                  <a:cubicBezTo>
                    <a:pt x="11605" y="14462"/>
                    <a:pt x="11705" y="14587"/>
                    <a:pt x="11705" y="14637"/>
                  </a:cubicBezTo>
                  <a:cubicBezTo>
                    <a:pt x="11655" y="14687"/>
                    <a:pt x="11530" y="14813"/>
                    <a:pt x="11480" y="14863"/>
                  </a:cubicBezTo>
                  <a:cubicBezTo>
                    <a:pt x="11430" y="14913"/>
                    <a:pt x="11304" y="14963"/>
                    <a:pt x="11304" y="15038"/>
                  </a:cubicBezTo>
                  <a:cubicBezTo>
                    <a:pt x="11254" y="15088"/>
                    <a:pt x="11254" y="15189"/>
                    <a:pt x="11304" y="15314"/>
                  </a:cubicBezTo>
                  <a:cubicBezTo>
                    <a:pt x="11304" y="15314"/>
                    <a:pt x="11430" y="15414"/>
                    <a:pt x="11480" y="15414"/>
                  </a:cubicBezTo>
                  <a:cubicBezTo>
                    <a:pt x="11480" y="15439"/>
                    <a:pt x="11494" y="15448"/>
                    <a:pt x="11514" y="15448"/>
                  </a:cubicBezTo>
                  <a:cubicBezTo>
                    <a:pt x="11555" y="15448"/>
                    <a:pt x="11622" y="15414"/>
                    <a:pt x="11655" y="15414"/>
                  </a:cubicBezTo>
                  <a:lnTo>
                    <a:pt x="11755" y="15414"/>
                  </a:lnTo>
                  <a:cubicBezTo>
                    <a:pt x="11831" y="15489"/>
                    <a:pt x="11831" y="15540"/>
                    <a:pt x="11831" y="15540"/>
                  </a:cubicBezTo>
                  <a:cubicBezTo>
                    <a:pt x="11831" y="15590"/>
                    <a:pt x="11931" y="15590"/>
                    <a:pt x="11981" y="15590"/>
                  </a:cubicBezTo>
                  <a:lnTo>
                    <a:pt x="12206" y="15590"/>
                  </a:lnTo>
                  <a:cubicBezTo>
                    <a:pt x="12282" y="15640"/>
                    <a:pt x="12332" y="15941"/>
                    <a:pt x="12382" y="15991"/>
                  </a:cubicBezTo>
                  <a:cubicBezTo>
                    <a:pt x="12507" y="16041"/>
                    <a:pt x="12733" y="16166"/>
                    <a:pt x="12833" y="16166"/>
                  </a:cubicBezTo>
                  <a:cubicBezTo>
                    <a:pt x="12883" y="16166"/>
                    <a:pt x="13059" y="16091"/>
                    <a:pt x="13109" y="16041"/>
                  </a:cubicBezTo>
                  <a:lnTo>
                    <a:pt x="13384" y="16041"/>
                  </a:lnTo>
                  <a:cubicBezTo>
                    <a:pt x="13460" y="16041"/>
                    <a:pt x="13610" y="16091"/>
                    <a:pt x="13685" y="16166"/>
                  </a:cubicBezTo>
                  <a:cubicBezTo>
                    <a:pt x="13735" y="16216"/>
                    <a:pt x="13785" y="16316"/>
                    <a:pt x="13785" y="16392"/>
                  </a:cubicBezTo>
                  <a:cubicBezTo>
                    <a:pt x="13836" y="16442"/>
                    <a:pt x="13911" y="16592"/>
                    <a:pt x="13961" y="16592"/>
                  </a:cubicBezTo>
                  <a:cubicBezTo>
                    <a:pt x="14011" y="16667"/>
                    <a:pt x="14186" y="16667"/>
                    <a:pt x="14237" y="16667"/>
                  </a:cubicBezTo>
                  <a:cubicBezTo>
                    <a:pt x="14287" y="16717"/>
                    <a:pt x="14412" y="16818"/>
                    <a:pt x="14462" y="16893"/>
                  </a:cubicBezTo>
                  <a:cubicBezTo>
                    <a:pt x="14512" y="16943"/>
                    <a:pt x="14738" y="16893"/>
                    <a:pt x="14813" y="16993"/>
                  </a:cubicBezTo>
                  <a:cubicBezTo>
                    <a:pt x="14863" y="17043"/>
                    <a:pt x="14913" y="17219"/>
                    <a:pt x="14913" y="17269"/>
                  </a:cubicBezTo>
                  <a:cubicBezTo>
                    <a:pt x="14913" y="17344"/>
                    <a:pt x="14963" y="17444"/>
                    <a:pt x="14913" y="17494"/>
                  </a:cubicBezTo>
                  <a:cubicBezTo>
                    <a:pt x="14880" y="17494"/>
                    <a:pt x="14813" y="17472"/>
                    <a:pt x="14772" y="17472"/>
                  </a:cubicBezTo>
                  <a:cubicBezTo>
                    <a:pt x="14752" y="17472"/>
                    <a:pt x="14738" y="17478"/>
                    <a:pt x="14738" y="17494"/>
                  </a:cubicBezTo>
                  <a:cubicBezTo>
                    <a:pt x="14688" y="17570"/>
                    <a:pt x="14688" y="17620"/>
                    <a:pt x="14688" y="17670"/>
                  </a:cubicBezTo>
                  <a:cubicBezTo>
                    <a:pt x="14738" y="17720"/>
                    <a:pt x="14863" y="17720"/>
                    <a:pt x="14913" y="17795"/>
                  </a:cubicBezTo>
                  <a:lnTo>
                    <a:pt x="15139" y="17795"/>
                  </a:lnTo>
                  <a:cubicBezTo>
                    <a:pt x="15139" y="17795"/>
                    <a:pt x="15189" y="17620"/>
                    <a:pt x="15264" y="17620"/>
                  </a:cubicBezTo>
                  <a:cubicBezTo>
                    <a:pt x="15314" y="17620"/>
                    <a:pt x="15414" y="17670"/>
                    <a:pt x="15490" y="17720"/>
                  </a:cubicBezTo>
                  <a:cubicBezTo>
                    <a:pt x="15490" y="17795"/>
                    <a:pt x="15414" y="17895"/>
                    <a:pt x="15490" y="17895"/>
                  </a:cubicBezTo>
                  <a:cubicBezTo>
                    <a:pt x="15506" y="17912"/>
                    <a:pt x="15543" y="17918"/>
                    <a:pt x="15587" y="17918"/>
                  </a:cubicBezTo>
                  <a:cubicBezTo>
                    <a:pt x="15676" y="17918"/>
                    <a:pt x="15799" y="17895"/>
                    <a:pt x="15866" y="17895"/>
                  </a:cubicBezTo>
                  <a:cubicBezTo>
                    <a:pt x="15941" y="17895"/>
                    <a:pt x="16091" y="18021"/>
                    <a:pt x="16217" y="18021"/>
                  </a:cubicBezTo>
                  <a:cubicBezTo>
                    <a:pt x="16217" y="18021"/>
                    <a:pt x="16317" y="17946"/>
                    <a:pt x="16392" y="17895"/>
                  </a:cubicBezTo>
                  <a:cubicBezTo>
                    <a:pt x="16442" y="17845"/>
                    <a:pt x="16392" y="17670"/>
                    <a:pt x="16442" y="17620"/>
                  </a:cubicBezTo>
                  <a:cubicBezTo>
                    <a:pt x="16492" y="17494"/>
                    <a:pt x="16618" y="17394"/>
                    <a:pt x="16718" y="17344"/>
                  </a:cubicBezTo>
                  <a:lnTo>
                    <a:pt x="16843" y="17269"/>
                  </a:lnTo>
                  <a:cubicBezTo>
                    <a:pt x="16943" y="17219"/>
                    <a:pt x="16943" y="16993"/>
                    <a:pt x="17069" y="16943"/>
                  </a:cubicBezTo>
                  <a:cubicBezTo>
                    <a:pt x="17119" y="16893"/>
                    <a:pt x="17269" y="16893"/>
                    <a:pt x="17394" y="16893"/>
                  </a:cubicBezTo>
                  <a:cubicBezTo>
                    <a:pt x="17420" y="16855"/>
                    <a:pt x="17488" y="16837"/>
                    <a:pt x="17567" y="16837"/>
                  </a:cubicBezTo>
                  <a:cubicBezTo>
                    <a:pt x="17645" y="16837"/>
                    <a:pt x="17733" y="16855"/>
                    <a:pt x="17795" y="16893"/>
                  </a:cubicBezTo>
                  <a:cubicBezTo>
                    <a:pt x="17896" y="16893"/>
                    <a:pt x="18071" y="16893"/>
                    <a:pt x="18121" y="16993"/>
                  </a:cubicBezTo>
                  <a:cubicBezTo>
                    <a:pt x="18171" y="16993"/>
                    <a:pt x="18121" y="17118"/>
                    <a:pt x="18171" y="17118"/>
                  </a:cubicBezTo>
                  <a:cubicBezTo>
                    <a:pt x="18171" y="17169"/>
                    <a:pt x="18247" y="17169"/>
                    <a:pt x="18247" y="17169"/>
                  </a:cubicBezTo>
                  <a:cubicBezTo>
                    <a:pt x="18297" y="17118"/>
                    <a:pt x="18347" y="16993"/>
                    <a:pt x="18347" y="16943"/>
                  </a:cubicBezTo>
                  <a:cubicBezTo>
                    <a:pt x="18397" y="16893"/>
                    <a:pt x="18522" y="16768"/>
                    <a:pt x="18623" y="16717"/>
                  </a:cubicBezTo>
                  <a:cubicBezTo>
                    <a:pt x="18698" y="16667"/>
                    <a:pt x="18848" y="16592"/>
                    <a:pt x="18923" y="16542"/>
                  </a:cubicBezTo>
                  <a:cubicBezTo>
                    <a:pt x="18973" y="16492"/>
                    <a:pt x="18973" y="16266"/>
                    <a:pt x="18973" y="16216"/>
                  </a:cubicBezTo>
                  <a:cubicBezTo>
                    <a:pt x="18973" y="16091"/>
                    <a:pt x="18848" y="15941"/>
                    <a:pt x="18923" y="15815"/>
                  </a:cubicBezTo>
                  <a:cubicBezTo>
                    <a:pt x="18923" y="15715"/>
                    <a:pt x="19024" y="15540"/>
                    <a:pt x="19149" y="15489"/>
                  </a:cubicBezTo>
                  <a:cubicBezTo>
                    <a:pt x="19199" y="15414"/>
                    <a:pt x="19425" y="15364"/>
                    <a:pt x="19475" y="15314"/>
                  </a:cubicBezTo>
                  <a:cubicBezTo>
                    <a:pt x="19525" y="15264"/>
                    <a:pt x="19600" y="15038"/>
                    <a:pt x="19650" y="14963"/>
                  </a:cubicBezTo>
                  <a:cubicBezTo>
                    <a:pt x="19700" y="14913"/>
                    <a:pt x="19826" y="14863"/>
                    <a:pt x="19876" y="14813"/>
                  </a:cubicBezTo>
                  <a:cubicBezTo>
                    <a:pt x="19926" y="14687"/>
                    <a:pt x="19976" y="14512"/>
                    <a:pt x="19976" y="14412"/>
                  </a:cubicBezTo>
                  <a:cubicBezTo>
                    <a:pt x="19976" y="14286"/>
                    <a:pt x="19926" y="14136"/>
                    <a:pt x="19876" y="14011"/>
                  </a:cubicBezTo>
                  <a:cubicBezTo>
                    <a:pt x="19876" y="13961"/>
                    <a:pt x="19876" y="13735"/>
                    <a:pt x="19826" y="13735"/>
                  </a:cubicBezTo>
                  <a:cubicBezTo>
                    <a:pt x="19800" y="13718"/>
                    <a:pt x="19773" y="13713"/>
                    <a:pt x="19742" y="13713"/>
                  </a:cubicBezTo>
                  <a:cubicBezTo>
                    <a:pt x="19681" y="13713"/>
                    <a:pt x="19608" y="13735"/>
                    <a:pt x="19525" y="13735"/>
                  </a:cubicBezTo>
                  <a:cubicBezTo>
                    <a:pt x="19458" y="13735"/>
                    <a:pt x="19335" y="13757"/>
                    <a:pt x="19224" y="13757"/>
                  </a:cubicBezTo>
                  <a:cubicBezTo>
                    <a:pt x="19168" y="13757"/>
                    <a:pt x="19115" y="13752"/>
                    <a:pt x="19074" y="13735"/>
                  </a:cubicBezTo>
                  <a:cubicBezTo>
                    <a:pt x="19024" y="13735"/>
                    <a:pt x="18973" y="13560"/>
                    <a:pt x="18973" y="13509"/>
                  </a:cubicBezTo>
                  <a:cubicBezTo>
                    <a:pt x="18923" y="13459"/>
                    <a:pt x="18923" y="13234"/>
                    <a:pt x="18848" y="13184"/>
                  </a:cubicBezTo>
                  <a:cubicBezTo>
                    <a:pt x="18848" y="13058"/>
                    <a:pt x="18798" y="12783"/>
                    <a:pt x="18698" y="12733"/>
                  </a:cubicBezTo>
                  <a:cubicBezTo>
                    <a:pt x="18572" y="12607"/>
                    <a:pt x="18347" y="12557"/>
                    <a:pt x="18171" y="12507"/>
                  </a:cubicBezTo>
                  <a:cubicBezTo>
                    <a:pt x="18071" y="12507"/>
                    <a:pt x="17795" y="12507"/>
                    <a:pt x="17670" y="12432"/>
                  </a:cubicBezTo>
                  <a:cubicBezTo>
                    <a:pt x="17620" y="12432"/>
                    <a:pt x="17445" y="12331"/>
                    <a:pt x="17394" y="12281"/>
                  </a:cubicBezTo>
                  <a:cubicBezTo>
                    <a:pt x="17269" y="12206"/>
                    <a:pt x="17219" y="12056"/>
                    <a:pt x="17169" y="11930"/>
                  </a:cubicBezTo>
                  <a:cubicBezTo>
                    <a:pt x="17169" y="11830"/>
                    <a:pt x="17269" y="11605"/>
                    <a:pt x="17269" y="11479"/>
                  </a:cubicBezTo>
                  <a:cubicBezTo>
                    <a:pt x="17219" y="11304"/>
                    <a:pt x="17219" y="11028"/>
                    <a:pt x="17119" y="10878"/>
                  </a:cubicBezTo>
                  <a:cubicBezTo>
                    <a:pt x="17069" y="10803"/>
                    <a:pt x="16893" y="10702"/>
                    <a:pt x="16843" y="10702"/>
                  </a:cubicBezTo>
                  <a:cubicBezTo>
                    <a:pt x="16780" y="10677"/>
                    <a:pt x="16705" y="10677"/>
                    <a:pt x="16639" y="10677"/>
                  </a:cubicBezTo>
                  <a:cubicBezTo>
                    <a:pt x="16574" y="10677"/>
                    <a:pt x="16517" y="10677"/>
                    <a:pt x="16492" y="10652"/>
                  </a:cubicBezTo>
                  <a:cubicBezTo>
                    <a:pt x="16442" y="10577"/>
                    <a:pt x="16267" y="10477"/>
                    <a:pt x="16217" y="10352"/>
                  </a:cubicBezTo>
                  <a:cubicBezTo>
                    <a:pt x="16217" y="10301"/>
                    <a:pt x="16217" y="10201"/>
                    <a:pt x="16267" y="10126"/>
                  </a:cubicBezTo>
                  <a:cubicBezTo>
                    <a:pt x="16317" y="10076"/>
                    <a:pt x="16492" y="10026"/>
                    <a:pt x="16542" y="9976"/>
                  </a:cubicBezTo>
                  <a:cubicBezTo>
                    <a:pt x="16618" y="9900"/>
                    <a:pt x="16542" y="9750"/>
                    <a:pt x="16542" y="9625"/>
                  </a:cubicBezTo>
                  <a:cubicBezTo>
                    <a:pt x="16492" y="9575"/>
                    <a:pt x="16492" y="9349"/>
                    <a:pt x="16392" y="9299"/>
                  </a:cubicBezTo>
                  <a:cubicBezTo>
                    <a:pt x="16317" y="9174"/>
                    <a:pt x="16091" y="9224"/>
                    <a:pt x="15991" y="9174"/>
                  </a:cubicBezTo>
                  <a:cubicBezTo>
                    <a:pt x="15866" y="9123"/>
                    <a:pt x="15715" y="8948"/>
                    <a:pt x="15640" y="8848"/>
                  </a:cubicBezTo>
                  <a:cubicBezTo>
                    <a:pt x="15590" y="8773"/>
                    <a:pt x="15540" y="8572"/>
                    <a:pt x="15490" y="8497"/>
                  </a:cubicBezTo>
                  <a:cubicBezTo>
                    <a:pt x="15414" y="8397"/>
                    <a:pt x="15264" y="8171"/>
                    <a:pt x="15189" y="8046"/>
                  </a:cubicBezTo>
                  <a:cubicBezTo>
                    <a:pt x="15139" y="7946"/>
                    <a:pt x="15089" y="7670"/>
                    <a:pt x="15089" y="7494"/>
                  </a:cubicBezTo>
                  <a:cubicBezTo>
                    <a:pt x="15139" y="7369"/>
                    <a:pt x="15264" y="7219"/>
                    <a:pt x="15364" y="7144"/>
                  </a:cubicBezTo>
                  <a:cubicBezTo>
                    <a:pt x="15400" y="7108"/>
                    <a:pt x="15498" y="7073"/>
                    <a:pt x="15597" y="7073"/>
                  </a:cubicBezTo>
                  <a:cubicBezTo>
                    <a:pt x="15638" y="7073"/>
                    <a:pt x="15679" y="7079"/>
                    <a:pt x="15715" y="7093"/>
                  </a:cubicBezTo>
                  <a:cubicBezTo>
                    <a:pt x="15765" y="7093"/>
                    <a:pt x="15816" y="7269"/>
                    <a:pt x="15941" y="7319"/>
                  </a:cubicBezTo>
                  <a:lnTo>
                    <a:pt x="16267" y="7319"/>
                  </a:lnTo>
                  <a:cubicBezTo>
                    <a:pt x="16392" y="7269"/>
                    <a:pt x="16442" y="7043"/>
                    <a:pt x="16542" y="6993"/>
                  </a:cubicBezTo>
                  <a:cubicBezTo>
                    <a:pt x="16618" y="6918"/>
                    <a:pt x="16768" y="6918"/>
                    <a:pt x="16843" y="6868"/>
                  </a:cubicBezTo>
                  <a:cubicBezTo>
                    <a:pt x="16943" y="6818"/>
                    <a:pt x="17119" y="6642"/>
                    <a:pt x="17119" y="6542"/>
                  </a:cubicBezTo>
                  <a:cubicBezTo>
                    <a:pt x="17169" y="6417"/>
                    <a:pt x="17119" y="6091"/>
                    <a:pt x="17069" y="5915"/>
                  </a:cubicBezTo>
                  <a:cubicBezTo>
                    <a:pt x="17069" y="5865"/>
                    <a:pt x="16943" y="5690"/>
                    <a:pt x="16893" y="5590"/>
                  </a:cubicBezTo>
                  <a:cubicBezTo>
                    <a:pt x="16843" y="5464"/>
                    <a:pt x="16768" y="5138"/>
                    <a:pt x="16768" y="5013"/>
                  </a:cubicBezTo>
                  <a:cubicBezTo>
                    <a:pt x="16768" y="4963"/>
                    <a:pt x="16768" y="4838"/>
                    <a:pt x="16843" y="4737"/>
                  </a:cubicBezTo>
                  <a:lnTo>
                    <a:pt x="16618" y="4737"/>
                  </a:lnTo>
                  <a:cubicBezTo>
                    <a:pt x="16492" y="4687"/>
                    <a:pt x="16267" y="4562"/>
                    <a:pt x="16166" y="4512"/>
                  </a:cubicBezTo>
                  <a:cubicBezTo>
                    <a:pt x="15991" y="4462"/>
                    <a:pt x="15765" y="4161"/>
                    <a:pt x="15540" y="4161"/>
                  </a:cubicBezTo>
                  <a:cubicBezTo>
                    <a:pt x="15490" y="4161"/>
                    <a:pt x="15314" y="4286"/>
                    <a:pt x="15189" y="4336"/>
                  </a:cubicBezTo>
                  <a:cubicBezTo>
                    <a:pt x="15089" y="4336"/>
                    <a:pt x="14863" y="4512"/>
                    <a:pt x="14738" y="4512"/>
                  </a:cubicBezTo>
                  <a:cubicBezTo>
                    <a:pt x="14587" y="4512"/>
                    <a:pt x="14237" y="4387"/>
                    <a:pt x="14136" y="4336"/>
                  </a:cubicBezTo>
                  <a:cubicBezTo>
                    <a:pt x="14011" y="4236"/>
                    <a:pt x="14011" y="3885"/>
                    <a:pt x="13911" y="3710"/>
                  </a:cubicBezTo>
                  <a:cubicBezTo>
                    <a:pt x="13836" y="3660"/>
                    <a:pt x="13685" y="3484"/>
                    <a:pt x="13685" y="3434"/>
                  </a:cubicBezTo>
                  <a:cubicBezTo>
                    <a:pt x="13610" y="3284"/>
                    <a:pt x="13735" y="2933"/>
                    <a:pt x="13735" y="2758"/>
                  </a:cubicBezTo>
                  <a:cubicBezTo>
                    <a:pt x="13685" y="2607"/>
                    <a:pt x="13610" y="2306"/>
                    <a:pt x="13510" y="2206"/>
                  </a:cubicBezTo>
                  <a:cubicBezTo>
                    <a:pt x="13483" y="2196"/>
                    <a:pt x="13452" y="2192"/>
                    <a:pt x="13419" y="2192"/>
                  </a:cubicBezTo>
                  <a:cubicBezTo>
                    <a:pt x="13328" y="2192"/>
                    <a:pt x="13219" y="2221"/>
                    <a:pt x="13137" y="2221"/>
                  </a:cubicBezTo>
                  <a:cubicBezTo>
                    <a:pt x="13107" y="2221"/>
                    <a:pt x="13080" y="2217"/>
                    <a:pt x="13059" y="2206"/>
                  </a:cubicBezTo>
                  <a:cubicBezTo>
                    <a:pt x="12883" y="2206"/>
                    <a:pt x="12607" y="2081"/>
                    <a:pt x="12507" y="2031"/>
                  </a:cubicBezTo>
                  <a:cubicBezTo>
                    <a:pt x="12432" y="1981"/>
                    <a:pt x="12282" y="1855"/>
                    <a:pt x="12206" y="1805"/>
                  </a:cubicBezTo>
                  <a:cubicBezTo>
                    <a:pt x="12106" y="1630"/>
                    <a:pt x="12056" y="1254"/>
                    <a:pt x="12106" y="1078"/>
                  </a:cubicBezTo>
                  <a:cubicBezTo>
                    <a:pt x="12156" y="1028"/>
                    <a:pt x="12432" y="1078"/>
                    <a:pt x="12507" y="953"/>
                  </a:cubicBezTo>
                  <a:cubicBezTo>
                    <a:pt x="12557" y="853"/>
                    <a:pt x="12332" y="527"/>
                    <a:pt x="12282" y="402"/>
                  </a:cubicBezTo>
                  <a:cubicBezTo>
                    <a:pt x="12156" y="301"/>
                    <a:pt x="11881" y="176"/>
                    <a:pt x="11755" y="126"/>
                  </a:cubicBezTo>
                  <a:cubicBezTo>
                    <a:pt x="11655" y="76"/>
                    <a:pt x="11379" y="126"/>
                    <a:pt x="11254" y="1"/>
                  </a:cubicBezTo>
                  <a:close/>
                </a:path>
              </a:pathLst>
            </a:custGeom>
            <a:solidFill>
              <a:srgbClr val="0082F0"/>
            </a:solidFill>
            <a:ln>
              <a:noFill/>
            </a:ln>
          </p:spPr>
          <p:txBody>
            <a:bodyPr spcFirstLastPara="1" wrap="square" lIns="121900" tIns="121900" rIns="121900" bIns="121900" anchor="ctr" anchorCtr="0">
              <a:noAutofit/>
            </a:bodyPr>
            <a:lstStyle/>
            <a:p>
              <a:endParaRPr sz="2400"/>
            </a:p>
          </p:txBody>
        </p:sp>
        <p:sp>
          <p:nvSpPr>
            <p:cNvPr id="277" name="Google Shape;334;p16">
              <a:extLst>
                <a:ext uri="{FF2B5EF4-FFF2-40B4-BE49-F238E27FC236}">
                  <a16:creationId xmlns:a16="http://schemas.microsoft.com/office/drawing/2014/main" id="{27776125-3804-825B-E7E3-DD6B12D97F5F}"/>
                </a:ext>
              </a:extLst>
            </p:cNvPr>
            <p:cNvSpPr/>
            <p:nvPr/>
          </p:nvSpPr>
          <p:spPr>
            <a:xfrm>
              <a:off x="3052668" y="2932843"/>
              <a:ext cx="557530" cy="502966"/>
            </a:xfrm>
            <a:custGeom>
              <a:avLst/>
              <a:gdLst/>
              <a:ahLst/>
              <a:cxnLst/>
              <a:rect l="l" t="t" r="r" b="b"/>
              <a:pathLst>
                <a:path w="19976" h="18021" fill="none" extrusionOk="0">
                  <a:moveTo>
                    <a:pt x="19876" y="14011"/>
                  </a:moveTo>
                  <a:cubicBezTo>
                    <a:pt x="19926" y="14136"/>
                    <a:pt x="19976" y="14286"/>
                    <a:pt x="19976" y="14412"/>
                  </a:cubicBezTo>
                  <a:cubicBezTo>
                    <a:pt x="19976" y="14512"/>
                    <a:pt x="19926" y="14687"/>
                    <a:pt x="19876" y="14813"/>
                  </a:cubicBezTo>
                  <a:cubicBezTo>
                    <a:pt x="19826" y="14863"/>
                    <a:pt x="19700" y="14913"/>
                    <a:pt x="19650" y="14963"/>
                  </a:cubicBezTo>
                  <a:cubicBezTo>
                    <a:pt x="19600" y="15038"/>
                    <a:pt x="19525" y="15264"/>
                    <a:pt x="19475" y="15314"/>
                  </a:cubicBezTo>
                  <a:cubicBezTo>
                    <a:pt x="19425" y="15364"/>
                    <a:pt x="19199" y="15414"/>
                    <a:pt x="19149" y="15489"/>
                  </a:cubicBezTo>
                  <a:cubicBezTo>
                    <a:pt x="19024" y="15540"/>
                    <a:pt x="18923" y="15715"/>
                    <a:pt x="18923" y="15815"/>
                  </a:cubicBezTo>
                  <a:cubicBezTo>
                    <a:pt x="18848" y="15941"/>
                    <a:pt x="18973" y="16091"/>
                    <a:pt x="18973" y="16216"/>
                  </a:cubicBezTo>
                  <a:cubicBezTo>
                    <a:pt x="18973" y="16266"/>
                    <a:pt x="18973" y="16492"/>
                    <a:pt x="18923" y="16542"/>
                  </a:cubicBezTo>
                  <a:cubicBezTo>
                    <a:pt x="18848" y="16592"/>
                    <a:pt x="18698" y="16667"/>
                    <a:pt x="18623" y="16717"/>
                  </a:cubicBezTo>
                  <a:cubicBezTo>
                    <a:pt x="18522" y="16768"/>
                    <a:pt x="18397" y="16893"/>
                    <a:pt x="18347" y="16943"/>
                  </a:cubicBezTo>
                  <a:cubicBezTo>
                    <a:pt x="18347" y="16993"/>
                    <a:pt x="18297" y="17118"/>
                    <a:pt x="18247" y="17169"/>
                  </a:cubicBezTo>
                  <a:cubicBezTo>
                    <a:pt x="18247" y="17169"/>
                    <a:pt x="18171" y="17169"/>
                    <a:pt x="18171" y="17118"/>
                  </a:cubicBezTo>
                  <a:cubicBezTo>
                    <a:pt x="18121" y="17118"/>
                    <a:pt x="18171" y="16993"/>
                    <a:pt x="18121" y="16993"/>
                  </a:cubicBezTo>
                  <a:cubicBezTo>
                    <a:pt x="18071" y="16893"/>
                    <a:pt x="17896" y="16893"/>
                    <a:pt x="17795" y="16893"/>
                  </a:cubicBezTo>
                  <a:cubicBezTo>
                    <a:pt x="17670" y="16818"/>
                    <a:pt x="17445" y="16818"/>
                    <a:pt x="17394" y="16893"/>
                  </a:cubicBezTo>
                  <a:cubicBezTo>
                    <a:pt x="17269" y="16893"/>
                    <a:pt x="17119" y="16893"/>
                    <a:pt x="17069" y="16943"/>
                  </a:cubicBezTo>
                  <a:cubicBezTo>
                    <a:pt x="16943" y="16993"/>
                    <a:pt x="16943" y="17219"/>
                    <a:pt x="16843" y="17269"/>
                  </a:cubicBezTo>
                  <a:lnTo>
                    <a:pt x="16718" y="17344"/>
                  </a:lnTo>
                  <a:cubicBezTo>
                    <a:pt x="16618" y="17394"/>
                    <a:pt x="16492" y="17494"/>
                    <a:pt x="16442" y="17620"/>
                  </a:cubicBezTo>
                  <a:cubicBezTo>
                    <a:pt x="16392" y="17670"/>
                    <a:pt x="16442" y="17845"/>
                    <a:pt x="16392" y="17895"/>
                  </a:cubicBezTo>
                  <a:cubicBezTo>
                    <a:pt x="16317" y="17946"/>
                    <a:pt x="16217" y="18021"/>
                    <a:pt x="16217" y="18021"/>
                  </a:cubicBezTo>
                  <a:cubicBezTo>
                    <a:pt x="16091" y="18021"/>
                    <a:pt x="15941" y="17895"/>
                    <a:pt x="15866" y="17895"/>
                  </a:cubicBezTo>
                  <a:cubicBezTo>
                    <a:pt x="15765" y="17895"/>
                    <a:pt x="15540" y="17946"/>
                    <a:pt x="15490" y="17895"/>
                  </a:cubicBezTo>
                  <a:cubicBezTo>
                    <a:pt x="15414" y="17895"/>
                    <a:pt x="15490" y="17795"/>
                    <a:pt x="15490" y="17720"/>
                  </a:cubicBezTo>
                  <a:cubicBezTo>
                    <a:pt x="15414" y="17670"/>
                    <a:pt x="15314" y="17620"/>
                    <a:pt x="15264" y="17620"/>
                  </a:cubicBezTo>
                  <a:cubicBezTo>
                    <a:pt x="15189" y="17620"/>
                    <a:pt x="15139" y="17795"/>
                    <a:pt x="15139" y="17795"/>
                  </a:cubicBezTo>
                  <a:lnTo>
                    <a:pt x="14913" y="17795"/>
                  </a:lnTo>
                  <a:cubicBezTo>
                    <a:pt x="14863" y="17720"/>
                    <a:pt x="14738" y="17720"/>
                    <a:pt x="14688" y="17670"/>
                  </a:cubicBezTo>
                  <a:cubicBezTo>
                    <a:pt x="14688" y="17620"/>
                    <a:pt x="14688" y="17570"/>
                    <a:pt x="14738" y="17494"/>
                  </a:cubicBezTo>
                  <a:cubicBezTo>
                    <a:pt x="14738" y="17444"/>
                    <a:pt x="14863" y="17494"/>
                    <a:pt x="14913" y="17494"/>
                  </a:cubicBezTo>
                  <a:cubicBezTo>
                    <a:pt x="14963" y="17444"/>
                    <a:pt x="14913" y="17344"/>
                    <a:pt x="14913" y="17269"/>
                  </a:cubicBezTo>
                  <a:cubicBezTo>
                    <a:pt x="14913" y="17219"/>
                    <a:pt x="14863" y="17043"/>
                    <a:pt x="14813" y="16993"/>
                  </a:cubicBezTo>
                  <a:cubicBezTo>
                    <a:pt x="14738" y="16893"/>
                    <a:pt x="14512" y="16943"/>
                    <a:pt x="14462" y="16893"/>
                  </a:cubicBezTo>
                  <a:cubicBezTo>
                    <a:pt x="14412" y="16818"/>
                    <a:pt x="14287" y="16717"/>
                    <a:pt x="14237" y="16667"/>
                  </a:cubicBezTo>
                  <a:cubicBezTo>
                    <a:pt x="14186" y="16667"/>
                    <a:pt x="14011" y="16667"/>
                    <a:pt x="13961" y="16592"/>
                  </a:cubicBezTo>
                  <a:cubicBezTo>
                    <a:pt x="13911" y="16592"/>
                    <a:pt x="13836" y="16442"/>
                    <a:pt x="13785" y="16392"/>
                  </a:cubicBezTo>
                  <a:cubicBezTo>
                    <a:pt x="13785" y="16316"/>
                    <a:pt x="13735" y="16216"/>
                    <a:pt x="13685" y="16166"/>
                  </a:cubicBezTo>
                  <a:cubicBezTo>
                    <a:pt x="13610" y="16091"/>
                    <a:pt x="13460" y="16041"/>
                    <a:pt x="13384" y="16041"/>
                  </a:cubicBezTo>
                  <a:lnTo>
                    <a:pt x="13109" y="16041"/>
                  </a:lnTo>
                  <a:cubicBezTo>
                    <a:pt x="13059" y="16091"/>
                    <a:pt x="12883" y="16166"/>
                    <a:pt x="12833" y="16166"/>
                  </a:cubicBezTo>
                  <a:cubicBezTo>
                    <a:pt x="12733" y="16166"/>
                    <a:pt x="12507" y="16041"/>
                    <a:pt x="12382" y="15991"/>
                  </a:cubicBezTo>
                  <a:cubicBezTo>
                    <a:pt x="12332" y="15941"/>
                    <a:pt x="12282" y="15640"/>
                    <a:pt x="12206" y="15590"/>
                  </a:cubicBezTo>
                  <a:lnTo>
                    <a:pt x="11981" y="15590"/>
                  </a:lnTo>
                  <a:cubicBezTo>
                    <a:pt x="11931" y="15590"/>
                    <a:pt x="11831" y="15590"/>
                    <a:pt x="11831" y="15540"/>
                  </a:cubicBezTo>
                  <a:cubicBezTo>
                    <a:pt x="11831" y="15540"/>
                    <a:pt x="11831" y="15489"/>
                    <a:pt x="11755" y="15414"/>
                  </a:cubicBezTo>
                  <a:lnTo>
                    <a:pt x="11655" y="15414"/>
                  </a:lnTo>
                  <a:cubicBezTo>
                    <a:pt x="11605" y="15414"/>
                    <a:pt x="11480" y="15489"/>
                    <a:pt x="11480" y="15414"/>
                  </a:cubicBezTo>
                  <a:cubicBezTo>
                    <a:pt x="11430" y="15414"/>
                    <a:pt x="11304" y="15314"/>
                    <a:pt x="11304" y="15314"/>
                  </a:cubicBezTo>
                  <a:cubicBezTo>
                    <a:pt x="11254" y="15189"/>
                    <a:pt x="11254" y="15088"/>
                    <a:pt x="11304" y="15038"/>
                  </a:cubicBezTo>
                  <a:cubicBezTo>
                    <a:pt x="11304" y="14963"/>
                    <a:pt x="11430" y="14913"/>
                    <a:pt x="11480" y="14863"/>
                  </a:cubicBezTo>
                  <a:cubicBezTo>
                    <a:pt x="11530" y="14813"/>
                    <a:pt x="11655" y="14687"/>
                    <a:pt x="11705" y="14637"/>
                  </a:cubicBezTo>
                  <a:cubicBezTo>
                    <a:pt x="11705" y="14587"/>
                    <a:pt x="11605" y="14462"/>
                    <a:pt x="11530" y="14412"/>
                  </a:cubicBezTo>
                  <a:cubicBezTo>
                    <a:pt x="11530" y="14362"/>
                    <a:pt x="11605" y="14236"/>
                    <a:pt x="11655" y="14186"/>
                  </a:cubicBezTo>
                  <a:cubicBezTo>
                    <a:pt x="11705" y="14061"/>
                    <a:pt x="11881" y="13961"/>
                    <a:pt x="11931" y="13860"/>
                  </a:cubicBezTo>
                  <a:cubicBezTo>
                    <a:pt x="11981" y="13860"/>
                    <a:pt x="12156" y="13785"/>
                    <a:pt x="12156" y="13735"/>
                  </a:cubicBezTo>
                  <a:cubicBezTo>
                    <a:pt x="12206" y="13685"/>
                    <a:pt x="12206" y="13560"/>
                    <a:pt x="12206" y="13509"/>
                  </a:cubicBezTo>
                  <a:cubicBezTo>
                    <a:pt x="12156" y="13459"/>
                    <a:pt x="11981" y="13409"/>
                    <a:pt x="11931" y="13334"/>
                  </a:cubicBezTo>
                  <a:cubicBezTo>
                    <a:pt x="11831" y="13184"/>
                    <a:pt x="11755" y="12833"/>
                    <a:pt x="11705" y="12657"/>
                  </a:cubicBezTo>
                  <a:cubicBezTo>
                    <a:pt x="11605" y="12507"/>
                    <a:pt x="11379" y="12156"/>
                    <a:pt x="11254" y="11981"/>
                  </a:cubicBezTo>
                  <a:cubicBezTo>
                    <a:pt x="11204" y="11830"/>
                    <a:pt x="11079" y="11479"/>
                    <a:pt x="10978" y="11379"/>
                  </a:cubicBezTo>
                  <a:cubicBezTo>
                    <a:pt x="10928" y="11254"/>
                    <a:pt x="10753" y="11154"/>
                    <a:pt x="10628" y="11103"/>
                  </a:cubicBezTo>
                  <a:cubicBezTo>
                    <a:pt x="10577" y="10978"/>
                    <a:pt x="10402" y="10753"/>
                    <a:pt x="10302" y="10652"/>
                  </a:cubicBezTo>
                  <a:cubicBezTo>
                    <a:pt x="10176" y="10577"/>
                    <a:pt x="9951" y="10477"/>
                    <a:pt x="9901" y="10352"/>
                  </a:cubicBezTo>
                  <a:lnTo>
                    <a:pt x="9901" y="10251"/>
                  </a:lnTo>
                  <a:cubicBezTo>
                    <a:pt x="9851" y="10201"/>
                    <a:pt x="9725" y="10201"/>
                    <a:pt x="9675" y="10201"/>
                  </a:cubicBezTo>
                  <a:cubicBezTo>
                    <a:pt x="9625" y="10251"/>
                    <a:pt x="9625" y="10352"/>
                    <a:pt x="9575" y="10352"/>
                  </a:cubicBezTo>
                  <a:cubicBezTo>
                    <a:pt x="9575" y="10352"/>
                    <a:pt x="9500" y="10301"/>
                    <a:pt x="9450" y="10301"/>
                  </a:cubicBezTo>
                  <a:cubicBezTo>
                    <a:pt x="9399" y="10352"/>
                    <a:pt x="9349" y="10527"/>
                    <a:pt x="9274" y="10577"/>
                  </a:cubicBezTo>
                  <a:cubicBezTo>
                    <a:pt x="9224" y="10652"/>
                    <a:pt x="9224" y="10803"/>
                    <a:pt x="9124" y="10803"/>
                  </a:cubicBezTo>
                  <a:cubicBezTo>
                    <a:pt x="9049" y="10878"/>
                    <a:pt x="8948" y="10753"/>
                    <a:pt x="8898" y="10753"/>
                  </a:cubicBezTo>
                  <a:cubicBezTo>
                    <a:pt x="8773" y="10753"/>
                    <a:pt x="8673" y="10702"/>
                    <a:pt x="8597" y="10753"/>
                  </a:cubicBezTo>
                  <a:cubicBezTo>
                    <a:pt x="8547" y="10753"/>
                    <a:pt x="8447" y="10928"/>
                    <a:pt x="8322" y="10928"/>
                  </a:cubicBezTo>
                  <a:cubicBezTo>
                    <a:pt x="8221" y="10978"/>
                    <a:pt x="7996" y="11103"/>
                    <a:pt x="7871" y="11154"/>
                  </a:cubicBezTo>
                  <a:cubicBezTo>
                    <a:pt x="7770" y="11154"/>
                    <a:pt x="7595" y="11204"/>
                    <a:pt x="7495" y="11204"/>
                  </a:cubicBezTo>
                  <a:cubicBezTo>
                    <a:pt x="7419" y="11154"/>
                    <a:pt x="7269" y="11028"/>
                    <a:pt x="7144" y="11028"/>
                  </a:cubicBezTo>
                  <a:cubicBezTo>
                    <a:pt x="7044" y="10978"/>
                    <a:pt x="6818" y="11103"/>
                    <a:pt x="6693" y="11154"/>
                  </a:cubicBezTo>
                  <a:cubicBezTo>
                    <a:pt x="6592" y="11204"/>
                    <a:pt x="6367" y="11304"/>
                    <a:pt x="6292" y="11379"/>
                  </a:cubicBezTo>
                  <a:cubicBezTo>
                    <a:pt x="6242" y="11429"/>
                    <a:pt x="6191" y="11605"/>
                    <a:pt x="6141" y="11605"/>
                  </a:cubicBezTo>
                  <a:cubicBezTo>
                    <a:pt x="6016" y="11705"/>
                    <a:pt x="5740" y="11755"/>
                    <a:pt x="5615" y="11755"/>
                  </a:cubicBezTo>
                  <a:cubicBezTo>
                    <a:pt x="5565" y="11705"/>
                    <a:pt x="5465" y="11605"/>
                    <a:pt x="5465" y="11529"/>
                  </a:cubicBezTo>
                  <a:cubicBezTo>
                    <a:pt x="5465" y="11479"/>
                    <a:pt x="5690" y="11379"/>
                    <a:pt x="5740" y="11254"/>
                  </a:cubicBezTo>
                  <a:cubicBezTo>
                    <a:pt x="5740" y="11204"/>
                    <a:pt x="5690" y="11028"/>
                    <a:pt x="5740" y="10978"/>
                  </a:cubicBezTo>
                  <a:cubicBezTo>
                    <a:pt x="5790" y="10928"/>
                    <a:pt x="6141" y="10978"/>
                    <a:pt x="6191" y="10878"/>
                  </a:cubicBezTo>
                  <a:cubicBezTo>
                    <a:pt x="6292" y="10803"/>
                    <a:pt x="6292" y="10577"/>
                    <a:pt x="6367" y="10477"/>
                  </a:cubicBezTo>
                  <a:cubicBezTo>
                    <a:pt x="6417" y="10352"/>
                    <a:pt x="6643" y="10201"/>
                    <a:pt x="6743" y="10126"/>
                  </a:cubicBezTo>
                  <a:cubicBezTo>
                    <a:pt x="6818" y="10076"/>
                    <a:pt x="6918" y="10076"/>
                    <a:pt x="6968" y="10026"/>
                  </a:cubicBezTo>
                  <a:cubicBezTo>
                    <a:pt x="7044" y="9900"/>
                    <a:pt x="6918" y="9750"/>
                    <a:pt x="6918" y="9675"/>
                  </a:cubicBezTo>
                  <a:cubicBezTo>
                    <a:pt x="6868" y="9625"/>
                    <a:pt x="6818" y="9524"/>
                    <a:pt x="6743" y="9449"/>
                  </a:cubicBezTo>
                  <a:cubicBezTo>
                    <a:pt x="6643" y="9349"/>
                    <a:pt x="6292" y="9399"/>
                    <a:pt x="6191" y="9349"/>
                  </a:cubicBezTo>
                  <a:cubicBezTo>
                    <a:pt x="6016" y="9299"/>
                    <a:pt x="5841" y="9073"/>
                    <a:pt x="5740" y="8948"/>
                  </a:cubicBezTo>
                  <a:cubicBezTo>
                    <a:pt x="5615" y="8848"/>
                    <a:pt x="5515" y="8572"/>
                    <a:pt x="5339" y="8497"/>
                  </a:cubicBezTo>
                  <a:cubicBezTo>
                    <a:pt x="5289" y="8447"/>
                    <a:pt x="5114" y="8347"/>
                    <a:pt x="5013" y="8347"/>
                  </a:cubicBezTo>
                  <a:cubicBezTo>
                    <a:pt x="4938" y="8347"/>
                    <a:pt x="4788" y="8447"/>
                    <a:pt x="4663" y="8497"/>
                  </a:cubicBezTo>
                  <a:cubicBezTo>
                    <a:pt x="4612" y="8572"/>
                    <a:pt x="4437" y="8722"/>
                    <a:pt x="4387" y="8773"/>
                  </a:cubicBezTo>
                  <a:cubicBezTo>
                    <a:pt x="4337" y="8848"/>
                    <a:pt x="4337" y="8948"/>
                    <a:pt x="4262" y="8948"/>
                  </a:cubicBezTo>
                  <a:cubicBezTo>
                    <a:pt x="4211" y="8998"/>
                    <a:pt x="4111" y="8948"/>
                    <a:pt x="4061" y="8948"/>
                  </a:cubicBezTo>
                  <a:cubicBezTo>
                    <a:pt x="3986" y="8898"/>
                    <a:pt x="3886" y="8722"/>
                    <a:pt x="3835" y="8722"/>
                  </a:cubicBezTo>
                  <a:cubicBezTo>
                    <a:pt x="3760" y="8672"/>
                    <a:pt x="3610" y="8672"/>
                    <a:pt x="3535" y="8672"/>
                  </a:cubicBezTo>
                  <a:lnTo>
                    <a:pt x="3309" y="8672"/>
                  </a:lnTo>
                  <a:cubicBezTo>
                    <a:pt x="3259" y="8722"/>
                    <a:pt x="3209" y="8898"/>
                    <a:pt x="3259" y="8948"/>
                  </a:cubicBezTo>
                  <a:cubicBezTo>
                    <a:pt x="3259" y="8998"/>
                    <a:pt x="3434" y="8998"/>
                    <a:pt x="3434" y="9073"/>
                  </a:cubicBezTo>
                  <a:cubicBezTo>
                    <a:pt x="3485" y="9073"/>
                    <a:pt x="3485" y="9174"/>
                    <a:pt x="3485" y="9224"/>
                  </a:cubicBezTo>
                  <a:cubicBezTo>
                    <a:pt x="3434" y="9299"/>
                    <a:pt x="3259" y="9299"/>
                    <a:pt x="3209" y="9299"/>
                  </a:cubicBezTo>
                  <a:cubicBezTo>
                    <a:pt x="3159" y="9299"/>
                    <a:pt x="3033" y="9299"/>
                    <a:pt x="2983" y="9224"/>
                  </a:cubicBezTo>
                  <a:cubicBezTo>
                    <a:pt x="2933" y="9174"/>
                    <a:pt x="2858" y="8998"/>
                    <a:pt x="2808" y="8948"/>
                  </a:cubicBezTo>
                  <a:cubicBezTo>
                    <a:pt x="2808" y="8773"/>
                    <a:pt x="2933" y="8572"/>
                    <a:pt x="2933" y="8447"/>
                  </a:cubicBezTo>
                  <a:cubicBezTo>
                    <a:pt x="2933" y="8271"/>
                    <a:pt x="2808" y="7946"/>
                    <a:pt x="2758" y="7770"/>
                  </a:cubicBezTo>
                  <a:cubicBezTo>
                    <a:pt x="2708" y="7595"/>
                    <a:pt x="2532" y="7219"/>
                    <a:pt x="2407" y="7043"/>
                  </a:cubicBezTo>
                  <a:cubicBezTo>
                    <a:pt x="2357" y="6993"/>
                    <a:pt x="2131" y="6868"/>
                    <a:pt x="2031" y="6818"/>
                  </a:cubicBezTo>
                  <a:cubicBezTo>
                    <a:pt x="1906" y="6692"/>
                    <a:pt x="1680" y="6467"/>
                    <a:pt x="1630" y="6316"/>
                  </a:cubicBezTo>
                  <a:cubicBezTo>
                    <a:pt x="1580" y="6191"/>
                    <a:pt x="1505" y="5966"/>
                    <a:pt x="1455" y="5815"/>
                  </a:cubicBezTo>
                  <a:cubicBezTo>
                    <a:pt x="1354" y="5690"/>
                    <a:pt x="1179" y="5364"/>
                    <a:pt x="1054" y="5189"/>
                  </a:cubicBezTo>
                  <a:cubicBezTo>
                    <a:pt x="953" y="4963"/>
                    <a:pt x="678" y="4562"/>
                    <a:pt x="502" y="4387"/>
                  </a:cubicBezTo>
                  <a:cubicBezTo>
                    <a:pt x="377" y="4236"/>
                    <a:pt x="151" y="3935"/>
                    <a:pt x="51" y="3835"/>
                  </a:cubicBezTo>
                  <a:cubicBezTo>
                    <a:pt x="51" y="3785"/>
                    <a:pt x="1" y="3785"/>
                    <a:pt x="1" y="3785"/>
                  </a:cubicBezTo>
                  <a:cubicBezTo>
                    <a:pt x="51" y="3660"/>
                    <a:pt x="277" y="3610"/>
                    <a:pt x="327" y="3560"/>
                  </a:cubicBezTo>
                  <a:cubicBezTo>
                    <a:pt x="452" y="3484"/>
                    <a:pt x="602" y="3434"/>
                    <a:pt x="678" y="3384"/>
                  </a:cubicBezTo>
                  <a:cubicBezTo>
                    <a:pt x="778" y="3284"/>
                    <a:pt x="953" y="3058"/>
                    <a:pt x="953" y="2883"/>
                  </a:cubicBezTo>
                  <a:cubicBezTo>
                    <a:pt x="1003" y="2758"/>
                    <a:pt x="953" y="2482"/>
                    <a:pt x="1003" y="2382"/>
                  </a:cubicBezTo>
                  <a:cubicBezTo>
                    <a:pt x="1003" y="2206"/>
                    <a:pt x="1054" y="1930"/>
                    <a:pt x="1054" y="1805"/>
                  </a:cubicBezTo>
                  <a:cubicBezTo>
                    <a:pt x="1129" y="1705"/>
                    <a:pt x="1229" y="1479"/>
                    <a:pt x="1279" y="1354"/>
                  </a:cubicBezTo>
                  <a:cubicBezTo>
                    <a:pt x="1354" y="1254"/>
                    <a:pt x="1505" y="1078"/>
                    <a:pt x="1580" y="903"/>
                  </a:cubicBezTo>
                  <a:lnTo>
                    <a:pt x="1580" y="853"/>
                  </a:lnTo>
                  <a:cubicBezTo>
                    <a:pt x="1680" y="853"/>
                    <a:pt x="1805" y="803"/>
                    <a:pt x="1856" y="853"/>
                  </a:cubicBezTo>
                  <a:cubicBezTo>
                    <a:pt x="1956" y="853"/>
                    <a:pt x="2307" y="853"/>
                    <a:pt x="2357" y="953"/>
                  </a:cubicBezTo>
                  <a:cubicBezTo>
                    <a:pt x="2482" y="1028"/>
                    <a:pt x="2407" y="1179"/>
                    <a:pt x="2482" y="1254"/>
                  </a:cubicBezTo>
                  <a:cubicBezTo>
                    <a:pt x="2532" y="1304"/>
                    <a:pt x="2708" y="1354"/>
                    <a:pt x="2808" y="1354"/>
                  </a:cubicBezTo>
                  <a:cubicBezTo>
                    <a:pt x="2933" y="1354"/>
                    <a:pt x="3159" y="1404"/>
                    <a:pt x="3259" y="1304"/>
                  </a:cubicBezTo>
                  <a:cubicBezTo>
                    <a:pt x="3309" y="1254"/>
                    <a:pt x="3309" y="1028"/>
                    <a:pt x="3309" y="903"/>
                  </a:cubicBezTo>
                  <a:cubicBezTo>
                    <a:pt x="3309" y="803"/>
                    <a:pt x="3259" y="577"/>
                    <a:pt x="3309" y="452"/>
                  </a:cubicBezTo>
                  <a:cubicBezTo>
                    <a:pt x="3309" y="402"/>
                    <a:pt x="3485" y="301"/>
                    <a:pt x="3535" y="301"/>
                  </a:cubicBezTo>
                  <a:cubicBezTo>
                    <a:pt x="3660" y="226"/>
                    <a:pt x="3886" y="226"/>
                    <a:pt x="3986" y="301"/>
                  </a:cubicBezTo>
                  <a:cubicBezTo>
                    <a:pt x="4061" y="351"/>
                    <a:pt x="4161" y="527"/>
                    <a:pt x="4211" y="527"/>
                  </a:cubicBezTo>
                  <a:cubicBezTo>
                    <a:pt x="4387" y="577"/>
                    <a:pt x="4663" y="527"/>
                    <a:pt x="4788" y="577"/>
                  </a:cubicBezTo>
                  <a:cubicBezTo>
                    <a:pt x="4838" y="577"/>
                    <a:pt x="5013" y="627"/>
                    <a:pt x="5013" y="677"/>
                  </a:cubicBezTo>
                  <a:cubicBezTo>
                    <a:pt x="5064" y="803"/>
                    <a:pt x="4938" y="953"/>
                    <a:pt x="4938" y="1078"/>
                  </a:cubicBezTo>
                  <a:cubicBezTo>
                    <a:pt x="4938" y="1179"/>
                    <a:pt x="4938" y="1479"/>
                    <a:pt x="5064" y="1580"/>
                  </a:cubicBezTo>
                  <a:cubicBezTo>
                    <a:pt x="5114" y="1630"/>
                    <a:pt x="5339" y="1630"/>
                    <a:pt x="5389" y="1580"/>
                  </a:cubicBezTo>
                  <a:cubicBezTo>
                    <a:pt x="5515" y="1580"/>
                    <a:pt x="5615" y="1354"/>
                    <a:pt x="5740" y="1304"/>
                  </a:cubicBezTo>
                  <a:cubicBezTo>
                    <a:pt x="5790" y="1304"/>
                    <a:pt x="5916" y="1354"/>
                    <a:pt x="5966" y="1354"/>
                  </a:cubicBezTo>
                  <a:cubicBezTo>
                    <a:pt x="6066" y="1404"/>
                    <a:pt x="6191" y="1529"/>
                    <a:pt x="6292" y="1529"/>
                  </a:cubicBezTo>
                  <a:cubicBezTo>
                    <a:pt x="6467" y="1580"/>
                    <a:pt x="6868" y="1529"/>
                    <a:pt x="7044" y="1404"/>
                  </a:cubicBezTo>
                  <a:cubicBezTo>
                    <a:pt x="7094" y="1404"/>
                    <a:pt x="7094" y="1254"/>
                    <a:pt x="7144" y="1254"/>
                  </a:cubicBezTo>
                  <a:cubicBezTo>
                    <a:pt x="7269" y="1179"/>
                    <a:pt x="7545" y="1304"/>
                    <a:pt x="7645" y="1354"/>
                  </a:cubicBezTo>
                  <a:cubicBezTo>
                    <a:pt x="7770" y="1404"/>
                    <a:pt x="7946" y="1755"/>
                    <a:pt x="8046" y="1755"/>
                  </a:cubicBezTo>
                  <a:cubicBezTo>
                    <a:pt x="8171" y="1805"/>
                    <a:pt x="8447" y="1705"/>
                    <a:pt x="8497" y="1580"/>
                  </a:cubicBezTo>
                  <a:cubicBezTo>
                    <a:pt x="8597" y="1479"/>
                    <a:pt x="8497" y="1179"/>
                    <a:pt x="8547" y="1078"/>
                  </a:cubicBezTo>
                  <a:cubicBezTo>
                    <a:pt x="8673" y="953"/>
                    <a:pt x="8898" y="803"/>
                    <a:pt x="8998" y="752"/>
                  </a:cubicBezTo>
                  <a:cubicBezTo>
                    <a:pt x="9124" y="627"/>
                    <a:pt x="9399" y="527"/>
                    <a:pt x="9500" y="527"/>
                  </a:cubicBezTo>
                  <a:cubicBezTo>
                    <a:pt x="9675" y="452"/>
                    <a:pt x="9951" y="627"/>
                    <a:pt x="10126" y="627"/>
                  </a:cubicBezTo>
                  <a:cubicBezTo>
                    <a:pt x="10252" y="627"/>
                    <a:pt x="10477" y="577"/>
                    <a:pt x="10527" y="527"/>
                  </a:cubicBezTo>
                  <a:cubicBezTo>
                    <a:pt x="10628" y="402"/>
                    <a:pt x="10703" y="176"/>
                    <a:pt x="10753" y="126"/>
                  </a:cubicBezTo>
                  <a:cubicBezTo>
                    <a:pt x="10853" y="76"/>
                    <a:pt x="11154" y="76"/>
                    <a:pt x="11254" y="1"/>
                  </a:cubicBezTo>
                  <a:cubicBezTo>
                    <a:pt x="11379" y="126"/>
                    <a:pt x="11655" y="76"/>
                    <a:pt x="11755" y="126"/>
                  </a:cubicBezTo>
                  <a:cubicBezTo>
                    <a:pt x="11881" y="176"/>
                    <a:pt x="12156" y="301"/>
                    <a:pt x="12282" y="402"/>
                  </a:cubicBezTo>
                  <a:cubicBezTo>
                    <a:pt x="12332" y="527"/>
                    <a:pt x="12557" y="853"/>
                    <a:pt x="12507" y="953"/>
                  </a:cubicBezTo>
                  <a:cubicBezTo>
                    <a:pt x="12432" y="1078"/>
                    <a:pt x="12156" y="1028"/>
                    <a:pt x="12106" y="1078"/>
                  </a:cubicBezTo>
                  <a:cubicBezTo>
                    <a:pt x="12056" y="1254"/>
                    <a:pt x="12106" y="1630"/>
                    <a:pt x="12206" y="1805"/>
                  </a:cubicBezTo>
                  <a:cubicBezTo>
                    <a:pt x="12282" y="1855"/>
                    <a:pt x="12432" y="1981"/>
                    <a:pt x="12507" y="2031"/>
                  </a:cubicBezTo>
                  <a:cubicBezTo>
                    <a:pt x="12607" y="2081"/>
                    <a:pt x="12883" y="2206"/>
                    <a:pt x="13059" y="2206"/>
                  </a:cubicBezTo>
                  <a:cubicBezTo>
                    <a:pt x="13159" y="2256"/>
                    <a:pt x="13384" y="2156"/>
                    <a:pt x="13510" y="2206"/>
                  </a:cubicBezTo>
                  <a:cubicBezTo>
                    <a:pt x="13610" y="2306"/>
                    <a:pt x="13685" y="2607"/>
                    <a:pt x="13735" y="2758"/>
                  </a:cubicBezTo>
                  <a:cubicBezTo>
                    <a:pt x="13735" y="2933"/>
                    <a:pt x="13610" y="3284"/>
                    <a:pt x="13685" y="3434"/>
                  </a:cubicBezTo>
                  <a:cubicBezTo>
                    <a:pt x="13685" y="3484"/>
                    <a:pt x="13836" y="3660"/>
                    <a:pt x="13911" y="3710"/>
                  </a:cubicBezTo>
                  <a:cubicBezTo>
                    <a:pt x="14011" y="3885"/>
                    <a:pt x="14011" y="4236"/>
                    <a:pt x="14136" y="4336"/>
                  </a:cubicBezTo>
                  <a:cubicBezTo>
                    <a:pt x="14237" y="4387"/>
                    <a:pt x="14587" y="4512"/>
                    <a:pt x="14738" y="4512"/>
                  </a:cubicBezTo>
                  <a:cubicBezTo>
                    <a:pt x="14863" y="4512"/>
                    <a:pt x="15089" y="4336"/>
                    <a:pt x="15189" y="4336"/>
                  </a:cubicBezTo>
                  <a:cubicBezTo>
                    <a:pt x="15314" y="4286"/>
                    <a:pt x="15490" y="4161"/>
                    <a:pt x="15540" y="4161"/>
                  </a:cubicBezTo>
                  <a:cubicBezTo>
                    <a:pt x="15765" y="4161"/>
                    <a:pt x="15991" y="4462"/>
                    <a:pt x="16166" y="4512"/>
                  </a:cubicBezTo>
                  <a:cubicBezTo>
                    <a:pt x="16267" y="4562"/>
                    <a:pt x="16492" y="4687"/>
                    <a:pt x="16618" y="4737"/>
                  </a:cubicBezTo>
                  <a:lnTo>
                    <a:pt x="16843" y="4737"/>
                  </a:lnTo>
                  <a:cubicBezTo>
                    <a:pt x="16768" y="4838"/>
                    <a:pt x="16768" y="4963"/>
                    <a:pt x="16768" y="5013"/>
                  </a:cubicBezTo>
                  <a:cubicBezTo>
                    <a:pt x="16768" y="5138"/>
                    <a:pt x="16843" y="5464"/>
                    <a:pt x="16893" y="5590"/>
                  </a:cubicBezTo>
                  <a:cubicBezTo>
                    <a:pt x="16943" y="5690"/>
                    <a:pt x="17069" y="5865"/>
                    <a:pt x="17069" y="5915"/>
                  </a:cubicBezTo>
                  <a:cubicBezTo>
                    <a:pt x="17119" y="6091"/>
                    <a:pt x="17169" y="6417"/>
                    <a:pt x="17119" y="6542"/>
                  </a:cubicBezTo>
                  <a:cubicBezTo>
                    <a:pt x="17119" y="6642"/>
                    <a:pt x="16943" y="6818"/>
                    <a:pt x="16843" y="6868"/>
                  </a:cubicBezTo>
                  <a:cubicBezTo>
                    <a:pt x="16768" y="6918"/>
                    <a:pt x="16618" y="6918"/>
                    <a:pt x="16542" y="6993"/>
                  </a:cubicBezTo>
                  <a:cubicBezTo>
                    <a:pt x="16442" y="7043"/>
                    <a:pt x="16392" y="7269"/>
                    <a:pt x="16267" y="7319"/>
                  </a:cubicBezTo>
                  <a:lnTo>
                    <a:pt x="15941" y="7319"/>
                  </a:lnTo>
                  <a:cubicBezTo>
                    <a:pt x="15816" y="7269"/>
                    <a:pt x="15765" y="7093"/>
                    <a:pt x="15715" y="7093"/>
                  </a:cubicBezTo>
                  <a:cubicBezTo>
                    <a:pt x="15590" y="7043"/>
                    <a:pt x="15414" y="7093"/>
                    <a:pt x="15364" y="7144"/>
                  </a:cubicBezTo>
                  <a:cubicBezTo>
                    <a:pt x="15264" y="7219"/>
                    <a:pt x="15139" y="7369"/>
                    <a:pt x="15089" y="7494"/>
                  </a:cubicBezTo>
                  <a:cubicBezTo>
                    <a:pt x="15089" y="7670"/>
                    <a:pt x="15139" y="7946"/>
                    <a:pt x="15189" y="8046"/>
                  </a:cubicBezTo>
                  <a:cubicBezTo>
                    <a:pt x="15264" y="8171"/>
                    <a:pt x="15414" y="8397"/>
                    <a:pt x="15490" y="8497"/>
                  </a:cubicBezTo>
                  <a:cubicBezTo>
                    <a:pt x="15540" y="8572"/>
                    <a:pt x="15590" y="8773"/>
                    <a:pt x="15640" y="8848"/>
                  </a:cubicBezTo>
                  <a:cubicBezTo>
                    <a:pt x="15715" y="8948"/>
                    <a:pt x="15866" y="9123"/>
                    <a:pt x="15991" y="9174"/>
                  </a:cubicBezTo>
                  <a:cubicBezTo>
                    <a:pt x="16091" y="9224"/>
                    <a:pt x="16317" y="9174"/>
                    <a:pt x="16392" y="9299"/>
                  </a:cubicBezTo>
                  <a:cubicBezTo>
                    <a:pt x="16492" y="9349"/>
                    <a:pt x="16492" y="9575"/>
                    <a:pt x="16542" y="9625"/>
                  </a:cubicBezTo>
                  <a:cubicBezTo>
                    <a:pt x="16542" y="9750"/>
                    <a:pt x="16618" y="9900"/>
                    <a:pt x="16542" y="9976"/>
                  </a:cubicBezTo>
                  <a:cubicBezTo>
                    <a:pt x="16492" y="10026"/>
                    <a:pt x="16317" y="10076"/>
                    <a:pt x="16267" y="10126"/>
                  </a:cubicBezTo>
                  <a:cubicBezTo>
                    <a:pt x="16217" y="10201"/>
                    <a:pt x="16217" y="10301"/>
                    <a:pt x="16217" y="10352"/>
                  </a:cubicBezTo>
                  <a:cubicBezTo>
                    <a:pt x="16267" y="10477"/>
                    <a:pt x="16442" y="10577"/>
                    <a:pt x="16492" y="10652"/>
                  </a:cubicBezTo>
                  <a:cubicBezTo>
                    <a:pt x="16542" y="10702"/>
                    <a:pt x="16718" y="10652"/>
                    <a:pt x="16843" y="10702"/>
                  </a:cubicBezTo>
                  <a:cubicBezTo>
                    <a:pt x="16893" y="10702"/>
                    <a:pt x="17069" y="10803"/>
                    <a:pt x="17119" y="10878"/>
                  </a:cubicBezTo>
                  <a:cubicBezTo>
                    <a:pt x="17219" y="11028"/>
                    <a:pt x="17219" y="11304"/>
                    <a:pt x="17269" y="11479"/>
                  </a:cubicBezTo>
                  <a:cubicBezTo>
                    <a:pt x="17269" y="11605"/>
                    <a:pt x="17169" y="11830"/>
                    <a:pt x="17169" y="11930"/>
                  </a:cubicBezTo>
                  <a:cubicBezTo>
                    <a:pt x="17219" y="12056"/>
                    <a:pt x="17269" y="12206"/>
                    <a:pt x="17394" y="12281"/>
                  </a:cubicBezTo>
                  <a:cubicBezTo>
                    <a:pt x="17445" y="12331"/>
                    <a:pt x="17620" y="12432"/>
                    <a:pt x="17670" y="12432"/>
                  </a:cubicBezTo>
                  <a:cubicBezTo>
                    <a:pt x="17795" y="12507"/>
                    <a:pt x="18071" y="12507"/>
                    <a:pt x="18171" y="12507"/>
                  </a:cubicBezTo>
                  <a:cubicBezTo>
                    <a:pt x="18347" y="12557"/>
                    <a:pt x="18572" y="12607"/>
                    <a:pt x="18698" y="12733"/>
                  </a:cubicBezTo>
                  <a:cubicBezTo>
                    <a:pt x="18798" y="12783"/>
                    <a:pt x="18848" y="13058"/>
                    <a:pt x="18848" y="13184"/>
                  </a:cubicBezTo>
                  <a:cubicBezTo>
                    <a:pt x="18923" y="13234"/>
                    <a:pt x="18923" y="13459"/>
                    <a:pt x="18973" y="13509"/>
                  </a:cubicBezTo>
                  <a:cubicBezTo>
                    <a:pt x="18973" y="13560"/>
                    <a:pt x="19024" y="13735"/>
                    <a:pt x="19074" y="13735"/>
                  </a:cubicBezTo>
                  <a:cubicBezTo>
                    <a:pt x="19199" y="13785"/>
                    <a:pt x="19425" y="13735"/>
                    <a:pt x="19525" y="13735"/>
                  </a:cubicBezTo>
                  <a:cubicBezTo>
                    <a:pt x="19650" y="13735"/>
                    <a:pt x="19750" y="13685"/>
                    <a:pt x="19826" y="13735"/>
                  </a:cubicBezTo>
                  <a:cubicBezTo>
                    <a:pt x="19876" y="13735"/>
                    <a:pt x="19876" y="13961"/>
                    <a:pt x="19876" y="14011"/>
                  </a:cubicBezTo>
                  <a:close/>
                </a:path>
              </a:pathLst>
            </a:custGeom>
            <a:noFill/>
            <a:ln w="7525" cap="flat" cmpd="sng">
              <a:solidFill>
                <a:srgbClr val="110502"/>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78" name="Google Shape;335;p16">
              <a:extLst>
                <a:ext uri="{FF2B5EF4-FFF2-40B4-BE49-F238E27FC236}">
                  <a16:creationId xmlns:a16="http://schemas.microsoft.com/office/drawing/2014/main" id="{32D36C60-ABDF-6A22-2040-8C3A04EBB575}"/>
                </a:ext>
              </a:extLst>
            </p:cNvPr>
            <p:cNvSpPr/>
            <p:nvPr/>
          </p:nvSpPr>
          <p:spPr>
            <a:xfrm>
              <a:off x="3097435" y="2733482"/>
              <a:ext cx="297325" cy="249069"/>
            </a:xfrm>
            <a:custGeom>
              <a:avLst/>
              <a:gdLst/>
              <a:ahLst/>
              <a:cxnLst/>
              <a:rect l="l" t="t" r="r" b="b"/>
              <a:pathLst>
                <a:path w="10653" h="8924" extrusionOk="0">
                  <a:moveTo>
                    <a:pt x="10477" y="3835"/>
                  </a:moveTo>
                  <a:cubicBezTo>
                    <a:pt x="10527" y="3911"/>
                    <a:pt x="10653" y="4061"/>
                    <a:pt x="10653" y="4186"/>
                  </a:cubicBezTo>
                  <a:cubicBezTo>
                    <a:pt x="10653" y="4286"/>
                    <a:pt x="10527" y="4462"/>
                    <a:pt x="10427" y="4512"/>
                  </a:cubicBezTo>
                  <a:cubicBezTo>
                    <a:pt x="10352" y="4587"/>
                    <a:pt x="10126" y="4587"/>
                    <a:pt x="10026" y="4637"/>
                  </a:cubicBezTo>
                  <a:cubicBezTo>
                    <a:pt x="9976" y="4687"/>
                    <a:pt x="9976" y="4863"/>
                    <a:pt x="9926" y="4913"/>
                  </a:cubicBezTo>
                  <a:cubicBezTo>
                    <a:pt x="9851" y="5038"/>
                    <a:pt x="9625" y="5088"/>
                    <a:pt x="9575" y="5088"/>
                  </a:cubicBezTo>
                  <a:cubicBezTo>
                    <a:pt x="9525" y="5038"/>
                    <a:pt x="9525" y="4813"/>
                    <a:pt x="9475" y="4813"/>
                  </a:cubicBezTo>
                  <a:cubicBezTo>
                    <a:pt x="9349" y="4738"/>
                    <a:pt x="9199" y="4863"/>
                    <a:pt x="9124" y="4913"/>
                  </a:cubicBezTo>
                  <a:cubicBezTo>
                    <a:pt x="9024" y="4963"/>
                    <a:pt x="8798" y="5264"/>
                    <a:pt x="8748" y="5364"/>
                  </a:cubicBezTo>
                  <a:cubicBezTo>
                    <a:pt x="8673" y="5540"/>
                    <a:pt x="8848" y="5941"/>
                    <a:pt x="8898" y="6091"/>
                  </a:cubicBezTo>
                  <a:cubicBezTo>
                    <a:pt x="9024" y="6266"/>
                    <a:pt x="9249" y="6542"/>
                    <a:pt x="9349" y="6667"/>
                  </a:cubicBezTo>
                  <a:cubicBezTo>
                    <a:pt x="9399" y="6768"/>
                    <a:pt x="9525" y="7068"/>
                    <a:pt x="9625" y="7119"/>
                  </a:cubicBezTo>
                  <a:cubicBezTo>
                    <a:pt x="9525" y="7169"/>
                    <a:pt x="9249" y="7169"/>
                    <a:pt x="9124" y="7244"/>
                  </a:cubicBezTo>
                  <a:cubicBezTo>
                    <a:pt x="9074" y="7294"/>
                    <a:pt x="9024" y="7520"/>
                    <a:pt x="8898" y="7620"/>
                  </a:cubicBezTo>
                  <a:cubicBezTo>
                    <a:pt x="8848" y="7695"/>
                    <a:pt x="8622" y="7745"/>
                    <a:pt x="8522" y="7745"/>
                  </a:cubicBezTo>
                  <a:cubicBezTo>
                    <a:pt x="8347" y="7745"/>
                    <a:pt x="8071" y="7570"/>
                    <a:pt x="7896" y="7620"/>
                  </a:cubicBezTo>
                  <a:cubicBezTo>
                    <a:pt x="7795" y="7620"/>
                    <a:pt x="7495" y="7745"/>
                    <a:pt x="7394" y="7845"/>
                  </a:cubicBezTo>
                  <a:cubicBezTo>
                    <a:pt x="7294" y="7921"/>
                    <a:pt x="7069" y="8071"/>
                    <a:pt x="6943" y="8196"/>
                  </a:cubicBezTo>
                  <a:cubicBezTo>
                    <a:pt x="6893" y="8296"/>
                    <a:pt x="6993" y="8597"/>
                    <a:pt x="6893" y="8697"/>
                  </a:cubicBezTo>
                  <a:cubicBezTo>
                    <a:pt x="6843" y="8823"/>
                    <a:pt x="6542" y="8923"/>
                    <a:pt x="6442" y="8873"/>
                  </a:cubicBezTo>
                  <a:cubicBezTo>
                    <a:pt x="6342" y="8873"/>
                    <a:pt x="6166" y="8522"/>
                    <a:pt x="6041" y="8472"/>
                  </a:cubicBezTo>
                  <a:cubicBezTo>
                    <a:pt x="5941" y="8422"/>
                    <a:pt x="5665" y="8296"/>
                    <a:pt x="5540" y="8372"/>
                  </a:cubicBezTo>
                  <a:cubicBezTo>
                    <a:pt x="5490" y="8372"/>
                    <a:pt x="5490" y="8522"/>
                    <a:pt x="5440" y="8522"/>
                  </a:cubicBezTo>
                  <a:cubicBezTo>
                    <a:pt x="5264" y="8647"/>
                    <a:pt x="4863" y="8697"/>
                    <a:pt x="4713" y="8647"/>
                  </a:cubicBezTo>
                  <a:cubicBezTo>
                    <a:pt x="4587" y="8647"/>
                    <a:pt x="4487" y="8522"/>
                    <a:pt x="4362" y="8472"/>
                  </a:cubicBezTo>
                  <a:cubicBezTo>
                    <a:pt x="4312" y="8472"/>
                    <a:pt x="4211" y="8422"/>
                    <a:pt x="4136" y="8422"/>
                  </a:cubicBezTo>
                  <a:cubicBezTo>
                    <a:pt x="4036" y="8472"/>
                    <a:pt x="3911" y="8697"/>
                    <a:pt x="3810" y="8697"/>
                  </a:cubicBezTo>
                  <a:cubicBezTo>
                    <a:pt x="3760" y="8748"/>
                    <a:pt x="3535" y="8748"/>
                    <a:pt x="3485" y="8697"/>
                  </a:cubicBezTo>
                  <a:cubicBezTo>
                    <a:pt x="3359" y="8597"/>
                    <a:pt x="3359" y="8296"/>
                    <a:pt x="3359" y="8196"/>
                  </a:cubicBezTo>
                  <a:cubicBezTo>
                    <a:pt x="3359" y="8071"/>
                    <a:pt x="3485" y="7921"/>
                    <a:pt x="3409" y="7795"/>
                  </a:cubicBezTo>
                  <a:cubicBezTo>
                    <a:pt x="3409" y="7745"/>
                    <a:pt x="3259" y="7695"/>
                    <a:pt x="3184" y="7695"/>
                  </a:cubicBezTo>
                  <a:cubicBezTo>
                    <a:pt x="3084" y="7620"/>
                    <a:pt x="2808" y="7695"/>
                    <a:pt x="2632" y="7620"/>
                  </a:cubicBezTo>
                  <a:cubicBezTo>
                    <a:pt x="2582" y="7620"/>
                    <a:pt x="2457" y="7469"/>
                    <a:pt x="2407" y="7394"/>
                  </a:cubicBezTo>
                  <a:cubicBezTo>
                    <a:pt x="2307" y="7344"/>
                    <a:pt x="2081" y="7344"/>
                    <a:pt x="1956" y="7394"/>
                  </a:cubicBezTo>
                  <a:cubicBezTo>
                    <a:pt x="1906" y="7394"/>
                    <a:pt x="1730" y="7520"/>
                    <a:pt x="1730" y="7570"/>
                  </a:cubicBezTo>
                  <a:cubicBezTo>
                    <a:pt x="1680" y="7695"/>
                    <a:pt x="1730" y="7921"/>
                    <a:pt x="1730" y="8021"/>
                  </a:cubicBezTo>
                  <a:cubicBezTo>
                    <a:pt x="1730" y="8146"/>
                    <a:pt x="1730" y="8372"/>
                    <a:pt x="1680" y="8422"/>
                  </a:cubicBezTo>
                  <a:cubicBezTo>
                    <a:pt x="1580" y="8522"/>
                    <a:pt x="1354" y="8472"/>
                    <a:pt x="1229" y="8472"/>
                  </a:cubicBezTo>
                  <a:cubicBezTo>
                    <a:pt x="1129" y="8472"/>
                    <a:pt x="953" y="8422"/>
                    <a:pt x="903" y="8372"/>
                  </a:cubicBezTo>
                  <a:cubicBezTo>
                    <a:pt x="853" y="8296"/>
                    <a:pt x="903" y="8146"/>
                    <a:pt x="778" y="8071"/>
                  </a:cubicBezTo>
                  <a:cubicBezTo>
                    <a:pt x="728" y="7971"/>
                    <a:pt x="402" y="7971"/>
                    <a:pt x="277" y="7971"/>
                  </a:cubicBezTo>
                  <a:cubicBezTo>
                    <a:pt x="226" y="7921"/>
                    <a:pt x="126" y="7971"/>
                    <a:pt x="1" y="7971"/>
                  </a:cubicBezTo>
                  <a:lnTo>
                    <a:pt x="1" y="7620"/>
                  </a:lnTo>
                  <a:cubicBezTo>
                    <a:pt x="1" y="7520"/>
                    <a:pt x="126" y="7294"/>
                    <a:pt x="176" y="7169"/>
                  </a:cubicBezTo>
                  <a:cubicBezTo>
                    <a:pt x="226" y="7068"/>
                    <a:pt x="402" y="6993"/>
                    <a:pt x="452" y="6893"/>
                  </a:cubicBezTo>
                  <a:cubicBezTo>
                    <a:pt x="502" y="6768"/>
                    <a:pt x="552" y="6442"/>
                    <a:pt x="552" y="6266"/>
                  </a:cubicBezTo>
                  <a:cubicBezTo>
                    <a:pt x="552" y="6091"/>
                    <a:pt x="502" y="5765"/>
                    <a:pt x="402" y="5590"/>
                  </a:cubicBezTo>
                  <a:cubicBezTo>
                    <a:pt x="452" y="5489"/>
                    <a:pt x="552" y="5364"/>
                    <a:pt x="552" y="5314"/>
                  </a:cubicBezTo>
                  <a:cubicBezTo>
                    <a:pt x="627" y="5189"/>
                    <a:pt x="678" y="4963"/>
                    <a:pt x="778" y="4913"/>
                  </a:cubicBezTo>
                  <a:cubicBezTo>
                    <a:pt x="853" y="4863"/>
                    <a:pt x="1003" y="4913"/>
                    <a:pt x="1079" y="4913"/>
                  </a:cubicBezTo>
                  <a:cubicBezTo>
                    <a:pt x="1129" y="4963"/>
                    <a:pt x="1229" y="5088"/>
                    <a:pt x="1279" y="5088"/>
                  </a:cubicBezTo>
                  <a:cubicBezTo>
                    <a:pt x="1354" y="5088"/>
                    <a:pt x="1505" y="4963"/>
                    <a:pt x="1580" y="4913"/>
                  </a:cubicBezTo>
                  <a:cubicBezTo>
                    <a:pt x="1630" y="4813"/>
                    <a:pt x="1580" y="4637"/>
                    <a:pt x="1630" y="4512"/>
                  </a:cubicBezTo>
                  <a:cubicBezTo>
                    <a:pt x="1630" y="4412"/>
                    <a:pt x="1680" y="4186"/>
                    <a:pt x="1730" y="4061"/>
                  </a:cubicBezTo>
                  <a:cubicBezTo>
                    <a:pt x="1856" y="4011"/>
                    <a:pt x="2131" y="4186"/>
                    <a:pt x="2231" y="4136"/>
                  </a:cubicBezTo>
                  <a:cubicBezTo>
                    <a:pt x="2307" y="4061"/>
                    <a:pt x="2307" y="3961"/>
                    <a:pt x="2307" y="3911"/>
                  </a:cubicBezTo>
                  <a:cubicBezTo>
                    <a:pt x="2307" y="3785"/>
                    <a:pt x="2181" y="3685"/>
                    <a:pt x="2181" y="3610"/>
                  </a:cubicBezTo>
                  <a:cubicBezTo>
                    <a:pt x="2131" y="3509"/>
                    <a:pt x="2081" y="3284"/>
                    <a:pt x="2081" y="3159"/>
                  </a:cubicBezTo>
                  <a:cubicBezTo>
                    <a:pt x="2081" y="3058"/>
                    <a:pt x="2231" y="2883"/>
                    <a:pt x="2307" y="2783"/>
                  </a:cubicBezTo>
                  <a:cubicBezTo>
                    <a:pt x="2357" y="2707"/>
                    <a:pt x="2532" y="2657"/>
                    <a:pt x="2632" y="2657"/>
                  </a:cubicBezTo>
                  <a:cubicBezTo>
                    <a:pt x="2683" y="2607"/>
                    <a:pt x="2908" y="2607"/>
                    <a:pt x="2958" y="2657"/>
                  </a:cubicBezTo>
                  <a:cubicBezTo>
                    <a:pt x="3033" y="2657"/>
                    <a:pt x="2958" y="2833"/>
                    <a:pt x="3033" y="2833"/>
                  </a:cubicBezTo>
                  <a:cubicBezTo>
                    <a:pt x="3134" y="2883"/>
                    <a:pt x="3259" y="2657"/>
                    <a:pt x="3359" y="2607"/>
                  </a:cubicBezTo>
                  <a:cubicBezTo>
                    <a:pt x="3485" y="2607"/>
                    <a:pt x="3710" y="2607"/>
                    <a:pt x="3810" y="2657"/>
                  </a:cubicBezTo>
                  <a:cubicBezTo>
                    <a:pt x="3911" y="2707"/>
                    <a:pt x="3986" y="2933"/>
                    <a:pt x="3986" y="3058"/>
                  </a:cubicBezTo>
                  <a:cubicBezTo>
                    <a:pt x="4036" y="3159"/>
                    <a:pt x="3986" y="3459"/>
                    <a:pt x="4036" y="3560"/>
                  </a:cubicBezTo>
                  <a:cubicBezTo>
                    <a:pt x="4086" y="3685"/>
                    <a:pt x="4262" y="3835"/>
                    <a:pt x="4362" y="3835"/>
                  </a:cubicBezTo>
                  <a:cubicBezTo>
                    <a:pt x="4537" y="3911"/>
                    <a:pt x="4863" y="3961"/>
                    <a:pt x="5039" y="3835"/>
                  </a:cubicBezTo>
                  <a:cubicBezTo>
                    <a:pt x="5214" y="3785"/>
                    <a:pt x="5490" y="3459"/>
                    <a:pt x="5615" y="3234"/>
                  </a:cubicBezTo>
                  <a:cubicBezTo>
                    <a:pt x="5665" y="3108"/>
                    <a:pt x="5665" y="2707"/>
                    <a:pt x="5765" y="2607"/>
                  </a:cubicBezTo>
                  <a:cubicBezTo>
                    <a:pt x="5891" y="2482"/>
                    <a:pt x="6166" y="2432"/>
                    <a:pt x="6267" y="2332"/>
                  </a:cubicBezTo>
                  <a:cubicBezTo>
                    <a:pt x="6342" y="2206"/>
                    <a:pt x="6342" y="1931"/>
                    <a:pt x="6342" y="1805"/>
                  </a:cubicBezTo>
                  <a:cubicBezTo>
                    <a:pt x="6342" y="1705"/>
                    <a:pt x="6166" y="1404"/>
                    <a:pt x="6216" y="1304"/>
                  </a:cubicBezTo>
                  <a:cubicBezTo>
                    <a:pt x="6267" y="1179"/>
                    <a:pt x="6492" y="1028"/>
                    <a:pt x="6617" y="903"/>
                  </a:cubicBezTo>
                  <a:cubicBezTo>
                    <a:pt x="6668" y="803"/>
                    <a:pt x="6768" y="502"/>
                    <a:pt x="6843" y="352"/>
                  </a:cubicBezTo>
                  <a:cubicBezTo>
                    <a:pt x="6893" y="276"/>
                    <a:pt x="7069" y="176"/>
                    <a:pt x="7119" y="126"/>
                  </a:cubicBezTo>
                  <a:cubicBezTo>
                    <a:pt x="7169" y="51"/>
                    <a:pt x="7294" y="51"/>
                    <a:pt x="7344" y="1"/>
                  </a:cubicBezTo>
                  <a:cubicBezTo>
                    <a:pt x="7394" y="51"/>
                    <a:pt x="7445" y="126"/>
                    <a:pt x="7495" y="126"/>
                  </a:cubicBezTo>
                  <a:cubicBezTo>
                    <a:pt x="7670" y="226"/>
                    <a:pt x="8021" y="226"/>
                    <a:pt x="8171" y="276"/>
                  </a:cubicBezTo>
                  <a:cubicBezTo>
                    <a:pt x="8297" y="352"/>
                    <a:pt x="8397" y="452"/>
                    <a:pt x="8522" y="452"/>
                  </a:cubicBezTo>
                  <a:cubicBezTo>
                    <a:pt x="8622" y="502"/>
                    <a:pt x="8898" y="452"/>
                    <a:pt x="9074" y="502"/>
                  </a:cubicBezTo>
                  <a:cubicBezTo>
                    <a:pt x="9199" y="577"/>
                    <a:pt x="9399" y="803"/>
                    <a:pt x="9525" y="853"/>
                  </a:cubicBezTo>
                  <a:cubicBezTo>
                    <a:pt x="9625" y="953"/>
                    <a:pt x="9800" y="1078"/>
                    <a:pt x="9926" y="1129"/>
                  </a:cubicBezTo>
                  <a:cubicBezTo>
                    <a:pt x="10076" y="1254"/>
                    <a:pt x="10427" y="1304"/>
                    <a:pt x="10653" y="1404"/>
                  </a:cubicBezTo>
                  <a:cubicBezTo>
                    <a:pt x="10527" y="1479"/>
                    <a:pt x="10427" y="1580"/>
                    <a:pt x="10352" y="1655"/>
                  </a:cubicBezTo>
                  <a:cubicBezTo>
                    <a:pt x="10252" y="1755"/>
                    <a:pt x="10126" y="1981"/>
                    <a:pt x="10076" y="2106"/>
                  </a:cubicBezTo>
                  <a:lnTo>
                    <a:pt x="10076" y="2382"/>
                  </a:lnTo>
                  <a:cubicBezTo>
                    <a:pt x="10076" y="2482"/>
                    <a:pt x="10201" y="2707"/>
                    <a:pt x="10201" y="2883"/>
                  </a:cubicBezTo>
                  <a:cubicBezTo>
                    <a:pt x="10201" y="2933"/>
                    <a:pt x="10026" y="3058"/>
                    <a:pt x="10026" y="3159"/>
                  </a:cubicBezTo>
                  <a:cubicBezTo>
                    <a:pt x="9976" y="3284"/>
                    <a:pt x="9976" y="3509"/>
                    <a:pt x="10026" y="3610"/>
                  </a:cubicBezTo>
                  <a:cubicBezTo>
                    <a:pt x="10076" y="3735"/>
                    <a:pt x="10352" y="3785"/>
                    <a:pt x="10477" y="3835"/>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279" name="Google Shape;336;p16">
              <a:extLst>
                <a:ext uri="{FF2B5EF4-FFF2-40B4-BE49-F238E27FC236}">
                  <a16:creationId xmlns:a16="http://schemas.microsoft.com/office/drawing/2014/main" id="{246EE831-C643-5BAE-079B-B0751215847A}"/>
                </a:ext>
              </a:extLst>
            </p:cNvPr>
            <p:cNvSpPr/>
            <p:nvPr/>
          </p:nvSpPr>
          <p:spPr>
            <a:xfrm>
              <a:off x="3097435" y="2733482"/>
              <a:ext cx="297325" cy="249069"/>
            </a:xfrm>
            <a:custGeom>
              <a:avLst/>
              <a:gdLst/>
              <a:ahLst/>
              <a:cxnLst/>
              <a:rect l="l" t="t" r="r" b="b"/>
              <a:pathLst>
                <a:path w="10653" h="8924" fill="none" extrusionOk="0">
                  <a:moveTo>
                    <a:pt x="10477" y="3835"/>
                  </a:moveTo>
                  <a:cubicBezTo>
                    <a:pt x="10527" y="3911"/>
                    <a:pt x="10653" y="4061"/>
                    <a:pt x="10653" y="4186"/>
                  </a:cubicBezTo>
                  <a:cubicBezTo>
                    <a:pt x="10653" y="4286"/>
                    <a:pt x="10527" y="4462"/>
                    <a:pt x="10427" y="4512"/>
                  </a:cubicBezTo>
                  <a:cubicBezTo>
                    <a:pt x="10352" y="4587"/>
                    <a:pt x="10126" y="4587"/>
                    <a:pt x="10026" y="4637"/>
                  </a:cubicBezTo>
                  <a:cubicBezTo>
                    <a:pt x="9976" y="4687"/>
                    <a:pt x="9976" y="4863"/>
                    <a:pt x="9926" y="4913"/>
                  </a:cubicBezTo>
                  <a:cubicBezTo>
                    <a:pt x="9851" y="5038"/>
                    <a:pt x="9625" y="5088"/>
                    <a:pt x="9575" y="5088"/>
                  </a:cubicBezTo>
                  <a:cubicBezTo>
                    <a:pt x="9525" y="5038"/>
                    <a:pt x="9525" y="4813"/>
                    <a:pt x="9475" y="4813"/>
                  </a:cubicBezTo>
                  <a:cubicBezTo>
                    <a:pt x="9349" y="4738"/>
                    <a:pt x="9199" y="4863"/>
                    <a:pt x="9124" y="4913"/>
                  </a:cubicBezTo>
                  <a:cubicBezTo>
                    <a:pt x="9024" y="4963"/>
                    <a:pt x="8798" y="5264"/>
                    <a:pt x="8748" y="5364"/>
                  </a:cubicBezTo>
                  <a:cubicBezTo>
                    <a:pt x="8673" y="5540"/>
                    <a:pt x="8848" y="5941"/>
                    <a:pt x="8898" y="6091"/>
                  </a:cubicBezTo>
                  <a:cubicBezTo>
                    <a:pt x="9024" y="6266"/>
                    <a:pt x="9249" y="6542"/>
                    <a:pt x="9349" y="6667"/>
                  </a:cubicBezTo>
                  <a:cubicBezTo>
                    <a:pt x="9399" y="6768"/>
                    <a:pt x="9525" y="7068"/>
                    <a:pt x="9625" y="7119"/>
                  </a:cubicBezTo>
                  <a:cubicBezTo>
                    <a:pt x="9525" y="7169"/>
                    <a:pt x="9249" y="7169"/>
                    <a:pt x="9124" y="7244"/>
                  </a:cubicBezTo>
                  <a:cubicBezTo>
                    <a:pt x="9074" y="7294"/>
                    <a:pt x="9024" y="7520"/>
                    <a:pt x="8898" y="7620"/>
                  </a:cubicBezTo>
                  <a:cubicBezTo>
                    <a:pt x="8848" y="7695"/>
                    <a:pt x="8622" y="7745"/>
                    <a:pt x="8522" y="7745"/>
                  </a:cubicBezTo>
                  <a:cubicBezTo>
                    <a:pt x="8347" y="7745"/>
                    <a:pt x="8071" y="7570"/>
                    <a:pt x="7896" y="7620"/>
                  </a:cubicBezTo>
                  <a:cubicBezTo>
                    <a:pt x="7795" y="7620"/>
                    <a:pt x="7495" y="7745"/>
                    <a:pt x="7394" y="7845"/>
                  </a:cubicBezTo>
                  <a:cubicBezTo>
                    <a:pt x="7294" y="7921"/>
                    <a:pt x="7069" y="8071"/>
                    <a:pt x="6943" y="8196"/>
                  </a:cubicBezTo>
                  <a:cubicBezTo>
                    <a:pt x="6893" y="8296"/>
                    <a:pt x="6993" y="8597"/>
                    <a:pt x="6893" y="8697"/>
                  </a:cubicBezTo>
                  <a:cubicBezTo>
                    <a:pt x="6843" y="8823"/>
                    <a:pt x="6542" y="8923"/>
                    <a:pt x="6442" y="8873"/>
                  </a:cubicBezTo>
                  <a:cubicBezTo>
                    <a:pt x="6342" y="8873"/>
                    <a:pt x="6166" y="8522"/>
                    <a:pt x="6041" y="8472"/>
                  </a:cubicBezTo>
                  <a:cubicBezTo>
                    <a:pt x="5941" y="8422"/>
                    <a:pt x="5665" y="8296"/>
                    <a:pt x="5540" y="8372"/>
                  </a:cubicBezTo>
                  <a:cubicBezTo>
                    <a:pt x="5490" y="8372"/>
                    <a:pt x="5490" y="8522"/>
                    <a:pt x="5440" y="8522"/>
                  </a:cubicBezTo>
                  <a:cubicBezTo>
                    <a:pt x="5264" y="8647"/>
                    <a:pt x="4863" y="8697"/>
                    <a:pt x="4713" y="8647"/>
                  </a:cubicBezTo>
                  <a:cubicBezTo>
                    <a:pt x="4587" y="8647"/>
                    <a:pt x="4487" y="8522"/>
                    <a:pt x="4362" y="8472"/>
                  </a:cubicBezTo>
                  <a:cubicBezTo>
                    <a:pt x="4312" y="8472"/>
                    <a:pt x="4211" y="8422"/>
                    <a:pt x="4136" y="8422"/>
                  </a:cubicBezTo>
                  <a:cubicBezTo>
                    <a:pt x="4036" y="8472"/>
                    <a:pt x="3911" y="8697"/>
                    <a:pt x="3810" y="8697"/>
                  </a:cubicBezTo>
                  <a:cubicBezTo>
                    <a:pt x="3760" y="8748"/>
                    <a:pt x="3535" y="8748"/>
                    <a:pt x="3485" y="8697"/>
                  </a:cubicBezTo>
                  <a:cubicBezTo>
                    <a:pt x="3359" y="8597"/>
                    <a:pt x="3359" y="8296"/>
                    <a:pt x="3359" y="8196"/>
                  </a:cubicBezTo>
                  <a:cubicBezTo>
                    <a:pt x="3359" y="8071"/>
                    <a:pt x="3485" y="7921"/>
                    <a:pt x="3409" y="7795"/>
                  </a:cubicBezTo>
                  <a:cubicBezTo>
                    <a:pt x="3409" y="7745"/>
                    <a:pt x="3259" y="7695"/>
                    <a:pt x="3184" y="7695"/>
                  </a:cubicBezTo>
                  <a:cubicBezTo>
                    <a:pt x="3084" y="7620"/>
                    <a:pt x="2808" y="7695"/>
                    <a:pt x="2632" y="7620"/>
                  </a:cubicBezTo>
                  <a:cubicBezTo>
                    <a:pt x="2582" y="7620"/>
                    <a:pt x="2457" y="7469"/>
                    <a:pt x="2407" y="7394"/>
                  </a:cubicBezTo>
                  <a:cubicBezTo>
                    <a:pt x="2307" y="7344"/>
                    <a:pt x="2081" y="7344"/>
                    <a:pt x="1956" y="7394"/>
                  </a:cubicBezTo>
                  <a:cubicBezTo>
                    <a:pt x="1906" y="7394"/>
                    <a:pt x="1730" y="7520"/>
                    <a:pt x="1730" y="7570"/>
                  </a:cubicBezTo>
                  <a:cubicBezTo>
                    <a:pt x="1680" y="7695"/>
                    <a:pt x="1730" y="7921"/>
                    <a:pt x="1730" y="8021"/>
                  </a:cubicBezTo>
                  <a:cubicBezTo>
                    <a:pt x="1730" y="8146"/>
                    <a:pt x="1730" y="8372"/>
                    <a:pt x="1680" y="8422"/>
                  </a:cubicBezTo>
                  <a:cubicBezTo>
                    <a:pt x="1580" y="8522"/>
                    <a:pt x="1354" y="8472"/>
                    <a:pt x="1229" y="8472"/>
                  </a:cubicBezTo>
                  <a:cubicBezTo>
                    <a:pt x="1129" y="8472"/>
                    <a:pt x="953" y="8422"/>
                    <a:pt x="903" y="8372"/>
                  </a:cubicBezTo>
                  <a:cubicBezTo>
                    <a:pt x="853" y="8296"/>
                    <a:pt x="903" y="8146"/>
                    <a:pt x="778" y="8071"/>
                  </a:cubicBezTo>
                  <a:cubicBezTo>
                    <a:pt x="728" y="7971"/>
                    <a:pt x="402" y="7971"/>
                    <a:pt x="277" y="7971"/>
                  </a:cubicBezTo>
                  <a:cubicBezTo>
                    <a:pt x="226" y="7921"/>
                    <a:pt x="126" y="7971"/>
                    <a:pt x="1" y="7971"/>
                  </a:cubicBezTo>
                  <a:lnTo>
                    <a:pt x="1" y="7620"/>
                  </a:lnTo>
                  <a:cubicBezTo>
                    <a:pt x="1" y="7520"/>
                    <a:pt x="126" y="7294"/>
                    <a:pt x="176" y="7169"/>
                  </a:cubicBezTo>
                  <a:cubicBezTo>
                    <a:pt x="226" y="7068"/>
                    <a:pt x="402" y="6993"/>
                    <a:pt x="452" y="6893"/>
                  </a:cubicBezTo>
                  <a:cubicBezTo>
                    <a:pt x="502" y="6768"/>
                    <a:pt x="552" y="6442"/>
                    <a:pt x="552" y="6266"/>
                  </a:cubicBezTo>
                  <a:cubicBezTo>
                    <a:pt x="552" y="6091"/>
                    <a:pt x="502" y="5765"/>
                    <a:pt x="402" y="5590"/>
                  </a:cubicBezTo>
                  <a:cubicBezTo>
                    <a:pt x="452" y="5489"/>
                    <a:pt x="552" y="5364"/>
                    <a:pt x="552" y="5314"/>
                  </a:cubicBezTo>
                  <a:cubicBezTo>
                    <a:pt x="627" y="5189"/>
                    <a:pt x="678" y="4963"/>
                    <a:pt x="778" y="4913"/>
                  </a:cubicBezTo>
                  <a:cubicBezTo>
                    <a:pt x="853" y="4863"/>
                    <a:pt x="1003" y="4913"/>
                    <a:pt x="1079" y="4913"/>
                  </a:cubicBezTo>
                  <a:cubicBezTo>
                    <a:pt x="1129" y="4963"/>
                    <a:pt x="1229" y="5088"/>
                    <a:pt x="1279" y="5088"/>
                  </a:cubicBezTo>
                  <a:cubicBezTo>
                    <a:pt x="1354" y="5088"/>
                    <a:pt x="1505" y="4963"/>
                    <a:pt x="1580" y="4913"/>
                  </a:cubicBezTo>
                  <a:cubicBezTo>
                    <a:pt x="1630" y="4813"/>
                    <a:pt x="1580" y="4637"/>
                    <a:pt x="1630" y="4512"/>
                  </a:cubicBezTo>
                  <a:cubicBezTo>
                    <a:pt x="1630" y="4412"/>
                    <a:pt x="1680" y="4186"/>
                    <a:pt x="1730" y="4061"/>
                  </a:cubicBezTo>
                  <a:cubicBezTo>
                    <a:pt x="1856" y="4011"/>
                    <a:pt x="2131" y="4186"/>
                    <a:pt x="2231" y="4136"/>
                  </a:cubicBezTo>
                  <a:cubicBezTo>
                    <a:pt x="2307" y="4061"/>
                    <a:pt x="2307" y="3961"/>
                    <a:pt x="2307" y="3911"/>
                  </a:cubicBezTo>
                  <a:cubicBezTo>
                    <a:pt x="2307" y="3785"/>
                    <a:pt x="2181" y="3685"/>
                    <a:pt x="2181" y="3610"/>
                  </a:cubicBezTo>
                  <a:cubicBezTo>
                    <a:pt x="2131" y="3509"/>
                    <a:pt x="2081" y="3284"/>
                    <a:pt x="2081" y="3159"/>
                  </a:cubicBezTo>
                  <a:cubicBezTo>
                    <a:pt x="2081" y="3058"/>
                    <a:pt x="2231" y="2883"/>
                    <a:pt x="2307" y="2783"/>
                  </a:cubicBezTo>
                  <a:cubicBezTo>
                    <a:pt x="2357" y="2707"/>
                    <a:pt x="2532" y="2657"/>
                    <a:pt x="2632" y="2657"/>
                  </a:cubicBezTo>
                  <a:cubicBezTo>
                    <a:pt x="2683" y="2607"/>
                    <a:pt x="2908" y="2607"/>
                    <a:pt x="2958" y="2657"/>
                  </a:cubicBezTo>
                  <a:cubicBezTo>
                    <a:pt x="3033" y="2657"/>
                    <a:pt x="2958" y="2833"/>
                    <a:pt x="3033" y="2833"/>
                  </a:cubicBezTo>
                  <a:cubicBezTo>
                    <a:pt x="3134" y="2883"/>
                    <a:pt x="3259" y="2657"/>
                    <a:pt x="3359" y="2607"/>
                  </a:cubicBezTo>
                  <a:cubicBezTo>
                    <a:pt x="3485" y="2607"/>
                    <a:pt x="3710" y="2607"/>
                    <a:pt x="3810" y="2657"/>
                  </a:cubicBezTo>
                  <a:cubicBezTo>
                    <a:pt x="3911" y="2707"/>
                    <a:pt x="3986" y="2933"/>
                    <a:pt x="3986" y="3058"/>
                  </a:cubicBezTo>
                  <a:cubicBezTo>
                    <a:pt x="4036" y="3159"/>
                    <a:pt x="3986" y="3459"/>
                    <a:pt x="4036" y="3560"/>
                  </a:cubicBezTo>
                  <a:cubicBezTo>
                    <a:pt x="4086" y="3685"/>
                    <a:pt x="4262" y="3835"/>
                    <a:pt x="4362" y="3835"/>
                  </a:cubicBezTo>
                  <a:cubicBezTo>
                    <a:pt x="4537" y="3911"/>
                    <a:pt x="4863" y="3961"/>
                    <a:pt x="5039" y="3835"/>
                  </a:cubicBezTo>
                  <a:cubicBezTo>
                    <a:pt x="5214" y="3785"/>
                    <a:pt x="5490" y="3459"/>
                    <a:pt x="5615" y="3234"/>
                  </a:cubicBezTo>
                  <a:cubicBezTo>
                    <a:pt x="5665" y="3108"/>
                    <a:pt x="5665" y="2707"/>
                    <a:pt x="5765" y="2607"/>
                  </a:cubicBezTo>
                  <a:cubicBezTo>
                    <a:pt x="5891" y="2482"/>
                    <a:pt x="6166" y="2432"/>
                    <a:pt x="6267" y="2332"/>
                  </a:cubicBezTo>
                  <a:cubicBezTo>
                    <a:pt x="6342" y="2206"/>
                    <a:pt x="6342" y="1931"/>
                    <a:pt x="6342" y="1805"/>
                  </a:cubicBezTo>
                  <a:cubicBezTo>
                    <a:pt x="6342" y="1705"/>
                    <a:pt x="6166" y="1404"/>
                    <a:pt x="6216" y="1304"/>
                  </a:cubicBezTo>
                  <a:cubicBezTo>
                    <a:pt x="6267" y="1179"/>
                    <a:pt x="6492" y="1028"/>
                    <a:pt x="6617" y="903"/>
                  </a:cubicBezTo>
                  <a:cubicBezTo>
                    <a:pt x="6668" y="803"/>
                    <a:pt x="6768" y="502"/>
                    <a:pt x="6843" y="352"/>
                  </a:cubicBezTo>
                  <a:cubicBezTo>
                    <a:pt x="6893" y="276"/>
                    <a:pt x="7069" y="176"/>
                    <a:pt x="7119" y="126"/>
                  </a:cubicBezTo>
                  <a:cubicBezTo>
                    <a:pt x="7169" y="51"/>
                    <a:pt x="7294" y="51"/>
                    <a:pt x="7344" y="1"/>
                  </a:cubicBezTo>
                  <a:cubicBezTo>
                    <a:pt x="7394" y="51"/>
                    <a:pt x="7445" y="126"/>
                    <a:pt x="7495" y="126"/>
                  </a:cubicBezTo>
                  <a:cubicBezTo>
                    <a:pt x="7670" y="226"/>
                    <a:pt x="8021" y="226"/>
                    <a:pt x="8171" y="276"/>
                  </a:cubicBezTo>
                  <a:cubicBezTo>
                    <a:pt x="8297" y="352"/>
                    <a:pt x="8397" y="452"/>
                    <a:pt x="8522" y="452"/>
                  </a:cubicBezTo>
                  <a:cubicBezTo>
                    <a:pt x="8622" y="502"/>
                    <a:pt x="8898" y="452"/>
                    <a:pt x="9074" y="502"/>
                  </a:cubicBezTo>
                  <a:cubicBezTo>
                    <a:pt x="9199" y="577"/>
                    <a:pt x="9399" y="803"/>
                    <a:pt x="9525" y="853"/>
                  </a:cubicBezTo>
                  <a:cubicBezTo>
                    <a:pt x="9625" y="953"/>
                    <a:pt x="9800" y="1078"/>
                    <a:pt x="9926" y="1129"/>
                  </a:cubicBezTo>
                  <a:cubicBezTo>
                    <a:pt x="10076" y="1254"/>
                    <a:pt x="10427" y="1304"/>
                    <a:pt x="10653" y="1404"/>
                  </a:cubicBezTo>
                  <a:cubicBezTo>
                    <a:pt x="10527" y="1479"/>
                    <a:pt x="10427" y="1580"/>
                    <a:pt x="10352" y="1655"/>
                  </a:cubicBezTo>
                  <a:cubicBezTo>
                    <a:pt x="10252" y="1755"/>
                    <a:pt x="10126" y="1981"/>
                    <a:pt x="10076" y="2106"/>
                  </a:cubicBezTo>
                  <a:lnTo>
                    <a:pt x="10076" y="2382"/>
                  </a:lnTo>
                  <a:cubicBezTo>
                    <a:pt x="10076" y="2482"/>
                    <a:pt x="10201" y="2707"/>
                    <a:pt x="10201" y="2883"/>
                  </a:cubicBezTo>
                  <a:cubicBezTo>
                    <a:pt x="10201" y="2933"/>
                    <a:pt x="10026" y="3058"/>
                    <a:pt x="10026" y="3159"/>
                  </a:cubicBezTo>
                  <a:cubicBezTo>
                    <a:pt x="9976" y="3284"/>
                    <a:pt x="9976" y="3509"/>
                    <a:pt x="10026" y="3610"/>
                  </a:cubicBezTo>
                  <a:cubicBezTo>
                    <a:pt x="10076" y="3735"/>
                    <a:pt x="10352" y="3785"/>
                    <a:pt x="10477" y="3835"/>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80" name="Google Shape;337;p16">
              <a:extLst>
                <a:ext uri="{FF2B5EF4-FFF2-40B4-BE49-F238E27FC236}">
                  <a16:creationId xmlns:a16="http://schemas.microsoft.com/office/drawing/2014/main" id="{3BC4392F-5703-DD0B-7729-79745C599B01}"/>
                </a:ext>
              </a:extLst>
            </p:cNvPr>
            <p:cNvSpPr/>
            <p:nvPr/>
          </p:nvSpPr>
          <p:spPr>
            <a:xfrm>
              <a:off x="3097435" y="2733482"/>
              <a:ext cx="297325" cy="248036"/>
            </a:xfrm>
            <a:custGeom>
              <a:avLst/>
              <a:gdLst/>
              <a:ahLst/>
              <a:cxnLst/>
              <a:rect l="l" t="t" r="r" b="b"/>
              <a:pathLst>
                <a:path w="10653" h="8887" extrusionOk="0">
                  <a:moveTo>
                    <a:pt x="7344" y="1"/>
                  </a:moveTo>
                  <a:cubicBezTo>
                    <a:pt x="7294" y="51"/>
                    <a:pt x="7169" y="51"/>
                    <a:pt x="7119" y="126"/>
                  </a:cubicBezTo>
                  <a:cubicBezTo>
                    <a:pt x="7069" y="176"/>
                    <a:pt x="6893" y="276"/>
                    <a:pt x="6843" y="352"/>
                  </a:cubicBezTo>
                  <a:cubicBezTo>
                    <a:pt x="6768" y="502"/>
                    <a:pt x="6668" y="803"/>
                    <a:pt x="6617" y="903"/>
                  </a:cubicBezTo>
                  <a:cubicBezTo>
                    <a:pt x="6492" y="1028"/>
                    <a:pt x="6267" y="1179"/>
                    <a:pt x="6216" y="1304"/>
                  </a:cubicBezTo>
                  <a:cubicBezTo>
                    <a:pt x="6166" y="1404"/>
                    <a:pt x="6342" y="1705"/>
                    <a:pt x="6342" y="1805"/>
                  </a:cubicBezTo>
                  <a:cubicBezTo>
                    <a:pt x="6342" y="1931"/>
                    <a:pt x="6342" y="2206"/>
                    <a:pt x="6267" y="2332"/>
                  </a:cubicBezTo>
                  <a:cubicBezTo>
                    <a:pt x="6166" y="2432"/>
                    <a:pt x="5891" y="2482"/>
                    <a:pt x="5765" y="2607"/>
                  </a:cubicBezTo>
                  <a:cubicBezTo>
                    <a:pt x="5665" y="2707"/>
                    <a:pt x="5665" y="3108"/>
                    <a:pt x="5615" y="3234"/>
                  </a:cubicBezTo>
                  <a:cubicBezTo>
                    <a:pt x="5490" y="3459"/>
                    <a:pt x="5214" y="3785"/>
                    <a:pt x="5039" y="3835"/>
                  </a:cubicBezTo>
                  <a:cubicBezTo>
                    <a:pt x="4961" y="3890"/>
                    <a:pt x="4855" y="3912"/>
                    <a:pt x="4745" y="3912"/>
                  </a:cubicBezTo>
                  <a:cubicBezTo>
                    <a:pt x="4605" y="3912"/>
                    <a:pt x="4460" y="3877"/>
                    <a:pt x="4362" y="3835"/>
                  </a:cubicBezTo>
                  <a:cubicBezTo>
                    <a:pt x="4262" y="3835"/>
                    <a:pt x="4086" y="3685"/>
                    <a:pt x="4036" y="3560"/>
                  </a:cubicBezTo>
                  <a:cubicBezTo>
                    <a:pt x="3986" y="3459"/>
                    <a:pt x="4036" y="3159"/>
                    <a:pt x="3986" y="3058"/>
                  </a:cubicBezTo>
                  <a:cubicBezTo>
                    <a:pt x="3986" y="2933"/>
                    <a:pt x="3911" y="2707"/>
                    <a:pt x="3810" y="2657"/>
                  </a:cubicBezTo>
                  <a:cubicBezTo>
                    <a:pt x="3710" y="2607"/>
                    <a:pt x="3485" y="2607"/>
                    <a:pt x="3359" y="2607"/>
                  </a:cubicBezTo>
                  <a:cubicBezTo>
                    <a:pt x="3269" y="2652"/>
                    <a:pt x="3158" y="2840"/>
                    <a:pt x="3064" y="2840"/>
                  </a:cubicBezTo>
                  <a:cubicBezTo>
                    <a:pt x="3054" y="2840"/>
                    <a:pt x="3043" y="2838"/>
                    <a:pt x="3033" y="2833"/>
                  </a:cubicBezTo>
                  <a:cubicBezTo>
                    <a:pt x="2958" y="2833"/>
                    <a:pt x="3033" y="2657"/>
                    <a:pt x="2958" y="2657"/>
                  </a:cubicBezTo>
                  <a:cubicBezTo>
                    <a:pt x="2933" y="2632"/>
                    <a:pt x="2864" y="2620"/>
                    <a:pt x="2795" y="2620"/>
                  </a:cubicBezTo>
                  <a:cubicBezTo>
                    <a:pt x="2726" y="2620"/>
                    <a:pt x="2658" y="2632"/>
                    <a:pt x="2632" y="2657"/>
                  </a:cubicBezTo>
                  <a:cubicBezTo>
                    <a:pt x="2532" y="2657"/>
                    <a:pt x="2357" y="2707"/>
                    <a:pt x="2307" y="2783"/>
                  </a:cubicBezTo>
                  <a:cubicBezTo>
                    <a:pt x="2231" y="2883"/>
                    <a:pt x="2081" y="3058"/>
                    <a:pt x="2081" y="3159"/>
                  </a:cubicBezTo>
                  <a:cubicBezTo>
                    <a:pt x="2081" y="3284"/>
                    <a:pt x="2131" y="3509"/>
                    <a:pt x="2181" y="3610"/>
                  </a:cubicBezTo>
                  <a:cubicBezTo>
                    <a:pt x="2181" y="3685"/>
                    <a:pt x="2307" y="3785"/>
                    <a:pt x="2307" y="3911"/>
                  </a:cubicBezTo>
                  <a:cubicBezTo>
                    <a:pt x="2307" y="3961"/>
                    <a:pt x="2307" y="4061"/>
                    <a:pt x="2231" y="4136"/>
                  </a:cubicBezTo>
                  <a:cubicBezTo>
                    <a:pt x="2219" y="4142"/>
                    <a:pt x="2203" y="4145"/>
                    <a:pt x="2185" y="4145"/>
                  </a:cubicBezTo>
                  <a:cubicBezTo>
                    <a:pt x="2081" y="4145"/>
                    <a:pt x="1903" y="4052"/>
                    <a:pt x="1785" y="4052"/>
                  </a:cubicBezTo>
                  <a:cubicBezTo>
                    <a:pt x="1765" y="4052"/>
                    <a:pt x="1746" y="4054"/>
                    <a:pt x="1730" y="4061"/>
                  </a:cubicBezTo>
                  <a:cubicBezTo>
                    <a:pt x="1680" y="4186"/>
                    <a:pt x="1630" y="4412"/>
                    <a:pt x="1630" y="4512"/>
                  </a:cubicBezTo>
                  <a:cubicBezTo>
                    <a:pt x="1580" y="4637"/>
                    <a:pt x="1630" y="4813"/>
                    <a:pt x="1580" y="4913"/>
                  </a:cubicBezTo>
                  <a:cubicBezTo>
                    <a:pt x="1505" y="4963"/>
                    <a:pt x="1354" y="5088"/>
                    <a:pt x="1279" y="5088"/>
                  </a:cubicBezTo>
                  <a:cubicBezTo>
                    <a:pt x="1229" y="5088"/>
                    <a:pt x="1129" y="4963"/>
                    <a:pt x="1079" y="4913"/>
                  </a:cubicBezTo>
                  <a:cubicBezTo>
                    <a:pt x="1028" y="4913"/>
                    <a:pt x="945" y="4891"/>
                    <a:pt x="873" y="4891"/>
                  </a:cubicBezTo>
                  <a:cubicBezTo>
                    <a:pt x="836" y="4891"/>
                    <a:pt x="803" y="4896"/>
                    <a:pt x="778" y="4913"/>
                  </a:cubicBezTo>
                  <a:cubicBezTo>
                    <a:pt x="678" y="4963"/>
                    <a:pt x="627" y="5189"/>
                    <a:pt x="552" y="5314"/>
                  </a:cubicBezTo>
                  <a:cubicBezTo>
                    <a:pt x="552" y="5364"/>
                    <a:pt x="452" y="5489"/>
                    <a:pt x="402" y="5590"/>
                  </a:cubicBezTo>
                  <a:cubicBezTo>
                    <a:pt x="502" y="5765"/>
                    <a:pt x="552" y="6091"/>
                    <a:pt x="552" y="6266"/>
                  </a:cubicBezTo>
                  <a:cubicBezTo>
                    <a:pt x="552" y="6442"/>
                    <a:pt x="502" y="6768"/>
                    <a:pt x="452" y="6893"/>
                  </a:cubicBezTo>
                  <a:cubicBezTo>
                    <a:pt x="402" y="6993"/>
                    <a:pt x="226" y="7068"/>
                    <a:pt x="176" y="7169"/>
                  </a:cubicBezTo>
                  <a:cubicBezTo>
                    <a:pt x="126" y="7294"/>
                    <a:pt x="1" y="7520"/>
                    <a:pt x="1" y="7620"/>
                  </a:cubicBezTo>
                  <a:lnTo>
                    <a:pt x="1" y="7971"/>
                  </a:lnTo>
                  <a:cubicBezTo>
                    <a:pt x="84" y="7971"/>
                    <a:pt x="157" y="7948"/>
                    <a:pt x="211" y="7948"/>
                  </a:cubicBezTo>
                  <a:cubicBezTo>
                    <a:pt x="238" y="7948"/>
                    <a:pt x="260" y="7954"/>
                    <a:pt x="277" y="7971"/>
                  </a:cubicBezTo>
                  <a:cubicBezTo>
                    <a:pt x="402" y="7971"/>
                    <a:pt x="728" y="7971"/>
                    <a:pt x="778" y="8071"/>
                  </a:cubicBezTo>
                  <a:cubicBezTo>
                    <a:pt x="903" y="8146"/>
                    <a:pt x="853" y="8296"/>
                    <a:pt x="903" y="8372"/>
                  </a:cubicBezTo>
                  <a:cubicBezTo>
                    <a:pt x="953" y="8422"/>
                    <a:pt x="1129" y="8472"/>
                    <a:pt x="1229" y="8472"/>
                  </a:cubicBezTo>
                  <a:cubicBezTo>
                    <a:pt x="1292" y="8472"/>
                    <a:pt x="1379" y="8484"/>
                    <a:pt x="1464" y="8484"/>
                  </a:cubicBezTo>
                  <a:cubicBezTo>
                    <a:pt x="1549" y="8484"/>
                    <a:pt x="1630" y="8472"/>
                    <a:pt x="1680" y="8422"/>
                  </a:cubicBezTo>
                  <a:cubicBezTo>
                    <a:pt x="1730" y="8372"/>
                    <a:pt x="1730" y="8146"/>
                    <a:pt x="1730" y="8021"/>
                  </a:cubicBezTo>
                  <a:cubicBezTo>
                    <a:pt x="1730" y="7921"/>
                    <a:pt x="1680" y="7695"/>
                    <a:pt x="1730" y="7570"/>
                  </a:cubicBezTo>
                  <a:cubicBezTo>
                    <a:pt x="1730" y="7520"/>
                    <a:pt x="1906" y="7394"/>
                    <a:pt x="1956" y="7394"/>
                  </a:cubicBezTo>
                  <a:cubicBezTo>
                    <a:pt x="2018" y="7369"/>
                    <a:pt x="2106" y="7357"/>
                    <a:pt x="2191" y="7357"/>
                  </a:cubicBezTo>
                  <a:cubicBezTo>
                    <a:pt x="2275" y="7357"/>
                    <a:pt x="2357" y="7369"/>
                    <a:pt x="2407" y="7394"/>
                  </a:cubicBezTo>
                  <a:cubicBezTo>
                    <a:pt x="2457" y="7469"/>
                    <a:pt x="2582" y="7620"/>
                    <a:pt x="2632" y="7620"/>
                  </a:cubicBezTo>
                  <a:cubicBezTo>
                    <a:pt x="2720" y="7657"/>
                    <a:pt x="2833" y="7657"/>
                    <a:pt x="2936" y="7657"/>
                  </a:cubicBezTo>
                  <a:cubicBezTo>
                    <a:pt x="3040" y="7657"/>
                    <a:pt x="3134" y="7657"/>
                    <a:pt x="3184" y="7695"/>
                  </a:cubicBezTo>
                  <a:cubicBezTo>
                    <a:pt x="3259" y="7695"/>
                    <a:pt x="3409" y="7745"/>
                    <a:pt x="3409" y="7795"/>
                  </a:cubicBezTo>
                  <a:cubicBezTo>
                    <a:pt x="3485" y="7921"/>
                    <a:pt x="3359" y="8071"/>
                    <a:pt x="3359" y="8196"/>
                  </a:cubicBezTo>
                  <a:cubicBezTo>
                    <a:pt x="3359" y="8296"/>
                    <a:pt x="3359" y="8597"/>
                    <a:pt x="3485" y="8697"/>
                  </a:cubicBezTo>
                  <a:cubicBezTo>
                    <a:pt x="3510" y="8723"/>
                    <a:pt x="3579" y="8735"/>
                    <a:pt x="3648" y="8735"/>
                  </a:cubicBezTo>
                  <a:cubicBezTo>
                    <a:pt x="3716" y="8735"/>
                    <a:pt x="3785" y="8723"/>
                    <a:pt x="3810" y="8697"/>
                  </a:cubicBezTo>
                  <a:cubicBezTo>
                    <a:pt x="3911" y="8697"/>
                    <a:pt x="4036" y="8472"/>
                    <a:pt x="4136" y="8422"/>
                  </a:cubicBezTo>
                  <a:cubicBezTo>
                    <a:pt x="4211" y="8422"/>
                    <a:pt x="4312" y="8472"/>
                    <a:pt x="4362" y="8472"/>
                  </a:cubicBezTo>
                  <a:cubicBezTo>
                    <a:pt x="4487" y="8522"/>
                    <a:pt x="4587" y="8647"/>
                    <a:pt x="4713" y="8647"/>
                  </a:cubicBezTo>
                  <a:cubicBezTo>
                    <a:pt x="4752" y="8660"/>
                    <a:pt x="4807" y="8667"/>
                    <a:pt x="4871" y="8667"/>
                  </a:cubicBezTo>
                  <a:cubicBezTo>
                    <a:pt x="5055" y="8667"/>
                    <a:pt x="5309" y="8615"/>
                    <a:pt x="5440" y="8522"/>
                  </a:cubicBezTo>
                  <a:cubicBezTo>
                    <a:pt x="5490" y="8522"/>
                    <a:pt x="5490" y="8372"/>
                    <a:pt x="5540" y="8372"/>
                  </a:cubicBezTo>
                  <a:cubicBezTo>
                    <a:pt x="5567" y="8355"/>
                    <a:pt x="5603" y="8348"/>
                    <a:pt x="5641" y="8348"/>
                  </a:cubicBezTo>
                  <a:cubicBezTo>
                    <a:pt x="5778" y="8348"/>
                    <a:pt x="5963" y="8433"/>
                    <a:pt x="6041" y="8472"/>
                  </a:cubicBezTo>
                  <a:cubicBezTo>
                    <a:pt x="6166" y="8522"/>
                    <a:pt x="6342" y="8873"/>
                    <a:pt x="6442" y="8873"/>
                  </a:cubicBezTo>
                  <a:cubicBezTo>
                    <a:pt x="6460" y="8882"/>
                    <a:pt x="6485" y="8886"/>
                    <a:pt x="6513" y="8886"/>
                  </a:cubicBezTo>
                  <a:cubicBezTo>
                    <a:pt x="6643" y="8886"/>
                    <a:pt x="6852" y="8800"/>
                    <a:pt x="6893" y="8697"/>
                  </a:cubicBezTo>
                  <a:cubicBezTo>
                    <a:pt x="6993" y="8597"/>
                    <a:pt x="6893" y="8296"/>
                    <a:pt x="6943" y="8196"/>
                  </a:cubicBezTo>
                  <a:cubicBezTo>
                    <a:pt x="7069" y="8071"/>
                    <a:pt x="7294" y="7921"/>
                    <a:pt x="7394" y="7845"/>
                  </a:cubicBezTo>
                  <a:cubicBezTo>
                    <a:pt x="7495" y="7745"/>
                    <a:pt x="7795" y="7620"/>
                    <a:pt x="7896" y="7620"/>
                  </a:cubicBezTo>
                  <a:cubicBezTo>
                    <a:pt x="7918" y="7614"/>
                    <a:pt x="7941" y="7611"/>
                    <a:pt x="7966" y="7611"/>
                  </a:cubicBezTo>
                  <a:cubicBezTo>
                    <a:pt x="8138" y="7611"/>
                    <a:pt x="8369" y="7745"/>
                    <a:pt x="8522" y="7745"/>
                  </a:cubicBezTo>
                  <a:cubicBezTo>
                    <a:pt x="8622" y="7745"/>
                    <a:pt x="8848" y="7695"/>
                    <a:pt x="8898" y="7620"/>
                  </a:cubicBezTo>
                  <a:cubicBezTo>
                    <a:pt x="9024" y="7520"/>
                    <a:pt x="9074" y="7294"/>
                    <a:pt x="9124" y="7244"/>
                  </a:cubicBezTo>
                  <a:cubicBezTo>
                    <a:pt x="9249" y="7169"/>
                    <a:pt x="9525" y="7169"/>
                    <a:pt x="9625" y="7119"/>
                  </a:cubicBezTo>
                  <a:cubicBezTo>
                    <a:pt x="9525" y="7068"/>
                    <a:pt x="9399" y="6768"/>
                    <a:pt x="9349" y="6667"/>
                  </a:cubicBezTo>
                  <a:cubicBezTo>
                    <a:pt x="9249" y="6542"/>
                    <a:pt x="9024" y="6266"/>
                    <a:pt x="8898" y="6091"/>
                  </a:cubicBezTo>
                  <a:cubicBezTo>
                    <a:pt x="8848" y="5941"/>
                    <a:pt x="8673" y="5540"/>
                    <a:pt x="8748" y="5364"/>
                  </a:cubicBezTo>
                  <a:cubicBezTo>
                    <a:pt x="8798" y="5264"/>
                    <a:pt x="9024" y="4963"/>
                    <a:pt x="9124" y="4913"/>
                  </a:cubicBezTo>
                  <a:cubicBezTo>
                    <a:pt x="9182" y="4874"/>
                    <a:pt x="9286" y="4789"/>
                    <a:pt x="9389" y="4789"/>
                  </a:cubicBezTo>
                  <a:cubicBezTo>
                    <a:pt x="9418" y="4789"/>
                    <a:pt x="9447" y="4796"/>
                    <a:pt x="9475" y="4813"/>
                  </a:cubicBezTo>
                  <a:cubicBezTo>
                    <a:pt x="9525" y="4813"/>
                    <a:pt x="9525" y="5038"/>
                    <a:pt x="9575" y="5088"/>
                  </a:cubicBezTo>
                  <a:cubicBezTo>
                    <a:pt x="9625" y="5088"/>
                    <a:pt x="9851" y="5038"/>
                    <a:pt x="9926" y="4913"/>
                  </a:cubicBezTo>
                  <a:cubicBezTo>
                    <a:pt x="9976" y="4863"/>
                    <a:pt x="9976" y="4687"/>
                    <a:pt x="10026" y="4637"/>
                  </a:cubicBezTo>
                  <a:cubicBezTo>
                    <a:pt x="10126" y="4587"/>
                    <a:pt x="10352" y="4587"/>
                    <a:pt x="10427" y="4512"/>
                  </a:cubicBezTo>
                  <a:cubicBezTo>
                    <a:pt x="10527" y="4462"/>
                    <a:pt x="10653" y="4286"/>
                    <a:pt x="10653" y="4186"/>
                  </a:cubicBezTo>
                  <a:cubicBezTo>
                    <a:pt x="10653" y="4061"/>
                    <a:pt x="10527" y="3911"/>
                    <a:pt x="10477" y="3835"/>
                  </a:cubicBezTo>
                  <a:cubicBezTo>
                    <a:pt x="10352" y="3785"/>
                    <a:pt x="10076" y="3735"/>
                    <a:pt x="10026" y="3610"/>
                  </a:cubicBezTo>
                  <a:cubicBezTo>
                    <a:pt x="9976" y="3509"/>
                    <a:pt x="9976" y="3284"/>
                    <a:pt x="10026" y="3159"/>
                  </a:cubicBezTo>
                  <a:cubicBezTo>
                    <a:pt x="10026" y="3058"/>
                    <a:pt x="10201" y="2933"/>
                    <a:pt x="10201" y="2883"/>
                  </a:cubicBezTo>
                  <a:cubicBezTo>
                    <a:pt x="10201" y="2707"/>
                    <a:pt x="10076" y="2482"/>
                    <a:pt x="10076" y="2382"/>
                  </a:cubicBezTo>
                  <a:lnTo>
                    <a:pt x="10076" y="2106"/>
                  </a:lnTo>
                  <a:cubicBezTo>
                    <a:pt x="10126" y="1981"/>
                    <a:pt x="10252" y="1755"/>
                    <a:pt x="10352" y="1655"/>
                  </a:cubicBezTo>
                  <a:cubicBezTo>
                    <a:pt x="10427" y="1580"/>
                    <a:pt x="10527" y="1479"/>
                    <a:pt x="10653" y="1404"/>
                  </a:cubicBezTo>
                  <a:cubicBezTo>
                    <a:pt x="10427" y="1304"/>
                    <a:pt x="10076" y="1254"/>
                    <a:pt x="9926" y="1129"/>
                  </a:cubicBezTo>
                  <a:cubicBezTo>
                    <a:pt x="9800" y="1078"/>
                    <a:pt x="9625" y="953"/>
                    <a:pt x="9525" y="853"/>
                  </a:cubicBezTo>
                  <a:cubicBezTo>
                    <a:pt x="9399" y="803"/>
                    <a:pt x="9199" y="577"/>
                    <a:pt x="9074" y="502"/>
                  </a:cubicBezTo>
                  <a:cubicBezTo>
                    <a:pt x="8986" y="477"/>
                    <a:pt x="8873" y="477"/>
                    <a:pt x="8770" y="477"/>
                  </a:cubicBezTo>
                  <a:cubicBezTo>
                    <a:pt x="8666" y="477"/>
                    <a:pt x="8572" y="477"/>
                    <a:pt x="8522" y="452"/>
                  </a:cubicBezTo>
                  <a:cubicBezTo>
                    <a:pt x="8397" y="452"/>
                    <a:pt x="8297" y="352"/>
                    <a:pt x="8171" y="276"/>
                  </a:cubicBezTo>
                  <a:cubicBezTo>
                    <a:pt x="8021" y="226"/>
                    <a:pt x="7670" y="226"/>
                    <a:pt x="7495" y="126"/>
                  </a:cubicBezTo>
                  <a:cubicBezTo>
                    <a:pt x="7445" y="126"/>
                    <a:pt x="7394" y="51"/>
                    <a:pt x="7344" y="1"/>
                  </a:cubicBezTo>
                  <a:close/>
                </a:path>
              </a:pathLst>
            </a:custGeom>
            <a:solidFill>
              <a:schemeClr val="bg1"/>
            </a:solidFill>
            <a:ln>
              <a:noFill/>
            </a:ln>
          </p:spPr>
          <p:txBody>
            <a:bodyPr spcFirstLastPara="1" wrap="square" lIns="121900" tIns="121900" rIns="121900" bIns="121900" anchor="ctr" anchorCtr="0">
              <a:noAutofit/>
            </a:bodyPr>
            <a:lstStyle/>
            <a:p>
              <a:endParaRPr sz="2400"/>
            </a:p>
          </p:txBody>
        </p:sp>
        <p:sp>
          <p:nvSpPr>
            <p:cNvPr id="281" name="Google Shape;338;p16">
              <a:extLst>
                <a:ext uri="{FF2B5EF4-FFF2-40B4-BE49-F238E27FC236}">
                  <a16:creationId xmlns:a16="http://schemas.microsoft.com/office/drawing/2014/main" id="{330EBC95-EEFF-F796-73EE-0A9C62A76583}"/>
                </a:ext>
              </a:extLst>
            </p:cNvPr>
            <p:cNvSpPr/>
            <p:nvPr/>
          </p:nvSpPr>
          <p:spPr>
            <a:xfrm>
              <a:off x="3097435" y="2733482"/>
              <a:ext cx="297325" cy="249069"/>
            </a:xfrm>
            <a:custGeom>
              <a:avLst/>
              <a:gdLst/>
              <a:ahLst/>
              <a:cxnLst/>
              <a:rect l="l" t="t" r="r" b="b"/>
              <a:pathLst>
                <a:path w="10653" h="8924" fill="none" extrusionOk="0">
                  <a:moveTo>
                    <a:pt x="10477" y="3835"/>
                  </a:moveTo>
                  <a:cubicBezTo>
                    <a:pt x="10527" y="3911"/>
                    <a:pt x="10653" y="4061"/>
                    <a:pt x="10653" y="4186"/>
                  </a:cubicBezTo>
                  <a:cubicBezTo>
                    <a:pt x="10653" y="4286"/>
                    <a:pt x="10527" y="4462"/>
                    <a:pt x="10427" y="4512"/>
                  </a:cubicBezTo>
                  <a:cubicBezTo>
                    <a:pt x="10352" y="4587"/>
                    <a:pt x="10126" y="4587"/>
                    <a:pt x="10026" y="4637"/>
                  </a:cubicBezTo>
                  <a:cubicBezTo>
                    <a:pt x="9976" y="4687"/>
                    <a:pt x="9976" y="4863"/>
                    <a:pt x="9926" y="4913"/>
                  </a:cubicBezTo>
                  <a:cubicBezTo>
                    <a:pt x="9851" y="5038"/>
                    <a:pt x="9625" y="5088"/>
                    <a:pt x="9575" y="5088"/>
                  </a:cubicBezTo>
                  <a:cubicBezTo>
                    <a:pt x="9525" y="5038"/>
                    <a:pt x="9525" y="4813"/>
                    <a:pt x="9475" y="4813"/>
                  </a:cubicBezTo>
                  <a:cubicBezTo>
                    <a:pt x="9349" y="4738"/>
                    <a:pt x="9199" y="4863"/>
                    <a:pt x="9124" y="4913"/>
                  </a:cubicBezTo>
                  <a:cubicBezTo>
                    <a:pt x="9024" y="4963"/>
                    <a:pt x="8798" y="5264"/>
                    <a:pt x="8748" y="5364"/>
                  </a:cubicBezTo>
                  <a:cubicBezTo>
                    <a:pt x="8673" y="5540"/>
                    <a:pt x="8848" y="5941"/>
                    <a:pt x="8898" y="6091"/>
                  </a:cubicBezTo>
                  <a:cubicBezTo>
                    <a:pt x="9024" y="6266"/>
                    <a:pt x="9249" y="6542"/>
                    <a:pt x="9349" y="6667"/>
                  </a:cubicBezTo>
                  <a:cubicBezTo>
                    <a:pt x="9399" y="6768"/>
                    <a:pt x="9525" y="7068"/>
                    <a:pt x="9625" y="7119"/>
                  </a:cubicBezTo>
                  <a:cubicBezTo>
                    <a:pt x="9525" y="7169"/>
                    <a:pt x="9249" y="7169"/>
                    <a:pt x="9124" y="7244"/>
                  </a:cubicBezTo>
                  <a:cubicBezTo>
                    <a:pt x="9074" y="7294"/>
                    <a:pt x="9024" y="7520"/>
                    <a:pt x="8898" y="7620"/>
                  </a:cubicBezTo>
                  <a:cubicBezTo>
                    <a:pt x="8848" y="7695"/>
                    <a:pt x="8622" y="7745"/>
                    <a:pt x="8522" y="7745"/>
                  </a:cubicBezTo>
                  <a:cubicBezTo>
                    <a:pt x="8347" y="7745"/>
                    <a:pt x="8071" y="7570"/>
                    <a:pt x="7896" y="7620"/>
                  </a:cubicBezTo>
                  <a:cubicBezTo>
                    <a:pt x="7795" y="7620"/>
                    <a:pt x="7495" y="7745"/>
                    <a:pt x="7394" y="7845"/>
                  </a:cubicBezTo>
                  <a:cubicBezTo>
                    <a:pt x="7294" y="7921"/>
                    <a:pt x="7069" y="8071"/>
                    <a:pt x="6943" y="8196"/>
                  </a:cubicBezTo>
                  <a:cubicBezTo>
                    <a:pt x="6893" y="8296"/>
                    <a:pt x="6993" y="8597"/>
                    <a:pt x="6893" y="8697"/>
                  </a:cubicBezTo>
                  <a:cubicBezTo>
                    <a:pt x="6843" y="8823"/>
                    <a:pt x="6542" y="8923"/>
                    <a:pt x="6442" y="8873"/>
                  </a:cubicBezTo>
                  <a:cubicBezTo>
                    <a:pt x="6342" y="8873"/>
                    <a:pt x="6166" y="8522"/>
                    <a:pt x="6041" y="8472"/>
                  </a:cubicBezTo>
                  <a:cubicBezTo>
                    <a:pt x="5941" y="8422"/>
                    <a:pt x="5665" y="8296"/>
                    <a:pt x="5540" y="8372"/>
                  </a:cubicBezTo>
                  <a:cubicBezTo>
                    <a:pt x="5490" y="8372"/>
                    <a:pt x="5490" y="8522"/>
                    <a:pt x="5440" y="8522"/>
                  </a:cubicBezTo>
                  <a:cubicBezTo>
                    <a:pt x="5264" y="8647"/>
                    <a:pt x="4863" y="8697"/>
                    <a:pt x="4713" y="8647"/>
                  </a:cubicBezTo>
                  <a:cubicBezTo>
                    <a:pt x="4587" y="8647"/>
                    <a:pt x="4487" y="8522"/>
                    <a:pt x="4362" y="8472"/>
                  </a:cubicBezTo>
                  <a:cubicBezTo>
                    <a:pt x="4312" y="8472"/>
                    <a:pt x="4211" y="8422"/>
                    <a:pt x="4136" y="8422"/>
                  </a:cubicBezTo>
                  <a:cubicBezTo>
                    <a:pt x="4036" y="8472"/>
                    <a:pt x="3911" y="8697"/>
                    <a:pt x="3810" y="8697"/>
                  </a:cubicBezTo>
                  <a:cubicBezTo>
                    <a:pt x="3760" y="8748"/>
                    <a:pt x="3535" y="8748"/>
                    <a:pt x="3485" y="8697"/>
                  </a:cubicBezTo>
                  <a:cubicBezTo>
                    <a:pt x="3359" y="8597"/>
                    <a:pt x="3359" y="8296"/>
                    <a:pt x="3359" y="8196"/>
                  </a:cubicBezTo>
                  <a:cubicBezTo>
                    <a:pt x="3359" y="8071"/>
                    <a:pt x="3485" y="7921"/>
                    <a:pt x="3409" y="7795"/>
                  </a:cubicBezTo>
                  <a:cubicBezTo>
                    <a:pt x="3409" y="7745"/>
                    <a:pt x="3259" y="7695"/>
                    <a:pt x="3184" y="7695"/>
                  </a:cubicBezTo>
                  <a:cubicBezTo>
                    <a:pt x="3084" y="7620"/>
                    <a:pt x="2808" y="7695"/>
                    <a:pt x="2632" y="7620"/>
                  </a:cubicBezTo>
                  <a:cubicBezTo>
                    <a:pt x="2582" y="7620"/>
                    <a:pt x="2457" y="7469"/>
                    <a:pt x="2407" y="7394"/>
                  </a:cubicBezTo>
                  <a:cubicBezTo>
                    <a:pt x="2307" y="7344"/>
                    <a:pt x="2081" y="7344"/>
                    <a:pt x="1956" y="7394"/>
                  </a:cubicBezTo>
                  <a:cubicBezTo>
                    <a:pt x="1906" y="7394"/>
                    <a:pt x="1730" y="7520"/>
                    <a:pt x="1730" y="7570"/>
                  </a:cubicBezTo>
                  <a:cubicBezTo>
                    <a:pt x="1680" y="7695"/>
                    <a:pt x="1730" y="7921"/>
                    <a:pt x="1730" y="8021"/>
                  </a:cubicBezTo>
                  <a:cubicBezTo>
                    <a:pt x="1730" y="8146"/>
                    <a:pt x="1730" y="8372"/>
                    <a:pt x="1680" y="8422"/>
                  </a:cubicBezTo>
                  <a:cubicBezTo>
                    <a:pt x="1580" y="8522"/>
                    <a:pt x="1354" y="8472"/>
                    <a:pt x="1229" y="8472"/>
                  </a:cubicBezTo>
                  <a:cubicBezTo>
                    <a:pt x="1129" y="8472"/>
                    <a:pt x="953" y="8422"/>
                    <a:pt x="903" y="8372"/>
                  </a:cubicBezTo>
                  <a:cubicBezTo>
                    <a:pt x="853" y="8296"/>
                    <a:pt x="903" y="8146"/>
                    <a:pt x="778" y="8071"/>
                  </a:cubicBezTo>
                  <a:cubicBezTo>
                    <a:pt x="728" y="7971"/>
                    <a:pt x="402" y="7971"/>
                    <a:pt x="277" y="7971"/>
                  </a:cubicBezTo>
                  <a:cubicBezTo>
                    <a:pt x="226" y="7921"/>
                    <a:pt x="126" y="7971"/>
                    <a:pt x="1" y="7971"/>
                  </a:cubicBezTo>
                  <a:lnTo>
                    <a:pt x="1" y="7620"/>
                  </a:lnTo>
                  <a:cubicBezTo>
                    <a:pt x="1" y="7520"/>
                    <a:pt x="126" y="7294"/>
                    <a:pt x="176" y="7169"/>
                  </a:cubicBezTo>
                  <a:cubicBezTo>
                    <a:pt x="226" y="7068"/>
                    <a:pt x="402" y="6993"/>
                    <a:pt x="452" y="6893"/>
                  </a:cubicBezTo>
                  <a:cubicBezTo>
                    <a:pt x="502" y="6768"/>
                    <a:pt x="552" y="6442"/>
                    <a:pt x="552" y="6266"/>
                  </a:cubicBezTo>
                  <a:cubicBezTo>
                    <a:pt x="552" y="6091"/>
                    <a:pt x="502" y="5765"/>
                    <a:pt x="402" y="5590"/>
                  </a:cubicBezTo>
                  <a:cubicBezTo>
                    <a:pt x="452" y="5489"/>
                    <a:pt x="552" y="5364"/>
                    <a:pt x="552" y="5314"/>
                  </a:cubicBezTo>
                  <a:cubicBezTo>
                    <a:pt x="627" y="5189"/>
                    <a:pt x="678" y="4963"/>
                    <a:pt x="778" y="4913"/>
                  </a:cubicBezTo>
                  <a:cubicBezTo>
                    <a:pt x="853" y="4863"/>
                    <a:pt x="1003" y="4913"/>
                    <a:pt x="1079" y="4913"/>
                  </a:cubicBezTo>
                  <a:cubicBezTo>
                    <a:pt x="1129" y="4963"/>
                    <a:pt x="1229" y="5088"/>
                    <a:pt x="1279" y="5088"/>
                  </a:cubicBezTo>
                  <a:cubicBezTo>
                    <a:pt x="1354" y="5088"/>
                    <a:pt x="1505" y="4963"/>
                    <a:pt x="1580" y="4913"/>
                  </a:cubicBezTo>
                  <a:cubicBezTo>
                    <a:pt x="1630" y="4813"/>
                    <a:pt x="1580" y="4637"/>
                    <a:pt x="1630" y="4512"/>
                  </a:cubicBezTo>
                  <a:cubicBezTo>
                    <a:pt x="1630" y="4412"/>
                    <a:pt x="1680" y="4186"/>
                    <a:pt x="1730" y="4061"/>
                  </a:cubicBezTo>
                  <a:cubicBezTo>
                    <a:pt x="1856" y="4011"/>
                    <a:pt x="2131" y="4186"/>
                    <a:pt x="2231" y="4136"/>
                  </a:cubicBezTo>
                  <a:cubicBezTo>
                    <a:pt x="2307" y="4061"/>
                    <a:pt x="2307" y="3961"/>
                    <a:pt x="2307" y="3911"/>
                  </a:cubicBezTo>
                  <a:cubicBezTo>
                    <a:pt x="2307" y="3785"/>
                    <a:pt x="2181" y="3685"/>
                    <a:pt x="2181" y="3610"/>
                  </a:cubicBezTo>
                  <a:cubicBezTo>
                    <a:pt x="2131" y="3509"/>
                    <a:pt x="2081" y="3284"/>
                    <a:pt x="2081" y="3159"/>
                  </a:cubicBezTo>
                  <a:cubicBezTo>
                    <a:pt x="2081" y="3058"/>
                    <a:pt x="2231" y="2883"/>
                    <a:pt x="2307" y="2783"/>
                  </a:cubicBezTo>
                  <a:cubicBezTo>
                    <a:pt x="2357" y="2707"/>
                    <a:pt x="2532" y="2657"/>
                    <a:pt x="2632" y="2657"/>
                  </a:cubicBezTo>
                  <a:cubicBezTo>
                    <a:pt x="2683" y="2607"/>
                    <a:pt x="2908" y="2607"/>
                    <a:pt x="2958" y="2657"/>
                  </a:cubicBezTo>
                  <a:cubicBezTo>
                    <a:pt x="3033" y="2657"/>
                    <a:pt x="2958" y="2833"/>
                    <a:pt x="3033" y="2833"/>
                  </a:cubicBezTo>
                  <a:cubicBezTo>
                    <a:pt x="3134" y="2883"/>
                    <a:pt x="3259" y="2657"/>
                    <a:pt x="3359" y="2607"/>
                  </a:cubicBezTo>
                  <a:cubicBezTo>
                    <a:pt x="3485" y="2607"/>
                    <a:pt x="3710" y="2607"/>
                    <a:pt x="3810" y="2657"/>
                  </a:cubicBezTo>
                  <a:cubicBezTo>
                    <a:pt x="3911" y="2707"/>
                    <a:pt x="3986" y="2933"/>
                    <a:pt x="3986" y="3058"/>
                  </a:cubicBezTo>
                  <a:cubicBezTo>
                    <a:pt x="4036" y="3159"/>
                    <a:pt x="3986" y="3459"/>
                    <a:pt x="4036" y="3560"/>
                  </a:cubicBezTo>
                  <a:cubicBezTo>
                    <a:pt x="4086" y="3685"/>
                    <a:pt x="4262" y="3835"/>
                    <a:pt x="4362" y="3835"/>
                  </a:cubicBezTo>
                  <a:cubicBezTo>
                    <a:pt x="4537" y="3911"/>
                    <a:pt x="4863" y="3961"/>
                    <a:pt x="5039" y="3835"/>
                  </a:cubicBezTo>
                  <a:cubicBezTo>
                    <a:pt x="5214" y="3785"/>
                    <a:pt x="5490" y="3459"/>
                    <a:pt x="5615" y="3234"/>
                  </a:cubicBezTo>
                  <a:cubicBezTo>
                    <a:pt x="5665" y="3108"/>
                    <a:pt x="5665" y="2707"/>
                    <a:pt x="5765" y="2607"/>
                  </a:cubicBezTo>
                  <a:cubicBezTo>
                    <a:pt x="5891" y="2482"/>
                    <a:pt x="6166" y="2432"/>
                    <a:pt x="6267" y="2332"/>
                  </a:cubicBezTo>
                  <a:cubicBezTo>
                    <a:pt x="6342" y="2206"/>
                    <a:pt x="6342" y="1931"/>
                    <a:pt x="6342" y="1805"/>
                  </a:cubicBezTo>
                  <a:cubicBezTo>
                    <a:pt x="6342" y="1705"/>
                    <a:pt x="6166" y="1404"/>
                    <a:pt x="6216" y="1304"/>
                  </a:cubicBezTo>
                  <a:cubicBezTo>
                    <a:pt x="6267" y="1179"/>
                    <a:pt x="6492" y="1028"/>
                    <a:pt x="6617" y="903"/>
                  </a:cubicBezTo>
                  <a:cubicBezTo>
                    <a:pt x="6668" y="803"/>
                    <a:pt x="6768" y="502"/>
                    <a:pt x="6843" y="352"/>
                  </a:cubicBezTo>
                  <a:cubicBezTo>
                    <a:pt x="6893" y="276"/>
                    <a:pt x="7069" y="176"/>
                    <a:pt x="7119" y="126"/>
                  </a:cubicBezTo>
                  <a:cubicBezTo>
                    <a:pt x="7169" y="51"/>
                    <a:pt x="7294" y="51"/>
                    <a:pt x="7344" y="1"/>
                  </a:cubicBezTo>
                  <a:cubicBezTo>
                    <a:pt x="7394" y="51"/>
                    <a:pt x="7445" y="126"/>
                    <a:pt x="7495" y="126"/>
                  </a:cubicBezTo>
                  <a:cubicBezTo>
                    <a:pt x="7670" y="226"/>
                    <a:pt x="8021" y="226"/>
                    <a:pt x="8171" y="276"/>
                  </a:cubicBezTo>
                  <a:cubicBezTo>
                    <a:pt x="8297" y="352"/>
                    <a:pt x="8397" y="452"/>
                    <a:pt x="8522" y="452"/>
                  </a:cubicBezTo>
                  <a:cubicBezTo>
                    <a:pt x="8622" y="502"/>
                    <a:pt x="8898" y="452"/>
                    <a:pt x="9074" y="502"/>
                  </a:cubicBezTo>
                  <a:cubicBezTo>
                    <a:pt x="9199" y="577"/>
                    <a:pt x="9399" y="803"/>
                    <a:pt x="9525" y="853"/>
                  </a:cubicBezTo>
                  <a:cubicBezTo>
                    <a:pt x="9625" y="953"/>
                    <a:pt x="9800" y="1078"/>
                    <a:pt x="9926" y="1129"/>
                  </a:cubicBezTo>
                  <a:cubicBezTo>
                    <a:pt x="10076" y="1254"/>
                    <a:pt x="10427" y="1304"/>
                    <a:pt x="10653" y="1404"/>
                  </a:cubicBezTo>
                  <a:cubicBezTo>
                    <a:pt x="10527" y="1479"/>
                    <a:pt x="10427" y="1580"/>
                    <a:pt x="10352" y="1655"/>
                  </a:cubicBezTo>
                  <a:cubicBezTo>
                    <a:pt x="10252" y="1755"/>
                    <a:pt x="10126" y="1981"/>
                    <a:pt x="10076" y="2106"/>
                  </a:cubicBezTo>
                  <a:lnTo>
                    <a:pt x="10076" y="2382"/>
                  </a:lnTo>
                  <a:cubicBezTo>
                    <a:pt x="10076" y="2482"/>
                    <a:pt x="10201" y="2707"/>
                    <a:pt x="10201" y="2883"/>
                  </a:cubicBezTo>
                  <a:cubicBezTo>
                    <a:pt x="10201" y="2933"/>
                    <a:pt x="10026" y="3058"/>
                    <a:pt x="10026" y="3159"/>
                  </a:cubicBezTo>
                  <a:cubicBezTo>
                    <a:pt x="9976" y="3284"/>
                    <a:pt x="9976" y="3509"/>
                    <a:pt x="10026" y="3610"/>
                  </a:cubicBezTo>
                  <a:cubicBezTo>
                    <a:pt x="10076" y="3735"/>
                    <a:pt x="10352" y="3785"/>
                    <a:pt x="10477" y="3835"/>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82" name="Google Shape;339;p16">
              <a:extLst>
                <a:ext uri="{FF2B5EF4-FFF2-40B4-BE49-F238E27FC236}">
                  <a16:creationId xmlns:a16="http://schemas.microsoft.com/office/drawing/2014/main" id="{963FC8B2-030D-F804-FB22-CF2AC47A970D}"/>
                </a:ext>
              </a:extLst>
            </p:cNvPr>
            <p:cNvSpPr/>
            <p:nvPr/>
          </p:nvSpPr>
          <p:spPr>
            <a:xfrm>
              <a:off x="2224466" y="1156120"/>
              <a:ext cx="572909" cy="667356"/>
            </a:xfrm>
            <a:custGeom>
              <a:avLst/>
              <a:gdLst/>
              <a:ahLst/>
              <a:cxnLst/>
              <a:rect l="l" t="t" r="r" b="b"/>
              <a:pathLst>
                <a:path w="20527" h="23911" extrusionOk="0">
                  <a:moveTo>
                    <a:pt x="5815" y="21830"/>
                  </a:moveTo>
                  <a:cubicBezTo>
                    <a:pt x="5640" y="21755"/>
                    <a:pt x="5414" y="21654"/>
                    <a:pt x="5364" y="21529"/>
                  </a:cubicBezTo>
                  <a:cubicBezTo>
                    <a:pt x="5239" y="21479"/>
                    <a:pt x="5138" y="21253"/>
                    <a:pt x="5088" y="21203"/>
                  </a:cubicBezTo>
                  <a:cubicBezTo>
                    <a:pt x="5013" y="21153"/>
                    <a:pt x="4863" y="21028"/>
                    <a:pt x="4788" y="20978"/>
                  </a:cubicBezTo>
                  <a:cubicBezTo>
                    <a:pt x="4737" y="20928"/>
                    <a:pt x="4737" y="20702"/>
                    <a:pt x="4687" y="20577"/>
                  </a:cubicBezTo>
                  <a:cubicBezTo>
                    <a:pt x="4637" y="20476"/>
                    <a:pt x="4462" y="20251"/>
                    <a:pt x="4336" y="20126"/>
                  </a:cubicBezTo>
                  <a:cubicBezTo>
                    <a:pt x="4236" y="20025"/>
                    <a:pt x="3835" y="19975"/>
                    <a:pt x="3735" y="19850"/>
                  </a:cubicBezTo>
                  <a:cubicBezTo>
                    <a:pt x="3559" y="19800"/>
                    <a:pt x="3158" y="19674"/>
                    <a:pt x="3058" y="19524"/>
                  </a:cubicBezTo>
                  <a:cubicBezTo>
                    <a:pt x="2933" y="19399"/>
                    <a:pt x="2757" y="19073"/>
                    <a:pt x="2657" y="18948"/>
                  </a:cubicBezTo>
                  <a:cubicBezTo>
                    <a:pt x="2607" y="18847"/>
                    <a:pt x="2381" y="18547"/>
                    <a:pt x="2256" y="18446"/>
                  </a:cubicBezTo>
                  <a:cubicBezTo>
                    <a:pt x="2206" y="18396"/>
                    <a:pt x="2031" y="18271"/>
                    <a:pt x="1980" y="18271"/>
                  </a:cubicBezTo>
                  <a:cubicBezTo>
                    <a:pt x="1855" y="18221"/>
                    <a:pt x="1630" y="18271"/>
                    <a:pt x="1529" y="18221"/>
                  </a:cubicBezTo>
                  <a:cubicBezTo>
                    <a:pt x="1404" y="18221"/>
                    <a:pt x="1254" y="18095"/>
                    <a:pt x="1178" y="18045"/>
                  </a:cubicBezTo>
                  <a:cubicBezTo>
                    <a:pt x="1078" y="17945"/>
                    <a:pt x="953" y="17720"/>
                    <a:pt x="903" y="17594"/>
                  </a:cubicBezTo>
                  <a:cubicBezTo>
                    <a:pt x="853" y="17444"/>
                    <a:pt x="803" y="17143"/>
                    <a:pt x="803" y="17043"/>
                  </a:cubicBezTo>
                  <a:cubicBezTo>
                    <a:pt x="727" y="16867"/>
                    <a:pt x="627" y="16542"/>
                    <a:pt x="577" y="16366"/>
                  </a:cubicBezTo>
                  <a:cubicBezTo>
                    <a:pt x="502" y="16191"/>
                    <a:pt x="226" y="15965"/>
                    <a:pt x="176" y="15865"/>
                  </a:cubicBezTo>
                  <a:cubicBezTo>
                    <a:pt x="126" y="15639"/>
                    <a:pt x="51" y="15238"/>
                    <a:pt x="1" y="15013"/>
                  </a:cubicBezTo>
                  <a:cubicBezTo>
                    <a:pt x="1" y="14787"/>
                    <a:pt x="51" y="14336"/>
                    <a:pt x="176" y="14110"/>
                  </a:cubicBezTo>
                  <a:cubicBezTo>
                    <a:pt x="226" y="13935"/>
                    <a:pt x="452" y="13709"/>
                    <a:pt x="577" y="13609"/>
                  </a:cubicBezTo>
                  <a:cubicBezTo>
                    <a:pt x="677" y="13434"/>
                    <a:pt x="953" y="13258"/>
                    <a:pt x="1078" y="13158"/>
                  </a:cubicBezTo>
                  <a:cubicBezTo>
                    <a:pt x="1128" y="13033"/>
                    <a:pt x="1304" y="12807"/>
                    <a:pt x="1354" y="12707"/>
                  </a:cubicBezTo>
                  <a:cubicBezTo>
                    <a:pt x="1354" y="12532"/>
                    <a:pt x="1354" y="12256"/>
                    <a:pt x="1404" y="12080"/>
                  </a:cubicBezTo>
                  <a:lnTo>
                    <a:pt x="1404" y="11579"/>
                  </a:lnTo>
                  <a:cubicBezTo>
                    <a:pt x="1529" y="11579"/>
                    <a:pt x="1630" y="11529"/>
                    <a:pt x="1755" y="11529"/>
                  </a:cubicBezTo>
                  <a:cubicBezTo>
                    <a:pt x="1855" y="11529"/>
                    <a:pt x="2256" y="11529"/>
                    <a:pt x="2306" y="11629"/>
                  </a:cubicBezTo>
                  <a:cubicBezTo>
                    <a:pt x="2432" y="11755"/>
                    <a:pt x="2381" y="12030"/>
                    <a:pt x="2381" y="12156"/>
                  </a:cubicBezTo>
                  <a:cubicBezTo>
                    <a:pt x="2306" y="12256"/>
                    <a:pt x="2206" y="12356"/>
                    <a:pt x="2206" y="12481"/>
                  </a:cubicBezTo>
                  <a:cubicBezTo>
                    <a:pt x="2206" y="12582"/>
                    <a:pt x="2306" y="12882"/>
                    <a:pt x="2432" y="12933"/>
                  </a:cubicBezTo>
                  <a:cubicBezTo>
                    <a:pt x="2532" y="12983"/>
                    <a:pt x="2757" y="12983"/>
                    <a:pt x="2883" y="12933"/>
                  </a:cubicBezTo>
                  <a:cubicBezTo>
                    <a:pt x="2983" y="12882"/>
                    <a:pt x="2983" y="12582"/>
                    <a:pt x="3108" y="12532"/>
                  </a:cubicBezTo>
                  <a:cubicBezTo>
                    <a:pt x="3158" y="12481"/>
                    <a:pt x="3384" y="12532"/>
                    <a:pt x="3434" y="12582"/>
                  </a:cubicBezTo>
                  <a:cubicBezTo>
                    <a:pt x="3559" y="12657"/>
                    <a:pt x="3610" y="12882"/>
                    <a:pt x="3735" y="12933"/>
                  </a:cubicBezTo>
                  <a:cubicBezTo>
                    <a:pt x="3835" y="12983"/>
                    <a:pt x="4061" y="13108"/>
                    <a:pt x="4186" y="13033"/>
                  </a:cubicBezTo>
                  <a:cubicBezTo>
                    <a:pt x="4336" y="13033"/>
                    <a:pt x="4562" y="12807"/>
                    <a:pt x="4687" y="12707"/>
                  </a:cubicBezTo>
                  <a:cubicBezTo>
                    <a:pt x="4737" y="12582"/>
                    <a:pt x="4788" y="12306"/>
                    <a:pt x="4913" y="12206"/>
                  </a:cubicBezTo>
                  <a:cubicBezTo>
                    <a:pt x="4963" y="12156"/>
                    <a:pt x="5138" y="12080"/>
                    <a:pt x="5189" y="12030"/>
                  </a:cubicBezTo>
                  <a:cubicBezTo>
                    <a:pt x="5314" y="11855"/>
                    <a:pt x="5314" y="11479"/>
                    <a:pt x="5314" y="11303"/>
                  </a:cubicBezTo>
                  <a:cubicBezTo>
                    <a:pt x="5364" y="11128"/>
                    <a:pt x="5314" y="10852"/>
                    <a:pt x="5364" y="10727"/>
                  </a:cubicBezTo>
                  <a:cubicBezTo>
                    <a:pt x="5414" y="10577"/>
                    <a:pt x="5690" y="10351"/>
                    <a:pt x="5815" y="10226"/>
                  </a:cubicBezTo>
                  <a:cubicBezTo>
                    <a:pt x="5915" y="10176"/>
                    <a:pt x="6141" y="10125"/>
                    <a:pt x="6266" y="10125"/>
                  </a:cubicBezTo>
                  <a:cubicBezTo>
                    <a:pt x="6316" y="10125"/>
                    <a:pt x="6442" y="10176"/>
                    <a:pt x="6492" y="10176"/>
                  </a:cubicBezTo>
                  <a:cubicBezTo>
                    <a:pt x="6592" y="10176"/>
                    <a:pt x="6767" y="10050"/>
                    <a:pt x="6818" y="9950"/>
                  </a:cubicBezTo>
                  <a:cubicBezTo>
                    <a:pt x="6818" y="9900"/>
                    <a:pt x="6893" y="9724"/>
                    <a:pt x="6818" y="9599"/>
                  </a:cubicBezTo>
                  <a:cubicBezTo>
                    <a:pt x="6767" y="9549"/>
                    <a:pt x="6542" y="9674"/>
                    <a:pt x="6492" y="9599"/>
                  </a:cubicBezTo>
                  <a:cubicBezTo>
                    <a:pt x="6442" y="9549"/>
                    <a:pt x="6442" y="9399"/>
                    <a:pt x="6442" y="9273"/>
                  </a:cubicBezTo>
                  <a:cubicBezTo>
                    <a:pt x="6492" y="9098"/>
                    <a:pt x="6767" y="8948"/>
                    <a:pt x="6943" y="8872"/>
                  </a:cubicBezTo>
                  <a:cubicBezTo>
                    <a:pt x="7043" y="8822"/>
                    <a:pt x="7344" y="8822"/>
                    <a:pt x="7444" y="8822"/>
                  </a:cubicBezTo>
                  <a:cubicBezTo>
                    <a:pt x="7569" y="8872"/>
                    <a:pt x="7720" y="8998"/>
                    <a:pt x="7795" y="9048"/>
                  </a:cubicBezTo>
                  <a:cubicBezTo>
                    <a:pt x="7845" y="9173"/>
                    <a:pt x="7845" y="9399"/>
                    <a:pt x="7895" y="9449"/>
                  </a:cubicBezTo>
                  <a:cubicBezTo>
                    <a:pt x="7945" y="9549"/>
                    <a:pt x="8121" y="9674"/>
                    <a:pt x="8171" y="9724"/>
                  </a:cubicBezTo>
                  <a:cubicBezTo>
                    <a:pt x="8346" y="9724"/>
                    <a:pt x="8572" y="9499"/>
                    <a:pt x="8697" y="9399"/>
                  </a:cubicBezTo>
                  <a:cubicBezTo>
                    <a:pt x="8798" y="9273"/>
                    <a:pt x="9023" y="8998"/>
                    <a:pt x="9148" y="8822"/>
                  </a:cubicBezTo>
                  <a:cubicBezTo>
                    <a:pt x="9148" y="8722"/>
                    <a:pt x="9148" y="8496"/>
                    <a:pt x="9199" y="8371"/>
                  </a:cubicBezTo>
                  <a:cubicBezTo>
                    <a:pt x="9199" y="8271"/>
                    <a:pt x="9148" y="8045"/>
                    <a:pt x="9199" y="7920"/>
                  </a:cubicBezTo>
                  <a:cubicBezTo>
                    <a:pt x="9249" y="7820"/>
                    <a:pt x="9374" y="7694"/>
                    <a:pt x="9474" y="7644"/>
                  </a:cubicBezTo>
                  <a:cubicBezTo>
                    <a:pt x="9650" y="7594"/>
                    <a:pt x="9976" y="7594"/>
                    <a:pt x="10201" y="7594"/>
                  </a:cubicBezTo>
                  <a:cubicBezTo>
                    <a:pt x="10276" y="7594"/>
                    <a:pt x="10427" y="7644"/>
                    <a:pt x="10552" y="7594"/>
                  </a:cubicBezTo>
                  <a:cubicBezTo>
                    <a:pt x="10727" y="7519"/>
                    <a:pt x="10828" y="7143"/>
                    <a:pt x="10878" y="6968"/>
                  </a:cubicBezTo>
                  <a:cubicBezTo>
                    <a:pt x="10953" y="6842"/>
                    <a:pt x="11103" y="6567"/>
                    <a:pt x="11103" y="6416"/>
                  </a:cubicBezTo>
                  <a:cubicBezTo>
                    <a:pt x="11179" y="6291"/>
                    <a:pt x="11179" y="5965"/>
                    <a:pt x="11103" y="5840"/>
                  </a:cubicBezTo>
                  <a:cubicBezTo>
                    <a:pt x="11003" y="5664"/>
                    <a:pt x="10727" y="5514"/>
                    <a:pt x="10602" y="5389"/>
                  </a:cubicBezTo>
                  <a:cubicBezTo>
                    <a:pt x="10427" y="5288"/>
                    <a:pt x="10101" y="5163"/>
                    <a:pt x="9976" y="5063"/>
                  </a:cubicBezTo>
                  <a:cubicBezTo>
                    <a:pt x="9925" y="4988"/>
                    <a:pt x="9750" y="4762"/>
                    <a:pt x="9750" y="4662"/>
                  </a:cubicBezTo>
                  <a:cubicBezTo>
                    <a:pt x="9700" y="4536"/>
                    <a:pt x="9825" y="4211"/>
                    <a:pt x="9875" y="4085"/>
                  </a:cubicBezTo>
                  <a:cubicBezTo>
                    <a:pt x="9925" y="3985"/>
                    <a:pt x="10201" y="3860"/>
                    <a:pt x="10276" y="3760"/>
                  </a:cubicBezTo>
                  <a:cubicBezTo>
                    <a:pt x="10377" y="3659"/>
                    <a:pt x="10552" y="3434"/>
                    <a:pt x="10552" y="3258"/>
                  </a:cubicBezTo>
                  <a:cubicBezTo>
                    <a:pt x="10552" y="3133"/>
                    <a:pt x="10427" y="2983"/>
                    <a:pt x="10377" y="2907"/>
                  </a:cubicBezTo>
                  <a:cubicBezTo>
                    <a:pt x="10326" y="2857"/>
                    <a:pt x="10051" y="2807"/>
                    <a:pt x="10051" y="2682"/>
                  </a:cubicBezTo>
                  <a:cubicBezTo>
                    <a:pt x="9976" y="2632"/>
                    <a:pt x="10051" y="2456"/>
                    <a:pt x="10101" y="2406"/>
                  </a:cubicBezTo>
                  <a:cubicBezTo>
                    <a:pt x="10201" y="2306"/>
                    <a:pt x="10602" y="2231"/>
                    <a:pt x="10778" y="2231"/>
                  </a:cubicBezTo>
                  <a:cubicBezTo>
                    <a:pt x="10878" y="2231"/>
                    <a:pt x="11103" y="2356"/>
                    <a:pt x="11229" y="2306"/>
                  </a:cubicBezTo>
                  <a:cubicBezTo>
                    <a:pt x="11329" y="2306"/>
                    <a:pt x="11630" y="2231"/>
                    <a:pt x="11680" y="2130"/>
                  </a:cubicBezTo>
                  <a:cubicBezTo>
                    <a:pt x="11780" y="2005"/>
                    <a:pt x="11680" y="1629"/>
                    <a:pt x="11730" y="1454"/>
                  </a:cubicBezTo>
                  <a:cubicBezTo>
                    <a:pt x="11780" y="1328"/>
                    <a:pt x="11855" y="1103"/>
                    <a:pt x="11905" y="1003"/>
                  </a:cubicBezTo>
                  <a:cubicBezTo>
                    <a:pt x="12006" y="952"/>
                    <a:pt x="12356" y="827"/>
                    <a:pt x="12457" y="902"/>
                  </a:cubicBezTo>
                  <a:cubicBezTo>
                    <a:pt x="12632" y="952"/>
                    <a:pt x="12808" y="1228"/>
                    <a:pt x="12983" y="1278"/>
                  </a:cubicBezTo>
                  <a:cubicBezTo>
                    <a:pt x="13083" y="1328"/>
                    <a:pt x="13359" y="1404"/>
                    <a:pt x="13484" y="1404"/>
                  </a:cubicBezTo>
                  <a:cubicBezTo>
                    <a:pt x="13585" y="1328"/>
                    <a:pt x="13810" y="1178"/>
                    <a:pt x="13935" y="1103"/>
                  </a:cubicBezTo>
                  <a:cubicBezTo>
                    <a:pt x="14036" y="1053"/>
                    <a:pt x="14387" y="1178"/>
                    <a:pt x="14437" y="1053"/>
                  </a:cubicBezTo>
                  <a:cubicBezTo>
                    <a:pt x="14612" y="952"/>
                    <a:pt x="14562" y="501"/>
                    <a:pt x="14662" y="326"/>
                  </a:cubicBezTo>
                  <a:cubicBezTo>
                    <a:pt x="14662" y="226"/>
                    <a:pt x="14888" y="100"/>
                    <a:pt x="15013" y="0"/>
                  </a:cubicBezTo>
                  <a:cubicBezTo>
                    <a:pt x="15063" y="50"/>
                    <a:pt x="15113" y="100"/>
                    <a:pt x="15164" y="150"/>
                  </a:cubicBezTo>
                  <a:cubicBezTo>
                    <a:pt x="15164" y="226"/>
                    <a:pt x="15164" y="326"/>
                    <a:pt x="15239" y="326"/>
                  </a:cubicBezTo>
                  <a:cubicBezTo>
                    <a:pt x="15239" y="376"/>
                    <a:pt x="15389" y="376"/>
                    <a:pt x="15464" y="376"/>
                  </a:cubicBezTo>
                  <a:cubicBezTo>
                    <a:pt x="15514" y="451"/>
                    <a:pt x="15740" y="501"/>
                    <a:pt x="15790" y="551"/>
                  </a:cubicBezTo>
                  <a:cubicBezTo>
                    <a:pt x="15915" y="602"/>
                    <a:pt x="16016" y="777"/>
                    <a:pt x="16141" y="827"/>
                  </a:cubicBezTo>
                  <a:lnTo>
                    <a:pt x="16417" y="827"/>
                  </a:lnTo>
                  <a:cubicBezTo>
                    <a:pt x="16467" y="827"/>
                    <a:pt x="16692" y="827"/>
                    <a:pt x="16742" y="777"/>
                  </a:cubicBezTo>
                  <a:cubicBezTo>
                    <a:pt x="16818" y="777"/>
                    <a:pt x="16918" y="827"/>
                    <a:pt x="16968" y="827"/>
                  </a:cubicBezTo>
                  <a:cubicBezTo>
                    <a:pt x="17093" y="827"/>
                    <a:pt x="17269" y="727"/>
                    <a:pt x="17369" y="777"/>
                  </a:cubicBezTo>
                  <a:cubicBezTo>
                    <a:pt x="17494" y="777"/>
                    <a:pt x="17595" y="952"/>
                    <a:pt x="17645" y="952"/>
                  </a:cubicBezTo>
                  <a:lnTo>
                    <a:pt x="17645" y="1003"/>
                  </a:lnTo>
                  <a:cubicBezTo>
                    <a:pt x="17645" y="1178"/>
                    <a:pt x="17595" y="1328"/>
                    <a:pt x="17595" y="1454"/>
                  </a:cubicBezTo>
                  <a:cubicBezTo>
                    <a:pt x="17595" y="1554"/>
                    <a:pt x="17595" y="1729"/>
                    <a:pt x="17544" y="1780"/>
                  </a:cubicBezTo>
                  <a:cubicBezTo>
                    <a:pt x="17494" y="1905"/>
                    <a:pt x="17143" y="1905"/>
                    <a:pt x="17093" y="2005"/>
                  </a:cubicBezTo>
                  <a:cubicBezTo>
                    <a:pt x="16968" y="2130"/>
                    <a:pt x="17043" y="2531"/>
                    <a:pt x="16968" y="2682"/>
                  </a:cubicBezTo>
                  <a:cubicBezTo>
                    <a:pt x="16918" y="2807"/>
                    <a:pt x="16742" y="2983"/>
                    <a:pt x="16642" y="3083"/>
                  </a:cubicBezTo>
                  <a:cubicBezTo>
                    <a:pt x="16517" y="3208"/>
                    <a:pt x="16191" y="3258"/>
                    <a:pt x="16016" y="3308"/>
                  </a:cubicBezTo>
                  <a:cubicBezTo>
                    <a:pt x="15840" y="3359"/>
                    <a:pt x="15514" y="3434"/>
                    <a:pt x="15389" y="3584"/>
                  </a:cubicBezTo>
                  <a:cubicBezTo>
                    <a:pt x="15339" y="3709"/>
                    <a:pt x="15464" y="4035"/>
                    <a:pt x="15464" y="4161"/>
                  </a:cubicBezTo>
                  <a:cubicBezTo>
                    <a:pt x="15464" y="4261"/>
                    <a:pt x="15464" y="4536"/>
                    <a:pt x="15389" y="4662"/>
                  </a:cubicBezTo>
                  <a:cubicBezTo>
                    <a:pt x="15339" y="4712"/>
                    <a:pt x="15063" y="4662"/>
                    <a:pt x="15013" y="4712"/>
                  </a:cubicBezTo>
                  <a:cubicBezTo>
                    <a:pt x="14888" y="4762"/>
                    <a:pt x="14662" y="4988"/>
                    <a:pt x="14612" y="5163"/>
                  </a:cubicBezTo>
                  <a:cubicBezTo>
                    <a:pt x="14487" y="5338"/>
                    <a:pt x="14487" y="5739"/>
                    <a:pt x="14562" y="5890"/>
                  </a:cubicBezTo>
                  <a:cubicBezTo>
                    <a:pt x="14562" y="6115"/>
                    <a:pt x="14838" y="6516"/>
                    <a:pt x="15013" y="6692"/>
                  </a:cubicBezTo>
                  <a:cubicBezTo>
                    <a:pt x="15063" y="6742"/>
                    <a:pt x="15339" y="6842"/>
                    <a:pt x="15464" y="6968"/>
                  </a:cubicBezTo>
                  <a:cubicBezTo>
                    <a:pt x="15514" y="7068"/>
                    <a:pt x="15615" y="7369"/>
                    <a:pt x="15615" y="7469"/>
                  </a:cubicBezTo>
                  <a:cubicBezTo>
                    <a:pt x="15615" y="7594"/>
                    <a:pt x="15565" y="7820"/>
                    <a:pt x="15514" y="7920"/>
                  </a:cubicBezTo>
                  <a:cubicBezTo>
                    <a:pt x="15464" y="7970"/>
                    <a:pt x="15164" y="8045"/>
                    <a:pt x="15113" y="8095"/>
                  </a:cubicBezTo>
                  <a:cubicBezTo>
                    <a:pt x="15063" y="8196"/>
                    <a:pt x="14938" y="8421"/>
                    <a:pt x="14938" y="8597"/>
                  </a:cubicBezTo>
                  <a:cubicBezTo>
                    <a:pt x="14938" y="8772"/>
                    <a:pt x="15113" y="9048"/>
                    <a:pt x="15164" y="9223"/>
                  </a:cubicBezTo>
                  <a:cubicBezTo>
                    <a:pt x="15289" y="9323"/>
                    <a:pt x="15464" y="9549"/>
                    <a:pt x="15565" y="9599"/>
                  </a:cubicBezTo>
                  <a:cubicBezTo>
                    <a:pt x="15690" y="9674"/>
                    <a:pt x="15840" y="9724"/>
                    <a:pt x="15915" y="9775"/>
                  </a:cubicBezTo>
                  <a:cubicBezTo>
                    <a:pt x="15966" y="9825"/>
                    <a:pt x="16141" y="10000"/>
                    <a:pt x="16141" y="10050"/>
                  </a:cubicBezTo>
                  <a:cubicBezTo>
                    <a:pt x="16191" y="10176"/>
                    <a:pt x="16141" y="10401"/>
                    <a:pt x="16141" y="10501"/>
                  </a:cubicBezTo>
                  <a:cubicBezTo>
                    <a:pt x="16141" y="10627"/>
                    <a:pt x="16141" y="10852"/>
                    <a:pt x="16241" y="10902"/>
                  </a:cubicBezTo>
                  <a:cubicBezTo>
                    <a:pt x="16291" y="10953"/>
                    <a:pt x="16517" y="10852"/>
                    <a:pt x="16642" y="10852"/>
                  </a:cubicBezTo>
                  <a:cubicBezTo>
                    <a:pt x="16692" y="10852"/>
                    <a:pt x="16868" y="10852"/>
                    <a:pt x="16868" y="10902"/>
                  </a:cubicBezTo>
                  <a:cubicBezTo>
                    <a:pt x="16968" y="11028"/>
                    <a:pt x="16868" y="11303"/>
                    <a:pt x="16868" y="11404"/>
                  </a:cubicBezTo>
                  <a:cubicBezTo>
                    <a:pt x="16918" y="11479"/>
                    <a:pt x="16968" y="11579"/>
                    <a:pt x="17093" y="11579"/>
                  </a:cubicBezTo>
                  <a:cubicBezTo>
                    <a:pt x="17194" y="11629"/>
                    <a:pt x="17419" y="11479"/>
                    <a:pt x="17544" y="11404"/>
                  </a:cubicBezTo>
                  <a:cubicBezTo>
                    <a:pt x="17595" y="11354"/>
                    <a:pt x="17645" y="11128"/>
                    <a:pt x="17770" y="11128"/>
                  </a:cubicBezTo>
                  <a:cubicBezTo>
                    <a:pt x="17820" y="11078"/>
                    <a:pt x="17996" y="11078"/>
                    <a:pt x="18096" y="11078"/>
                  </a:cubicBezTo>
                  <a:cubicBezTo>
                    <a:pt x="18171" y="11028"/>
                    <a:pt x="18271" y="10852"/>
                    <a:pt x="18321" y="10852"/>
                  </a:cubicBezTo>
                  <a:cubicBezTo>
                    <a:pt x="18497" y="10802"/>
                    <a:pt x="18848" y="10727"/>
                    <a:pt x="18948" y="10727"/>
                  </a:cubicBezTo>
                  <a:cubicBezTo>
                    <a:pt x="19073" y="10802"/>
                    <a:pt x="19174" y="10902"/>
                    <a:pt x="19299" y="10953"/>
                  </a:cubicBezTo>
                  <a:cubicBezTo>
                    <a:pt x="19399" y="11028"/>
                    <a:pt x="19750" y="10902"/>
                    <a:pt x="19850" y="11028"/>
                  </a:cubicBezTo>
                  <a:cubicBezTo>
                    <a:pt x="19976" y="11078"/>
                    <a:pt x="20076" y="11404"/>
                    <a:pt x="20076" y="11529"/>
                  </a:cubicBezTo>
                  <a:cubicBezTo>
                    <a:pt x="20151" y="11629"/>
                    <a:pt x="20151" y="11930"/>
                    <a:pt x="20151" y="12030"/>
                  </a:cubicBezTo>
                  <a:cubicBezTo>
                    <a:pt x="20151" y="12156"/>
                    <a:pt x="20076" y="12481"/>
                    <a:pt x="20151" y="12657"/>
                  </a:cubicBezTo>
                  <a:cubicBezTo>
                    <a:pt x="20201" y="12757"/>
                    <a:pt x="20477" y="12882"/>
                    <a:pt x="20527" y="12983"/>
                  </a:cubicBezTo>
                  <a:lnTo>
                    <a:pt x="20527" y="13208"/>
                  </a:lnTo>
                  <a:lnTo>
                    <a:pt x="20477" y="13208"/>
                  </a:lnTo>
                  <a:cubicBezTo>
                    <a:pt x="20427" y="13208"/>
                    <a:pt x="20301" y="13334"/>
                    <a:pt x="20251" y="13384"/>
                  </a:cubicBezTo>
                  <a:cubicBezTo>
                    <a:pt x="20151" y="13434"/>
                    <a:pt x="19976" y="13484"/>
                    <a:pt x="19900" y="13559"/>
                  </a:cubicBezTo>
                  <a:cubicBezTo>
                    <a:pt x="19850" y="13609"/>
                    <a:pt x="19750" y="13659"/>
                    <a:pt x="19750" y="13709"/>
                  </a:cubicBezTo>
                  <a:cubicBezTo>
                    <a:pt x="19675" y="13785"/>
                    <a:pt x="19625" y="13885"/>
                    <a:pt x="19575" y="13935"/>
                  </a:cubicBezTo>
                  <a:cubicBezTo>
                    <a:pt x="19524" y="13935"/>
                    <a:pt x="19449" y="13885"/>
                    <a:pt x="19399" y="13885"/>
                  </a:cubicBezTo>
                  <a:cubicBezTo>
                    <a:pt x="19349" y="13885"/>
                    <a:pt x="19224" y="14010"/>
                    <a:pt x="19174" y="14060"/>
                  </a:cubicBezTo>
                  <a:cubicBezTo>
                    <a:pt x="18998" y="14110"/>
                    <a:pt x="18722" y="14336"/>
                    <a:pt x="18622" y="14461"/>
                  </a:cubicBezTo>
                  <a:cubicBezTo>
                    <a:pt x="18547" y="14461"/>
                    <a:pt x="18397" y="14511"/>
                    <a:pt x="18321" y="14562"/>
                  </a:cubicBezTo>
                  <a:cubicBezTo>
                    <a:pt x="18221" y="14562"/>
                    <a:pt x="18096" y="14687"/>
                    <a:pt x="17996" y="14737"/>
                  </a:cubicBezTo>
                  <a:cubicBezTo>
                    <a:pt x="17945" y="14787"/>
                    <a:pt x="17770" y="14912"/>
                    <a:pt x="17645" y="14963"/>
                  </a:cubicBezTo>
                  <a:cubicBezTo>
                    <a:pt x="17595" y="14963"/>
                    <a:pt x="17419" y="15063"/>
                    <a:pt x="17369" y="15113"/>
                  </a:cubicBezTo>
                  <a:cubicBezTo>
                    <a:pt x="17269" y="15188"/>
                    <a:pt x="17143" y="15288"/>
                    <a:pt x="17043" y="15339"/>
                  </a:cubicBezTo>
                  <a:cubicBezTo>
                    <a:pt x="16868" y="15464"/>
                    <a:pt x="16467" y="15564"/>
                    <a:pt x="16291" y="15639"/>
                  </a:cubicBezTo>
                  <a:cubicBezTo>
                    <a:pt x="16191" y="15689"/>
                    <a:pt x="15966" y="15915"/>
                    <a:pt x="15840" y="15915"/>
                  </a:cubicBezTo>
                  <a:cubicBezTo>
                    <a:pt x="15790" y="15965"/>
                    <a:pt x="15690" y="15965"/>
                    <a:pt x="15690" y="15965"/>
                  </a:cubicBezTo>
                  <a:cubicBezTo>
                    <a:pt x="15615" y="15915"/>
                    <a:pt x="15565" y="15790"/>
                    <a:pt x="15565" y="15740"/>
                  </a:cubicBezTo>
                  <a:cubicBezTo>
                    <a:pt x="15565" y="15689"/>
                    <a:pt x="15565" y="15564"/>
                    <a:pt x="15615" y="15514"/>
                  </a:cubicBezTo>
                  <a:cubicBezTo>
                    <a:pt x="15690" y="15464"/>
                    <a:pt x="15840" y="15464"/>
                    <a:pt x="15915" y="15414"/>
                  </a:cubicBezTo>
                  <a:cubicBezTo>
                    <a:pt x="15966" y="15414"/>
                    <a:pt x="16066" y="15288"/>
                    <a:pt x="16141" y="15238"/>
                  </a:cubicBezTo>
                  <a:cubicBezTo>
                    <a:pt x="16191" y="15188"/>
                    <a:pt x="16291" y="15113"/>
                    <a:pt x="16367" y="15063"/>
                  </a:cubicBezTo>
                  <a:cubicBezTo>
                    <a:pt x="16417" y="15013"/>
                    <a:pt x="16467" y="14837"/>
                    <a:pt x="16517" y="14787"/>
                  </a:cubicBezTo>
                  <a:lnTo>
                    <a:pt x="16642" y="14787"/>
                  </a:lnTo>
                  <a:cubicBezTo>
                    <a:pt x="16692" y="14837"/>
                    <a:pt x="16692" y="14912"/>
                    <a:pt x="16742" y="14963"/>
                  </a:cubicBezTo>
                  <a:cubicBezTo>
                    <a:pt x="16818" y="14963"/>
                    <a:pt x="16918" y="14912"/>
                    <a:pt x="16968" y="14912"/>
                  </a:cubicBezTo>
                  <a:cubicBezTo>
                    <a:pt x="17043" y="14837"/>
                    <a:pt x="17143" y="14787"/>
                    <a:pt x="17143" y="14737"/>
                  </a:cubicBezTo>
                  <a:cubicBezTo>
                    <a:pt x="17143" y="14687"/>
                    <a:pt x="17093" y="14612"/>
                    <a:pt x="17043" y="14612"/>
                  </a:cubicBezTo>
                  <a:cubicBezTo>
                    <a:pt x="17043" y="14612"/>
                    <a:pt x="16968" y="14737"/>
                    <a:pt x="16918" y="14737"/>
                  </a:cubicBezTo>
                  <a:lnTo>
                    <a:pt x="16818" y="14687"/>
                  </a:lnTo>
                  <a:cubicBezTo>
                    <a:pt x="16818" y="14612"/>
                    <a:pt x="16968" y="14511"/>
                    <a:pt x="16968" y="14461"/>
                  </a:cubicBezTo>
                  <a:lnTo>
                    <a:pt x="16818" y="14461"/>
                  </a:lnTo>
                  <a:cubicBezTo>
                    <a:pt x="16742" y="14461"/>
                    <a:pt x="16692" y="14511"/>
                    <a:pt x="16642" y="14511"/>
                  </a:cubicBezTo>
                  <a:cubicBezTo>
                    <a:pt x="16592" y="14461"/>
                    <a:pt x="16417" y="14386"/>
                    <a:pt x="16367" y="14386"/>
                  </a:cubicBezTo>
                  <a:lnTo>
                    <a:pt x="16191" y="14386"/>
                  </a:lnTo>
                  <a:cubicBezTo>
                    <a:pt x="16191" y="14386"/>
                    <a:pt x="16191" y="14511"/>
                    <a:pt x="16141" y="14511"/>
                  </a:cubicBezTo>
                  <a:cubicBezTo>
                    <a:pt x="16141" y="14562"/>
                    <a:pt x="15966" y="14562"/>
                    <a:pt x="15915" y="14612"/>
                  </a:cubicBezTo>
                  <a:lnTo>
                    <a:pt x="15915" y="14787"/>
                  </a:lnTo>
                  <a:cubicBezTo>
                    <a:pt x="15915" y="14837"/>
                    <a:pt x="15966" y="14963"/>
                    <a:pt x="15966" y="15013"/>
                  </a:cubicBezTo>
                  <a:cubicBezTo>
                    <a:pt x="15966" y="15063"/>
                    <a:pt x="15840" y="15113"/>
                    <a:pt x="15790" y="15113"/>
                  </a:cubicBezTo>
                  <a:cubicBezTo>
                    <a:pt x="15740" y="15063"/>
                    <a:pt x="15790" y="14912"/>
                    <a:pt x="15740" y="14912"/>
                  </a:cubicBezTo>
                  <a:cubicBezTo>
                    <a:pt x="15740" y="14912"/>
                    <a:pt x="15615" y="14963"/>
                    <a:pt x="15615" y="15013"/>
                  </a:cubicBezTo>
                  <a:cubicBezTo>
                    <a:pt x="15565" y="15013"/>
                    <a:pt x="15514" y="15063"/>
                    <a:pt x="15464" y="15063"/>
                  </a:cubicBezTo>
                  <a:cubicBezTo>
                    <a:pt x="15389" y="15063"/>
                    <a:pt x="15339" y="15013"/>
                    <a:pt x="15289" y="15013"/>
                  </a:cubicBezTo>
                  <a:lnTo>
                    <a:pt x="15063" y="15013"/>
                  </a:lnTo>
                  <a:cubicBezTo>
                    <a:pt x="15013" y="15063"/>
                    <a:pt x="15013" y="15113"/>
                    <a:pt x="14938" y="15113"/>
                  </a:cubicBezTo>
                  <a:cubicBezTo>
                    <a:pt x="14938" y="15188"/>
                    <a:pt x="14888" y="15339"/>
                    <a:pt x="14788" y="15414"/>
                  </a:cubicBezTo>
                  <a:cubicBezTo>
                    <a:pt x="14788" y="15414"/>
                    <a:pt x="14662" y="15414"/>
                    <a:pt x="14612" y="15464"/>
                  </a:cubicBezTo>
                  <a:cubicBezTo>
                    <a:pt x="14562" y="15464"/>
                    <a:pt x="14487" y="15564"/>
                    <a:pt x="14487" y="15639"/>
                  </a:cubicBezTo>
                  <a:cubicBezTo>
                    <a:pt x="14562" y="15689"/>
                    <a:pt x="14712" y="15564"/>
                    <a:pt x="14788" y="15639"/>
                  </a:cubicBezTo>
                  <a:cubicBezTo>
                    <a:pt x="14888" y="15639"/>
                    <a:pt x="15013" y="15639"/>
                    <a:pt x="15013" y="15689"/>
                  </a:cubicBezTo>
                  <a:cubicBezTo>
                    <a:pt x="15063" y="15790"/>
                    <a:pt x="15013" y="15965"/>
                    <a:pt x="14938" y="16015"/>
                  </a:cubicBezTo>
                  <a:lnTo>
                    <a:pt x="14662" y="16015"/>
                  </a:lnTo>
                  <a:cubicBezTo>
                    <a:pt x="14612" y="16015"/>
                    <a:pt x="14612" y="15915"/>
                    <a:pt x="14562" y="15865"/>
                  </a:cubicBezTo>
                  <a:cubicBezTo>
                    <a:pt x="14437" y="15865"/>
                    <a:pt x="14261" y="15915"/>
                    <a:pt x="14261" y="15965"/>
                  </a:cubicBezTo>
                  <a:cubicBezTo>
                    <a:pt x="14211" y="15965"/>
                    <a:pt x="14211" y="16141"/>
                    <a:pt x="14211" y="16191"/>
                  </a:cubicBezTo>
                  <a:cubicBezTo>
                    <a:pt x="14261" y="16241"/>
                    <a:pt x="14336" y="16366"/>
                    <a:pt x="14336" y="16416"/>
                  </a:cubicBezTo>
                  <a:cubicBezTo>
                    <a:pt x="14261" y="16416"/>
                    <a:pt x="14211" y="16466"/>
                    <a:pt x="14211" y="16466"/>
                  </a:cubicBezTo>
                  <a:cubicBezTo>
                    <a:pt x="14211" y="16592"/>
                    <a:pt x="14261" y="16767"/>
                    <a:pt x="14261" y="16867"/>
                  </a:cubicBezTo>
                  <a:cubicBezTo>
                    <a:pt x="14211" y="16917"/>
                    <a:pt x="14111" y="16917"/>
                    <a:pt x="14111" y="16917"/>
                  </a:cubicBezTo>
                  <a:cubicBezTo>
                    <a:pt x="14036" y="16993"/>
                    <a:pt x="13935" y="16917"/>
                    <a:pt x="13885" y="16917"/>
                  </a:cubicBezTo>
                  <a:cubicBezTo>
                    <a:pt x="13810" y="16867"/>
                    <a:pt x="13710" y="16817"/>
                    <a:pt x="13710" y="16767"/>
                  </a:cubicBezTo>
                  <a:cubicBezTo>
                    <a:pt x="13710" y="16692"/>
                    <a:pt x="13810" y="16542"/>
                    <a:pt x="13810" y="16416"/>
                  </a:cubicBezTo>
                  <a:cubicBezTo>
                    <a:pt x="13760" y="16366"/>
                    <a:pt x="13660" y="16316"/>
                    <a:pt x="13585" y="16241"/>
                  </a:cubicBezTo>
                  <a:cubicBezTo>
                    <a:pt x="13585" y="16241"/>
                    <a:pt x="13585" y="16090"/>
                    <a:pt x="13534" y="16090"/>
                  </a:cubicBezTo>
                  <a:cubicBezTo>
                    <a:pt x="13484" y="16090"/>
                    <a:pt x="13359" y="16191"/>
                    <a:pt x="13309" y="16241"/>
                  </a:cubicBezTo>
                  <a:lnTo>
                    <a:pt x="13309" y="16466"/>
                  </a:lnTo>
                  <a:cubicBezTo>
                    <a:pt x="13359" y="16542"/>
                    <a:pt x="13434" y="16642"/>
                    <a:pt x="13434" y="16692"/>
                  </a:cubicBezTo>
                  <a:cubicBezTo>
                    <a:pt x="13434" y="16767"/>
                    <a:pt x="13309" y="16817"/>
                    <a:pt x="13309" y="16867"/>
                  </a:cubicBezTo>
                  <a:cubicBezTo>
                    <a:pt x="13259" y="16993"/>
                    <a:pt x="13259" y="17218"/>
                    <a:pt x="13259" y="17369"/>
                  </a:cubicBezTo>
                  <a:cubicBezTo>
                    <a:pt x="13259" y="17444"/>
                    <a:pt x="13309" y="17594"/>
                    <a:pt x="13359" y="17669"/>
                  </a:cubicBezTo>
                  <a:cubicBezTo>
                    <a:pt x="13434" y="17720"/>
                    <a:pt x="13585" y="17669"/>
                    <a:pt x="13660" y="17720"/>
                  </a:cubicBezTo>
                  <a:cubicBezTo>
                    <a:pt x="13710" y="17720"/>
                    <a:pt x="13710" y="17870"/>
                    <a:pt x="13760" y="17945"/>
                  </a:cubicBezTo>
                  <a:lnTo>
                    <a:pt x="13986" y="17945"/>
                  </a:lnTo>
                  <a:cubicBezTo>
                    <a:pt x="14111" y="17945"/>
                    <a:pt x="14261" y="17870"/>
                    <a:pt x="14336" y="17870"/>
                  </a:cubicBezTo>
                  <a:cubicBezTo>
                    <a:pt x="14387" y="17870"/>
                    <a:pt x="14487" y="17870"/>
                    <a:pt x="14562" y="17945"/>
                  </a:cubicBezTo>
                  <a:cubicBezTo>
                    <a:pt x="14562" y="17995"/>
                    <a:pt x="14487" y="18095"/>
                    <a:pt x="14487" y="18171"/>
                  </a:cubicBezTo>
                  <a:cubicBezTo>
                    <a:pt x="14487" y="18171"/>
                    <a:pt x="14437" y="18271"/>
                    <a:pt x="14437" y="18321"/>
                  </a:cubicBezTo>
                  <a:cubicBezTo>
                    <a:pt x="14437" y="18396"/>
                    <a:pt x="14487" y="18446"/>
                    <a:pt x="14562" y="18446"/>
                  </a:cubicBezTo>
                  <a:cubicBezTo>
                    <a:pt x="14612" y="18446"/>
                    <a:pt x="14662" y="18446"/>
                    <a:pt x="14662" y="18396"/>
                  </a:cubicBezTo>
                  <a:lnTo>
                    <a:pt x="14662" y="18221"/>
                  </a:lnTo>
                  <a:lnTo>
                    <a:pt x="14662" y="17945"/>
                  </a:lnTo>
                  <a:cubicBezTo>
                    <a:pt x="14712" y="17870"/>
                    <a:pt x="14712" y="17770"/>
                    <a:pt x="14788" y="17720"/>
                  </a:cubicBezTo>
                  <a:lnTo>
                    <a:pt x="14788" y="17369"/>
                  </a:lnTo>
                  <a:cubicBezTo>
                    <a:pt x="14838" y="17318"/>
                    <a:pt x="14838" y="17268"/>
                    <a:pt x="14838" y="17218"/>
                  </a:cubicBezTo>
                  <a:cubicBezTo>
                    <a:pt x="14838" y="17143"/>
                    <a:pt x="14788" y="17043"/>
                    <a:pt x="14838" y="16993"/>
                  </a:cubicBezTo>
                  <a:lnTo>
                    <a:pt x="14938" y="16993"/>
                  </a:lnTo>
                  <a:cubicBezTo>
                    <a:pt x="15013" y="17043"/>
                    <a:pt x="15013" y="17143"/>
                    <a:pt x="15013" y="17218"/>
                  </a:cubicBezTo>
                  <a:cubicBezTo>
                    <a:pt x="15013" y="17268"/>
                    <a:pt x="14938" y="17318"/>
                    <a:pt x="14938" y="17369"/>
                  </a:cubicBezTo>
                  <a:cubicBezTo>
                    <a:pt x="14938" y="17494"/>
                    <a:pt x="14888" y="17669"/>
                    <a:pt x="14888" y="17720"/>
                  </a:cubicBezTo>
                  <a:cubicBezTo>
                    <a:pt x="14888" y="17820"/>
                    <a:pt x="14838" y="17995"/>
                    <a:pt x="14838" y="18045"/>
                  </a:cubicBezTo>
                  <a:cubicBezTo>
                    <a:pt x="14838" y="18095"/>
                    <a:pt x="14888" y="18171"/>
                    <a:pt x="14888" y="18221"/>
                  </a:cubicBezTo>
                  <a:cubicBezTo>
                    <a:pt x="14888" y="18271"/>
                    <a:pt x="14838" y="18396"/>
                    <a:pt x="14838" y="18396"/>
                  </a:cubicBezTo>
                  <a:cubicBezTo>
                    <a:pt x="14788" y="18446"/>
                    <a:pt x="14712" y="18547"/>
                    <a:pt x="14712" y="18622"/>
                  </a:cubicBezTo>
                  <a:cubicBezTo>
                    <a:pt x="14712" y="18722"/>
                    <a:pt x="14788" y="18847"/>
                    <a:pt x="14788" y="18948"/>
                  </a:cubicBezTo>
                  <a:cubicBezTo>
                    <a:pt x="14838" y="18948"/>
                    <a:pt x="14788" y="19073"/>
                    <a:pt x="14788" y="19073"/>
                  </a:cubicBezTo>
                  <a:cubicBezTo>
                    <a:pt x="14838" y="19123"/>
                    <a:pt x="14888" y="19073"/>
                    <a:pt x="14888" y="19123"/>
                  </a:cubicBezTo>
                  <a:cubicBezTo>
                    <a:pt x="14938" y="19173"/>
                    <a:pt x="14938" y="19298"/>
                    <a:pt x="14938" y="19349"/>
                  </a:cubicBezTo>
                  <a:lnTo>
                    <a:pt x="15063" y="19399"/>
                  </a:lnTo>
                  <a:cubicBezTo>
                    <a:pt x="15063" y="19449"/>
                    <a:pt x="15113" y="19524"/>
                    <a:pt x="15113" y="19574"/>
                  </a:cubicBezTo>
                  <a:cubicBezTo>
                    <a:pt x="15113" y="19624"/>
                    <a:pt x="15013" y="19674"/>
                    <a:pt x="15013" y="19674"/>
                  </a:cubicBezTo>
                  <a:cubicBezTo>
                    <a:pt x="15013" y="19750"/>
                    <a:pt x="15063" y="19850"/>
                    <a:pt x="15063" y="19900"/>
                  </a:cubicBezTo>
                  <a:cubicBezTo>
                    <a:pt x="15013" y="19975"/>
                    <a:pt x="15013" y="20025"/>
                    <a:pt x="14938" y="20025"/>
                  </a:cubicBezTo>
                  <a:cubicBezTo>
                    <a:pt x="14888" y="20025"/>
                    <a:pt x="14838" y="19975"/>
                    <a:pt x="14788" y="19900"/>
                  </a:cubicBezTo>
                  <a:lnTo>
                    <a:pt x="14788" y="19800"/>
                  </a:lnTo>
                  <a:cubicBezTo>
                    <a:pt x="14712" y="19750"/>
                    <a:pt x="14612" y="19800"/>
                    <a:pt x="14612" y="19800"/>
                  </a:cubicBezTo>
                  <a:cubicBezTo>
                    <a:pt x="14562" y="19850"/>
                    <a:pt x="14562" y="19975"/>
                    <a:pt x="14562" y="20025"/>
                  </a:cubicBezTo>
                  <a:cubicBezTo>
                    <a:pt x="14612" y="20075"/>
                    <a:pt x="14662" y="20126"/>
                    <a:pt x="14712" y="20201"/>
                  </a:cubicBezTo>
                  <a:cubicBezTo>
                    <a:pt x="14712" y="20251"/>
                    <a:pt x="14662" y="20301"/>
                    <a:pt x="14662" y="20301"/>
                  </a:cubicBezTo>
                  <a:cubicBezTo>
                    <a:pt x="14662" y="20351"/>
                    <a:pt x="14612" y="20426"/>
                    <a:pt x="14662" y="20426"/>
                  </a:cubicBezTo>
                  <a:cubicBezTo>
                    <a:pt x="14662" y="20476"/>
                    <a:pt x="14788" y="20426"/>
                    <a:pt x="14788" y="20426"/>
                  </a:cubicBezTo>
                  <a:cubicBezTo>
                    <a:pt x="14838" y="20426"/>
                    <a:pt x="14838" y="20301"/>
                    <a:pt x="14888" y="20251"/>
                  </a:cubicBezTo>
                  <a:cubicBezTo>
                    <a:pt x="14888" y="20251"/>
                    <a:pt x="15013" y="20301"/>
                    <a:pt x="15063" y="20351"/>
                  </a:cubicBezTo>
                  <a:cubicBezTo>
                    <a:pt x="15063" y="20351"/>
                    <a:pt x="15113" y="20527"/>
                    <a:pt x="15164" y="20527"/>
                  </a:cubicBezTo>
                  <a:cubicBezTo>
                    <a:pt x="15164" y="20577"/>
                    <a:pt x="15239" y="20652"/>
                    <a:pt x="15289" y="20652"/>
                  </a:cubicBezTo>
                  <a:cubicBezTo>
                    <a:pt x="15339" y="20652"/>
                    <a:pt x="15389" y="20527"/>
                    <a:pt x="15464" y="20527"/>
                  </a:cubicBezTo>
                  <a:cubicBezTo>
                    <a:pt x="15514" y="20527"/>
                    <a:pt x="15615" y="20577"/>
                    <a:pt x="15615" y="20652"/>
                  </a:cubicBezTo>
                  <a:cubicBezTo>
                    <a:pt x="15690" y="20702"/>
                    <a:pt x="15740" y="20752"/>
                    <a:pt x="15790" y="20802"/>
                  </a:cubicBezTo>
                  <a:cubicBezTo>
                    <a:pt x="15915" y="20928"/>
                    <a:pt x="16141" y="20978"/>
                    <a:pt x="16191" y="21078"/>
                  </a:cubicBezTo>
                  <a:cubicBezTo>
                    <a:pt x="16241" y="21153"/>
                    <a:pt x="16367" y="21203"/>
                    <a:pt x="16367" y="21253"/>
                  </a:cubicBezTo>
                  <a:cubicBezTo>
                    <a:pt x="16417" y="21303"/>
                    <a:pt x="16417" y="21379"/>
                    <a:pt x="16417" y="21379"/>
                  </a:cubicBezTo>
                  <a:cubicBezTo>
                    <a:pt x="16367" y="21429"/>
                    <a:pt x="16291" y="21379"/>
                    <a:pt x="16241" y="21379"/>
                  </a:cubicBezTo>
                  <a:cubicBezTo>
                    <a:pt x="16191" y="21379"/>
                    <a:pt x="16066" y="21303"/>
                    <a:pt x="16016" y="21379"/>
                  </a:cubicBezTo>
                  <a:cubicBezTo>
                    <a:pt x="15966" y="21379"/>
                    <a:pt x="15915" y="21429"/>
                    <a:pt x="15915" y="21429"/>
                  </a:cubicBezTo>
                  <a:cubicBezTo>
                    <a:pt x="15915" y="21479"/>
                    <a:pt x="15915" y="21604"/>
                    <a:pt x="15966" y="21654"/>
                  </a:cubicBezTo>
                  <a:lnTo>
                    <a:pt x="16141" y="21654"/>
                  </a:lnTo>
                  <a:cubicBezTo>
                    <a:pt x="16191" y="21604"/>
                    <a:pt x="16241" y="21529"/>
                    <a:pt x="16291" y="21529"/>
                  </a:cubicBezTo>
                  <a:cubicBezTo>
                    <a:pt x="16367" y="21529"/>
                    <a:pt x="16417" y="21529"/>
                    <a:pt x="16417" y="21604"/>
                  </a:cubicBezTo>
                  <a:cubicBezTo>
                    <a:pt x="16467" y="21604"/>
                    <a:pt x="16467" y="21755"/>
                    <a:pt x="16467" y="21755"/>
                  </a:cubicBezTo>
                  <a:cubicBezTo>
                    <a:pt x="16517" y="21830"/>
                    <a:pt x="16642" y="21830"/>
                    <a:pt x="16692" y="21880"/>
                  </a:cubicBezTo>
                  <a:cubicBezTo>
                    <a:pt x="16742" y="21930"/>
                    <a:pt x="16742" y="21980"/>
                    <a:pt x="16742" y="22055"/>
                  </a:cubicBezTo>
                  <a:cubicBezTo>
                    <a:pt x="16742" y="22105"/>
                    <a:pt x="16692" y="22156"/>
                    <a:pt x="16642" y="22206"/>
                  </a:cubicBezTo>
                  <a:cubicBezTo>
                    <a:pt x="16642" y="22281"/>
                    <a:pt x="16592" y="22381"/>
                    <a:pt x="16592" y="22431"/>
                  </a:cubicBezTo>
                  <a:cubicBezTo>
                    <a:pt x="16517" y="22506"/>
                    <a:pt x="16592" y="22657"/>
                    <a:pt x="16592" y="22732"/>
                  </a:cubicBezTo>
                  <a:cubicBezTo>
                    <a:pt x="16592" y="22782"/>
                    <a:pt x="16592" y="22958"/>
                    <a:pt x="16517" y="23008"/>
                  </a:cubicBezTo>
                  <a:cubicBezTo>
                    <a:pt x="16517" y="23058"/>
                    <a:pt x="16467" y="23183"/>
                    <a:pt x="16417" y="23183"/>
                  </a:cubicBezTo>
                  <a:cubicBezTo>
                    <a:pt x="16367" y="23233"/>
                    <a:pt x="16191" y="23233"/>
                    <a:pt x="16141" y="23233"/>
                  </a:cubicBezTo>
                  <a:cubicBezTo>
                    <a:pt x="16066" y="23183"/>
                    <a:pt x="16016" y="23058"/>
                    <a:pt x="16016" y="23058"/>
                  </a:cubicBezTo>
                  <a:cubicBezTo>
                    <a:pt x="16016" y="22958"/>
                    <a:pt x="16066" y="22882"/>
                    <a:pt x="16066" y="22832"/>
                  </a:cubicBezTo>
                  <a:cubicBezTo>
                    <a:pt x="16141" y="22732"/>
                    <a:pt x="16141" y="22557"/>
                    <a:pt x="16066" y="22506"/>
                  </a:cubicBezTo>
                  <a:cubicBezTo>
                    <a:pt x="16066" y="22431"/>
                    <a:pt x="15966" y="22381"/>
                    <a:pt x="15915" y="22431"/>
                  </a:cubicBezTo>
                  <a:cubicBezTo>
                    <a:pt x="15840" y="22431"/>
                    <a:pt x="15840" y="22557"/>
                    <a:pt x="15790" y="22607"/>
                  </a:cubicBezTo>
                  <a:cubicBezTo>
                    <a:pt x="15740" y="22607"/>
                    <a:pt x="15690" y="22657"/>
                    <a:pt x="15690" y="22732"/>
                  </a:cubicBezTo>
                  <a:cubicBezTo>
                    <a:pt x="15690" y="22782"/>
                    <a:pt x="15690" y="22882"/>
                    <a:pt x="15740" y="22882"/>
                  </a:cubicBezTo>
                  <a:lnTo>
                    <a:pt x="15840" y="22882"/>
                  </a:lnTo>
                  <a:cubicBezTo>
                    <a:pt x="15915" y="22958"/>
                    <a:pt x="15840" y="23058"/>
                    <a:pt x="15840" y="23108"/>
                  </a:cubicBezTo>
                  <a:cubicBezTo>
                    <a:pt x="15840" y="23183"/>
                    <a:pt x="15740" y="23183"/>
                    <a:pt x="15740" y="23233"/>
                  </a:cubicBezTo>
                  <a:cubicBezTo>
                    <a:pt x="15740" y="23283"/>
                    <a:pt x="15915" y="23334"/>
                    <a:pt x="15966" y="23409"/>
                  </a:cubicBezTo>
                  <a:cubicBezTo>
                    <a:pt x="15966" y="23459"/>
                    <a:pt x="15915" y="23559"/>
                    <a:pt x="15840" y="23609"/>
                  </a:cubicBezTo>
                  <a:cubicBezTo>
                    <a:pt x="15790" y="23684"/>
                    <a:pt x="15740" y="23835"/>
                    <a:pt x="15615" y="23910"/>
                  </a:cubicBezTo>
                  <a:cubicBezTo>
                    <a:pt x="15565" y="23910"/>
                    <a:pt x="15464" y="23835"/>
                    <a:pt x="15389" y="23835"/>
                  </a:cubicBezTo>
                  <a:cubicBezTo>
                    <a:pt x="15339" y="23785"/>
                    <a:pt x="15339" y="23559"/>
                    <a:pt x="15289" y="23509"/>
                  </a:cubicBezTo>
                  <a:cubicBezTo>
                    <a:pt x="15239" y="23509"/>
                    <a:pt x="15164" y="23459"/>
                    <a:pt x="15113" y="23409"/>
                  </a:cubicBezTo>
                  <a:cubicBezTo>
                    <a:pt x="15113" y="23409"/>
                    <a:pt x="15113" y="23283"/>
                    <a:pt x="15063" y="23283"/>
                  </a:cubicBezTo>
                  <a:cubicBezTo>
                    <a:pt x="15013" y="23283"/>
                    <a:pt x="14888" y="23283"/>
                    <a:pt x="14838" y="23334"/>
                  </a:cubicBezTo>
                  <a:cubicBezTo>
                    <a:pt x="14788" y="23334"/>
                    <a:pt x="14712" y="23409"/>
                    <a:pt x="14712" y="23409"/>
                  </a:cubicBezTo>
                  <a:cubicBezTo>
                    <a:pt x="14662" y="23283"/>
                    <a:pt x="14662" y="23233"/>
                    <a:pt x="14612" y="23183"/>
                  </a:cubicBezTo>
                  <a:cubicBezTo>
                    <a:pt x="14562" y="23008"/>
                    <a:pt x="14336" y="22832"/>
                    <a:pt x="14211" y="22732"/>
                  </a:cubicBezTo>
                  <a:cubicBezTo>
                    <a:pt x="14161" y="22607"/>
                    <a:pt x="13986" y="22381"/>
                    <a:pt x="13885" y="22331"/>
                  </a:cubicBezTo>
                  <a:cubicBezTo>
                    <a:pt x="13810" y="22206"/>
                    <a:pt x="13660" y="22055"/>
                    <a:pt x="13534" y="21980"/>
                  </a:cubicBezTo>
                  <a:cubicBezTo>
                    <a:pt x="13309" y="21880"/>
                    <a:pt x="12908" y="21654"/>
                    <a:pt x="12682" y="21654"/>
                  </a:cubicBezTo>
                  <a:cubicBezTo>
                    <a:pt x="12582" y="21604"/>
                    <a:pt x="12306" y="21654"/>
                    <a:pt x="12131" y="21704"/>
                  </a:cubicBezTo>
                  <a:cubicBezTo>
                    <a:pt x="12081" y="21704"/>
                    <a:pt x="11855" y="21704"/>
                    <a:pt x="11730" y="21755"/>
                  </a:cubicBezTo>
                  <a:cubicBezTo>
                    <a:pt x="11630" y="21830"/>
                    <a:pt x="11554" y="22055"/>
                    <a:pt x="11504" y="22156"/>
                  </a:cubicBezTo>
                  <a:cubicBezTo>
                    <a:pt x="11404" y="22206"/>
                    <a:pt x="11103" y="22281"/>
                    <a:pt x="11003" y="22281"/>
                  </a:cubicBezTo>
                  <a:cubicBezTo>
                    <a:pt x="10878" y="22281"/>
                    <a:pt x="10727" y="22156"/>
                    <a:pt x="10602" y="22105"/>
                  </a:cubicBezTo>
                  <a:cubicBezTo>
                    <a:pt x="10552" y="22105"/>
                    <a:pt x="10427" y="21930"/>
                    <a:pt x="10326" y="21880"/>
                  </a:cubicBezTo>
                  <a:cubicBezTo>
                    <a:pt x="10151" y="21880"/>
                    <a:pt x="9875" y="21930"/>
                    <a:pt x="9750" y="22055"/>
                  </a:cubicBezTo>
                  <a:cubicBezTo>
                    <a:pt x="9700" y="22105"/>
                    <a:pt x="9650" y="22331"/>
                    <a:pt x="9600" y="22431"/>
                  </a:cubicBezTo>
                  <a:cubicBezTo>
                    <a:pt x="9474" y="22557"/>
                    <a:pt x="9299" y="22732"/>
                    <a:pt x="9199" y="22782"/>
                  </a:cubicBezTo>
                  <a:cubicBezTo>
                    <a:pt x="9148" y="22832"/>
                    <a:pt x="8973" y="22882"/>
                    <a:pt x="8923" y="22832"/>
                  </a:cubicBezTo>
                  <a:cubicBezTo>
                    <a:pt x="8747" y="22832"/>
                    <a:pt x="8472" y="22732"/>
                    <a:pt x="8346" y="22657"/>
                  </a:cubicBezTo>
                  <a:cubicBezTo>
                    <a:pt x="8246" y="22607"/>
                    <a:pt x="8071" y="22381"/>
                    <a:pt x="7945" y="22331"/>
                  </a:cubicBezTo>
                  <a:cubicBezTo>
                    <a:pt x="7795" y="22281"/>
                    <a:pt x="7494" y="22206"/>
                    <a:pt x="7394" y="22105"/>
                  </a:cubicBezTo>
                  <a:cubicBezTo>
                    <a:pt x="7269" y="22105"/>
                    <a:pt x="7168" y="21930"/>
                    <a:pt x="7043" y="21880"/>
                  </a:cubicBezTo>
                  <a:cubicBezTo>
                    <a:pt x="6943" y="21830"/>
                    <a:pt x="6667" y="21830"/>
                    <a:pt x="6492" y="21830"/>
                  </a:cubicBezTo>
                  <a:cubicBezTo>
                    <a:pt x="6366" y="21830"/>
                    <a:pt x="6091" y="21880"/>
                    <a:pt x="5915" y="21830"/>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283" name="Google Shape;340;p16">
              <a:extLst>
                <a:ext uri="{FF2B5EF4-FFF2-40B4-BE49-F238E27FC236}">
                  <a16:creationId xmlns:a16="http://schemas.microsoft.com/office/drawing/2014/main" id="{917CC3CE-2FEA-1B32-BBB9-41B76343B5D6}"/>
                </a:ext>
              </a:extLst>
            </p:cNvPr>
            <p:cNvSpPr/>
            <p:nvPr/>
          </p:nvSpPr>
          <p:spPr>
            <a:xfrm>
              <a:off x="2224466" y="1156120"/>
              <a:ext cx="572909" cy="667356"/>
            </a:xfrm>
            <a:custGeom>
              <a:avLst/>
              <a:gdLst/>
              <a:ahLst/>
              <a:cxnLst/>
              <a:rect l="l" t="t" r="r" b="b"/>
              <a:pathLst>
                <a:path w="20527" h="23911" fill="none" extrusionOk="0">
                  <a:moveTo>
                    <a:pt x="5815" y="21830"/>
                  </a:moveTo>
                  <a:cubicBezTo>
                    <a:pt x="5640" y="21755"/>
                    <a:pt x="5414" y="21654"/>
                    <a:pt x="5364" y="21529"/>
                  </a:cubicBezTo>
                  <a:cubicBezTo>
                    <a:pt x="5239" y="21479"/>
                    <a:pt x="5138" y="21253"/>
                    <a:pt x="5088" y="21203"/>
                  </a:cubicBezTo>
                  <a:cubicBezTo>
                    <a:pt x="5013" y="21153"/>
                    <a:pt x="4863" y="21028"/>
                    <a:pt x="4788" y="20978"/>
                  </a:cubicBezTo>
                  <a:cubicBezTo>
                    <a:pt x="4737" y="20928"/>
                    <a:pt x="4737" y="20702"/>
                    <a:pt x="4687" y="20577"/>
                  </a:cubicBezTo>
                  <a:cubicBezTo>
                    <a:pt x="4637" y="20476"/>
                    <a:pt x="4462" y="20251"/>
                    <a:pt x="4336" y="20126"/>
                  </a:cubicBezTo>
                  <a:cubicBezTo>
                    <a:pt x="4236" y="20025"/>
                    <a:pt x="3835" y="19975"/>
                    <a:pt x="3735" y="19850"/>
                  </a:cubicBezTo>
                  <a:cubicBezTo>
                    <a:pt x="3559" y="19800"/>
                    <a:pt x="3158" y="19674"/>
                    <a:pt x="3058" y="19524"/>
                  </a:cubicBezTo>
                  <a:cubicBezTo>
                    <a:pt x="2933" y="19399"/>
                    <a:pt x="2757" y="19073"/>
                    <a:pt x="2657" y="18948"/>
                  </a:cubicBezTo>
                  <a:cubicBezTo>
                    <a:pt x="2607" y="18847"/>
                    <a:pt x="2381" y="18547"/>
                    <a:pt x="2256" y="18446"/>
                  </a:cubicBezTo>
                  <a:cubicBezTo>
                    <a:pt x="2206" y="18396"/>
                    <a:pt x="2031" y="18271"/>
                    <a:pt x="1980" y="18271"/>
                  </a:cubicBezTo>
                  <a:cubicBezTo>
                    <a:pt x="1855" y="18221"/>
                    <a:pt x="1630" y="18271"/>
                    <a:pt x="1529" y="18221"/>
                  </a:cubicBezTo>
                  <a:cubicBezTo>
                    <a:pt x="1404" y="18221"/>
                    <a:pt x="1254" y="18095"/>
                    <a:pt x="1178" y="18045"/>
                  </a:cubicBezTo>
                  <a:cubicBezTo>
                    <a:pt x="1078" y="17945"/>
                    <a:pt x="953" y="17720"/>
                    <a:pt x="903" y="17594"/>
                  </a:cubicBezTo>
                  <a:cubicBezTo>
                    <a:pt x="853" y="17444"/>
                    <a:pt x="803" y="17143"/>
                    <a:pt x="803" y="17043"/>
                  </a:cubicBezTo>
                  <a:cubicBezTo>
                    <a:pt x="727" y="16867"/>
                    <a:pt x="627" y="16542"/>
                    <a:pt x="577" y="16366"/>
                  </a:cubicBezTo>
                  <a:cubicBezTo>
                    <a:pt x="502" y="16191"/>
                    <a:pt x="226" y="15965"/>
                    <a:pt x="176" y="15865"/>
                  </a:cubicBezTo>
                  <a:cubicBezTo>
                    <a:pt x="126" y="15639"/>
                    <a:pt x="51" y="15238"/>
                    <a:pt x="1" y="15013"/>
                  </a:cubicBezTo>
                  <a:cubicBezTo>
                    <a:pt x="1" y="14787"/>
                    <a:pt x="51" y="14336"/>
                    <a:pt x="176" y="14110"/>
                  </a:cubicBezTo>
                  <a:cubicBezTo>
                    <a:pt x="226" y="13935"/>
                    <a:pt x="452" y="13709"/>
                    <a:pt x="577" y="13609"/>
                  </a:cubicBezTo>
                  <a:cubicBezTo>
                    <a:pt x="677" y="13434"/>
                    <a:pt x="953" y="13258"/>
                    <a:pt x="1078" y="13158"/>
                  </a:cubicBezTo>
                  <a:cubicBezTo>
                    <a:pt x="1128" y="13033"/>
                    <a:pt x="1304" y="12807"/>
                    <a:pt x="1354" y="12707"/>
                  </a:cubicBezTo>
                  <a:cubicBezTo>
                    <a:pt x="1354" y="12532"/>
                    <a:pt x="1354" y="12256"/>
                    <a:pt x="1404" y="12080"/>
                  </a:cubicBezTo>
                  <a:lnTo>
                    <a:pt x="1404" y="11579"/>
                  </a:lnTo>
                  <a:cubicBezTo>
                    <a:pt x="1529" y="11579"/>
                    <a:pt x="1630" y="11529"/>
                    <a:pt x="1755" y="11529"/>
                  </a:cubicBezTo>
                  <a:cubicBezTo>
                    <a:pt x="1855" y="11529"/>
                    <a:pt x="2256" y="11529"/>
                    <a:pt x="2306" y="11629"/>
                  </a:cubicBezTo>
                  <a:cubicBezTo>
                    <a:pt x="2432" y="11755"/>
                    <a:pt x="2381" y="12030"/>
                    <a:pt x="2381" y="12156"/>
                  </a:cubicBezTo>
                  <a:cubicBezTo>
                    <a:pt x="2306" y="12256"/>
                    <a:pt x="2206" y="12356"/>
                    <a:pt x="2206" y="12481"/>
                  </a:cubicBezTo>
                  <a:cubicBezTo>
                    <a:pt x="2206" y="12582"/>
                    <a:pt x="2306" y="12882"/>
                    <a:pt x="2432" y="12933"/>
                  </a:cubicBezTo>
                  <a:cubicBezTo>
                    <a:pt x="2532" y="12983"/>
                    <a:pt x="2757" y="12983"/>
                    <a:pt x="2883" y="12933"/>
                  </a:cubicBezTo>
                  <a:cubicBezTo>
                    <a:pt x="2983" y="12882"/>
                    <a:pt x="2983" y="12582"/>
                    <a:pt x="3108" y="12532"/>
                  </a:cubicBezTo>
                  <a:cubicBezTo>
                    <a:pt x="3158" y="12481"/>
                    <a:pt x="3384" y="12532"/>
                    <a:pt x="3434" y="12582"/>
                  </a:cubicBezTo>
                  <a:cubicBezTo>
                    <a:pt x="3559" y="12657"/>
                    <a:pt x="3610" y="12882"/>
                    <a:pt x="3735" y="12933"/>
                  </a:cubicBezTo>
                  <a:cubicBezTo>
                    <a:pt x="3835" y="12983"/>
                    <a:pt x="4061" y="13108"/>
                    <a:pt x="4186" y="13033"/>
                  </a:cubicBezTo>
                  <a:cubicBezTo>
                    <a:pt x="4336" y="13033"/>
                    <a:pt x="4562" y="12807"/>
                    <a:pt x="4687" y="12707"/>
                  </a:cubicBezTo>
                  <a:cubicBezTo>
                    <a:pt x="4737" y="12582"/>
                    <a:pt x="4788" y="12306"/>
                    <a:pt x="4913" y="12206"/>
                  </a:cubicBezTo>
                  <a:cubicBezTo>
                    <a:pt x="4963" y="12156"/>
                    <a:pt x="5138" y="12080"/>
                    <a:pt x="5189" y="12030"/>
                  </a:cubicBezTo>
                  <a:cubicBezTo>
                    <a:pt x="5314" y="11855"/>
                    <a:pt x="5314" y="11479"/>
                    <a:pt x="5314" y="11303"/>
                  </a:cubicBezTo>
                  <a:cubicBezTo>
                    <a:pt x="5364" y="11128"/>
                    <a:pt x="5314" y="10852"/>
                    <a:pt x="5364" y="10727"/>
                  </a:cubicBezTo>
                  <a:cubicBezTo>
                    <a:pt x="5414" y="10577"/>
                    <a:pt x="5690" y="10351"/>
                    <a:pt x="5815" y="10226"/>
                  </a:cubicBezTo>
                  <a:cubicBezTo>
                    <a:pt x="5915" y="10176"/>
                    <a:pt x="6141" y="10125"/>
                    <a:pt x="6266" y="10125"/>
                  </a:cubicBezTo>
                  <a:cubicBezTo>
                    <a:pt x="6316" y="10125"/>
                    <a:pt x="6442" y="10176"/>
                    <a:pt x="6492" y="10176"/>
                  </a:cubicBezTo>
                  <a:cubicBezTo>
                    <a:pt x="6592" y="10176"/>
                    <a:pt x="6767" y="10050"/>
                    <a:pt x="6818" y="9950"/>
                  </a:cubicBezTo>
                  <a:cubicBezTo>
                    <a:pt x="6818" y="9900"/>
                    <a:pt x="6893" y="9724"/>
                    <a:pt x="6818" y="9599"/>
                  </a:cubicBezTo>
                  <a:cubicBezTo>
                    <a:pt x="6767" y="9549"/>
                    <a:pt x="6542" y="9674"/>
                    <a:pt x="6492" y="9599"/>
                  </a:cubicBezTo>
                  <a:cubicBezTo>
                    <a:pt x="6442" y="9549"/>
                    <a:pt x="6442" y="9399"/>
                    <a:pt x="6442" y="9273"/>
                  </a:cubicBezTo>
                  <a:cubicBezTo>
                    <a:pt x="6492" y="9098"/>
                    <a:pt x="6767" y="8948"/>
                    <a:pt x="6943" y="8872"/>
                  </a:cubicBezTo>
                  <a:cubicBezTo>
                    <a:pt x="7043" y="8822"/>
                    <a:pt x="7344" y="8822"/>
                    <a:pt x="7444" y="8822"/>
                  </a:cubicBezTo>
                  <a:cubicBezTo>
                    <a:pt x="7569" y="8872"/>
                    <a:pt x="7720" y="8998"/>
                    <a:pt x="7795" y="9048"/>
                  </a:cubicBezTo>
                  <a:cubicBezTo>
                    <a:pt x="7845" y="9173"/>
                    <a:pt x="7845" y="9399"/>
                    <a:pt x="7895" y="9449"/>
                  </a:cubicBezTo>
                  <a:cubicBezTo>
                    <a:pt x="7945" y="9549"/>
                    <a:pt x="8121" y="9674"/>
                    <a:pt x="8171" y="9724"/>
                  </a:cubicBezTo>
                  <a:cubicBezTo>
                    <a:pt x="8346" y="9724"/>
                    <a:pt x="8572" y="9499"/>
                    <a:pt x="8697" y="9399"/>
                  </a:cubicBezTo>
                  <a:cubicBezTo>
                    <a:pt x="8798" y="9273"/>
                    <a:pt x="9023" y="8998"/>
                    <a:pt x="9148" y="8822"/>
                  </a:cubicBezTo>
                  <a:cubicBezTo>
                    <a:pt x="9148" y="8722"/>
                    <a:pt x="9148" y="8496"/>
                    <a:pt x="9199" y="8371"/>
                  </a:cubicBezTo>
                  <a:cubicBezTo>
                    <a:pt x="9199" y="8271"/>
                    <a:pt x="9148" y="8045"/>
                    <a:pt x="9199" y="7920"/>
                  </a:cubicBezTo>
                  <a:cubicBezTo>
                    <a:pt x="9249" y="7820"/>
                    <a:pt x="9374" y="7694"/>
                    <a:pt x="9474" y="7644"/>
                  </a:cubicBezTo>
                  <a:cubicBezTo>
                    <a:pt x="9650" y="7594"/>
                    <a:pt x="9976" y="7594"/>
                    <a:pt x="10201" y="7594"/>
                  </a:cubicBezTo>
                  <a:cubicBezTo>
                    <a:pt x="10276" y="7594"/>
                    <a:pt x="10427" y="7644"/>
                    <a:pt x="10552" y="7594"/>
                  </a:cubicBezTo>
                  <a:cubicBezTo>
                    <a:pt x="10727" y="7519"/>
                    <a:pt x="10828" y="7143"/>
                    <a:pt x="10878" y="6968"/>
                  </a:cubicBezTo>
                  <a:cubicBezTo>
                    <a:pt x="10953" y="6842"/>
                    <a:pt x="11103" y="6567"/>
                    <a:pt x="11103" y="6416"/>
                  </a:cubicBezTo>
                  <a:cubicBezTo>
                    <a:pt x="11179" y="6291"/>
                    <a:pt x="11179" y="5965"/>
                    <a:pt x="11103" y="5840"/>
                  </a:cubicBezTo>
                  <a:cubicBezTo>
                    <a:pt x="11003" y="5664"/>
                    <a:pt x="10727" y="5514"/>
                    <a:pt x="10602" y="5389"/>
                  </a:cubicBezTo>
                  <a:cubicBezTo>
                    <a:pt x="10427" y="5288"/>
                    <a:pt x="10101" y="5163"/>
                    <a:pt x="9976" y="5063"/>
                  </a:cubicBezTo>
                  <a:cubicBezTo>
                    <a:pt x="9925" y="4988"/>
                    <a:pt x="9750" y="4762"/>
                    <a:pt x="9750" y="4662"/>
                  </a:cubicBezTo>
                  <a:cubicBezTo>
                    <a:pt x="9700" y="4536"/>
                    <a:pt x="9825" y="4211"/>
                    <a:pt x="9875" y="4085"/>
                  </a:cubicBezTo>
                  <a:cubicBezTo>
                    <a:pt x="9925" y="3985"/>
                    <a:pt x="10201" y="3860"/>
                    <a:pt x="10276" y="3760"/>
                  </a:cubicBezTo>
                  <a:cubicBezTo>
                    <a:pt x="10377" y="3659"/>
                    <a:pt x="10552" y="3434"/>
                    <a:pt x="10552" y="3258"/>
                  </a:cubicBezTo>
                  <a:cubicBezTo>
                    <a:pt x="10552" y="3133"/>
                    <a:pt x="10427" y="2983"/>
                    <a:pt x="10377" y="2907"/>
                  </a:cubicBezTo>
                  <a:cubicBezTo>
                    <a:pt x="10326" y="2857"/>
                    <a:pt x="10051" y="2807"/>
                    <a:pt x="10051" y="2682"/>
                  </a:cubicBezTo>
                  <a:cubicBezTo>
                    <a:pt x="9976" y="2632"/>
                    <a:pt x="10051" y="2456"/>
                    <a:pt x="10101" y="2406"/>
                  </a:cubicBezTo>
                  <a:cubicBezTo>
                    <a:pt x="10201" y="2306"/>
                    <a:pt x="10602" y="2231"/>
                    <a:pt x="10778" y="2231"/>
                  </a:cubicBezTo>
                  <a:cubicBezTo>
                    <a:pt x="10878" y="2231"/>
                    <a:pt x="11103" y="2356"/>
                    <a:pt x="11229" y="2306"/>
                  </a:cubicBezTo>
                  <a:cubicBezTo>
                    <a:pt x="11329" y="2306"/>
                    <a:pt x="11630" y="2231"/>
                    <a:pt x="11680" y="2130"/>
                  </a:cubicBezTo>
                  <a:cubicBezTo>
                    <a:pt x="11780" y="2005"/>
                    <a:pt x="11680" y="1629"/>
                    <a:pt x="11730" y="1454"/>
                  </a:cubicBezTo>
                  <a:cubicBezTo>
                    <a:pt x="11780" y="1328"/>
                    <a:pt x="11855" y="1103"/>
                    <a:pt x="11905" y="1003"/>
                  </a:cubicBezTo>
                  <a:cubicBezTo>
                    <a:pt x="12006" y="952"/>
                    <a:pt x="12356" y="827"/>
                    <a:pt x="12457" y="902"/>
                  </a:cubicBezTo>
                  <a:cubicBezTo>
                    <a:pt x="12632" y="952"/>
                    <a:pt x="12808" y="1228"/>
                    <a:pt x="12983" y="1278"/>
                  </a:cubicBezTo>
                  <a:cubicBezTo>
                    <a:pt x="13083" y="1328"/>
                    <a:pt x="13359" y="1404"/>
                    <a:pt x="13484" y="1404"/>
                  </a:cubicBezTo>
                  <a:cubicBezTo>
                    <a:pt x="13585" y="1328"/>
                    <a:pt x="13810" y="1178"/>
                    <a:pt x="13935" y="1103"/>
                  </a:cubicBezTo>
                  <a:cubicBezTo>
                    <a:pt x="14036" y="1053"/>
                    <a:pt x="14387" y="1178"/>
                    <a:pt x="14437" y="1053"/>
                  </a:cubicBezTo>
                  <a:cubicBezTo>
                    <a:pt x="14612" y="952"/>
                    <a:pt x="14562" y="501"/>
                    <a:pt x="14662" y="326"/>
                  </a:cubicBezTo>
                  <a:cubicBezTo>
                    <a:pt x="14662" y="226"/>
                    <a:pt x="14888" y="100"/>
                    <a:pt x="15013" y="0"/>
                  </a:cubicBezTo>
                  <a:cubicBezTo>
                    <a:pt x="15063" y="50"/>
                    <a:pt x="15113" y="100"/>
                    <a:pt x="15164" y="150"/>
                  </a:cubicBezTo>
                  <a:cubicBezTo>
                    <a:pt x="15164" y="226"/>
                    <a:pt x="15164" y="326"/>
                    <a:pt x="15239" y="326"/>
                  </a:cubicBezTo>
                  <a:cubicBezTo>
                    <a:pt x="15239" y="376"/>
                    <a:pt x="15389" y="376"/>
                    <a:pt x="15464" y="376"/>
                  </a:cubicBezTo>
                  <a:cubicBezTo>
                    <a:pt x="15514" y="451"/>
                    <a:pt x="15740" y="501"/>
                    <a:pt x="15790" y="551"/>
                  </a:cubicBezTo>
                  <a:cubicBezTo>
                    <a:pt x="15915" y="602"/>
                    <a:pt x="16016" y="777"/>
                    <a:pt x="16141" y="827"/>
                  </a:cubicBezTo>
                  <a:lnTo>
                    <a:pt x="16417" y="827"/>
                  </a:lnTo>
                  <a:cubicBezTo>
                    <a:pt x="16467" y="827"/>
                    <a:pt x="16692" y="827"/>
                    <a:pt x="16742" y="777"/>
                  </a:cubicBezTo>
                  <a:cubicBezTo>
                    <a:pt x="16818" y="777"/>
                    <a:pt x="16918" y="827"/>
                    <a:pt x="16968" y="827"/>
                  </a:cubicBezTo>
                  <a:cubicBezTo>
                    <a:pt x="17093" y="827"/>
                    <a:pt x="17269" y="727"/>
                    <a:pt x="17369" y="777"/>
                  </a:cubicBezTo>
                  <a:cubicBezTo>
                    <a:pt x="17494" y="777"/>
                    <a:pt x="17595" y="952"/>
                    <a:pt x="17645" y="952"/>
                  </a:cubicBezTo>
                  <a:lnTo>
                    <a:pt x="17645" y="1003"/>
                  </a:lnTo>
                  <a:cubicBezTo>
                    <a:pt x="17645" y="1178"/>
                    <a:pt x="17595" y="1328"/>
                    <a:pt x="17595" y="1454"/>
                  </a:cubicBezTo>
                  <a:cubicBezTo>
                    <a:pt x="17595" y="1554"/>
                    <a:pt x="17595" y="1729"/>
                    <a:pt x="17544" y="1780"/>
                  </a:cubicBezTo>
                  <a:cubicBezTo>
                    <a:pt x="17494" y="1905"/>
                    <a:pt x="17143" y="1905"/>
                    <a:pt x="17093" y="2005"/>
                  </a:cubicBezTo>
                  <a:cubicBezTo>
                    <a:pt x="16968" y="2130"/>
                    <a:pt x="17043" y="2531"/>
                    <a:pt x="16968" y="2682"/>
                  </a:cubicBezTo>
                  <a:cubicBezTo>
                    <a:pt x="16918" y="2807"/>
                    <a:pt x="16742" y="2983"/>
                    <a:pt x="16642" y="3083"/>
                  </a:cubicBezTo>
                  <a:cubicBezTo>
                    <a:pt x="16517" y="3208"/>
                    <a:pt x="16191" y="3258"/>
                    <a:pt x="16016" y="3308"/>
                  </a:cubicBezTo>
                  <a:cubicBezTo>
                    <a:pt x="15840" y="3359"/>
                    <a:pt x="15514" y="3434"/>
                    <a:pt x="15389" y="3584"/>
                  </a:cubicBezTo>
                  <a:cubicBezTo>
                    <a:pt x="15339" y="3709"/>
                    <a:pt x="15464" y="4035"/>
                    <a:pt x="15464" y="4161"/>
                  </a:cubicBezTo>
                  <a:cubicBezTo>
                    <a:pt x="15464" y="4261"/>
                    <a:pt x="15464" y="4536"/>
                    <a:pt x="15389" y="4662"/>
                  </a:cubicBezTo>
                  <a:cubicBezTo>
                    <a:pt x="15339" y="4712"/>
                    <a:pt x="15063" y="4662"/>
                    <a:pt x="15013" y="4712"/>
                  </a:cubicBezTo>
                  <a:cubicBezTo>
                    <a:pt x="14888" y="4762"/>
                    <a:pt x="14662" y="4988"/>
                    <a:pt x="14612" y="5163"/>
                  </a:cubicBezTo>
                  <a:cubicBezTo>
                    <a:pt x="14487" y="5338"/>
                    <a:pt x="14487" y="5739"/>
                    <a:pt x="14562" y="5890"/>
                  </a:cubicBezTo>
                  <a:cubicBezTo>
                    <a:pt x="14562" y="6115"/>
                    <a:pt x="14838" y="6516"/>
                    <a:pt x="15013" y="6692"/>
                  </a:cubicBezTo>
                  <a:cubicBezTo>
                    <a:pt x="15063" y="6742"/>
                    <a:pt x="15339" y="6842"/>
                    <a:pt x="15464" y="6968"/>
                  </a:cubicBezTo>
                  <a:cubicBezTo>
                    <a:pt x="15514" y="7068"/>
                    <a:pt x="15615" y="7369"/>
                    <a:pt x="15615" y="7469"/>
                  </a:cubicBezTo>
                  <a:cubicBezTo>
                    <a:pt x="15615" y="7594"/>
                    <a:pt x="15565" y="7820"/>
                    <a:pt x="15514" y="7920"/>
                  </a:cubicBezTo>
                  <a:cubicBezTo>
                    <a:pt x="15464" y="7970"/>
                    <a:pt x="15164" y="8045"/>
                    <a:pt x="15113" y="8095"/>
                  </a:cubicBezTo>
                  <a:cubicBezTo>
                    <a:pt x="15063" y="8196"/>
                    <a:pt x="14938" y="8421"/>
                    <a:pt x="14938" y="8597"/>
                  </a:cubicBezTo>
                  <a:cubicBezTo>
                    <a:pt x="14938" y="8772"/>
                    <a:pt x="15113" y="9048"/>
                    <a:pt x="15164" y="9223"/>
                  </a:cubicBezTo>
                  <a:cubicBezTo>
                    <a:pt x="15289" y="9323"/>
                    <a:pt x="15464" y="9549"/>
                    <a:pt x="15565" y="9599"/>
                  </a:cubicBezTo>
                  <a:cubicBezTo>
                    <a:pt x="15690" y="9674"/>
                    <a:pt x="15840" y="9724"/>
                    <a:pt x="15915" y="9775"/>
                  </a:cubicBezTo>
                  <a:cubicBezTo>
                    <a:pt x="15966" y="9825"/>
                    <a:pt x="16141" y="10000"/>
                    <a:pt x="16141" y="10050"/>
                  </a:cubicBezTo>
                  <a:cubicBezTo>
                    <a:pt x="16191" y="10176"/>
                    <a:pt x="16141" y="10401"/>
                    <a:pt x="16141" y="10501"/>
                  </a:cubicBezTo>
                  <a:cubicBezTo>
                    <a:pt x="16141" y="10627"/>
                    <a:pt x="16141" y="10852"/>
                    <a:pt x="16241" y="10902"/>
                  </a:cubicBezTo>
                  <a:cubicBezTo>
                    <a:pt x="16291" y="10953"/>
                    <a:pt x="16517" y="10852"/>
                    <a:pt x="16642" y="10852"/>
                  </a:cubicBezTo>
                  <a:cubicBezTo>
                    <a:pt x="16692" y="10852"/>
                    <a:pt x="16868" y="10852"/>
                    <a:pt x="16868" y="10902"/>
                  </a:cubicBezTo>
                  <a:cubicBezTo>
                    <a:pt x="16968" y="11028"/>
                    <a:pt x="16868" y="11303"/>
                    <a:pt x="16868" y="11404"/>
                  </a:cubicBezTo>
                  <a:cubicBezTo>
                    <a:pt x="16918" y="11479"/>
                    <a:pt x="16968" y="11579"/>
                    <a:pt x="17093" y="11579"/>
                  </a:cubicBezTo>
                  <a:cubicBezTo>
                    <a:pt x="17194" y="11629"/>
                    <a:pt x="17419" y="11479"/>
                    <a:pt x="17544" y="11404"/>
                  </a:cubicBezTo>
                  <a:cubicBezTo>
                    <a:pt x="17595" y="11354"/>
                    <a:pt x="17645" y="11128"/>
                    <a:pt x="17770" y="11128"/>
                  </a:cubicBezTo>
                  <a:cubicBezTo>
                    <a:pt x="17820" y="11078"/>
                    <a:pt x="17996" y="11078"/>
                    <a:pt x="18096" y="11078"/>
                  </a:cubicBezTo>
                  <a:cubicBezTo>
                    <a:pt x="18171" y="11028"/>
                    <a:pt x="18271" y="10852"/>
                    <a:pt x="18321" y="10852"/>
                  </a:cubicBezTo>
                  <a:cubicBezTo>
                    <a:pt x="18497" y="10802"/>
                    <a:pt x="18848" y="10727"/>
                    <a:pt x="18948" y="10727"/>
                  </a:cubicBezTo>
                  <a:cubicBezTo>
                    <a:pt x="19073" y="10802"/>
                    <a:pt x="19174" y="10902"/>
                    <a:pt x="19299" y="10953"/>
                  </a:cubicBezTo>
                  <a:cubicBezTo>
                    <a:pt x="19399" y="11028"/>
                    <a:pt x="19750" y="10902"/>
                    <a:pt x="19850" y="11028"/>
                  </a:cubicBezTo>
                  <a:cubicBezTo>
                    <a:pt x="19976" y="11078"/>
                    <a:pt x="20076" y="11404"/>
                    <a:pt x="20076" y="11529"/>
                  </a:cubicBezTo>
                  <a:cubicBezTo>
                    <a:pt x="20151" y="11629"/>
                    <a:pt x="20151" y="11930"/>
                    <a:pt x="20151" y="12030"/>
                  </a:cubicBezTo>
                  <a:cubicBezTo>
                    <a:pt x="20151" y="12156"/>
                    <a:pt x="20076" y="12481"/>
                    <a:pt x="20151" y="12657"/>
                  </a:cubicBezTo>
                  <a:cubicBezTo>
                    <a:pt x="20201" y="12757"/>
                    <a:pt x="20477" y="12882"/>
                    <a:pt x="20527" y="12983"/>
                  </a:cubicBezTo>
                  <a:lnTo>
                    <a:pt x="20527" y="13208"/>
                  </a:lnTo>
                  <a:lnTo>
                    <a:pt x="20477" y="13208"/>
                  </a:lnTo>
                  <a:cubicBezTo>
                    <a:pt x="20427" y="13208"/>
                    <a:pt x="20301" y="13334"/>
                    <a:pt x="20251" y="13384"/>
                  </a:cubicBezTo>
                  <a:cubicBezTo>
                    <a:pt x="20151" y="13434"/>
                    <a:pt x="19976" y="13484"/>
                    <a:pt x="19900" y="13559"/>
                  </a:cubicBezTo>
                  <a:cubicBezTo>
                    <a:pt x="19850" y="13609"/>
                    <a:pt x="19750" y="13659"/>
                    <a:pt x="19750" y="13709"/>
                  </a:cubicBezTo>
                  <a:cubicBezTo>
                    <a:pt x="19675" y="13785"/>
                    <a:pt x="19625" y="13885"/>
                    <a:pt x="19575" y="13935"/>
                  </a:cubicBezTo>
                  <a:cubicBezTo>
                    <a:pt x="19524" y="13935"/>
                    <a:pt x="19449" y="13885"/>
                    <a:pt x="19399" y="13885"/>
                  </a:cubicBezTo>
                  <a:cubicBezTo>
                    <a:pt x="19349" y="13885"/>
                    <a:pt x="19224" y="14010"/>
                    <a:pt x="19174" y="14060"/>
                  </a:cubicBezTo>
                  <a:cubicBezTo>
                    <a:pt x="18998" y="14110"/>
                    <a:pt x="18722" y="14336"/>
                    <a:pt x="18622" y="14461"/>
                  </a:cubicBezTo>
                  <a:cubicBezTo>
                    <a:pt x="18547" y="14461"/>
                    <a:pt x="18397" y="14511"/>
                    <a:pt x="18321" y="14562"/>
                  </a:cubicBezTo>
                  <a:cubicBezTo>
                    <a:pt x="18221" y="14562"/>
                    <a:pt x="18096" y="14687"/>
                    <a:pt x="17996" y="14737"/>
                  </a:cubicBezTo>
                  <a:cubicBezTo>
                    <a:pt x="17945" y="14787"/>
                    <a:pt x="17770" y="14912"/>
                    <a:pt x="17645" y="14963"/>
                  </a:cubicBezTo>
                  <a:cubicBezTo>
                    <a:pt x="17595" y="14963"/>
                    <a:pt x="17419" y="15063"/>
                    <a:pt x="17369" y="15113"/>
                  </a:cubicBezTo>
                  <a:cubicBezTo>
                    <a:pt x="17269" y="15188"/>
                    <a:pt x="17143" y="15288"/>
                    <a:pt x="17043" y="15339"/>
                  </a:cubicBezTo>
                  <a:cubicBezTo>
                    <a:pt x="16868" y="15464"/>
                    <a:pt x="16467" y="15564"/>
                    <a:pt x="16291" y="15639"/>
                  </a:cubicBezTo>
                  <a:cubicBezTo>
                    <a:pt x="16191" y="15689"/>
                    <a:pt x="15966" y="15915"/>
                    <a:pt x="15840" y="15915"/>
                  </a:cubicBezTo>
                  <a:cubicBezTo>
                    <a:pt x="15790" y="15965"/>
                    <a:pt x="15690" y="15965"/>
                    <a:pt x="15690" y="15965"/>
                  </a:cubicBezTo>
                  <a:cubicBezTo>
                    <a:pt x="15615" y="15915"/>
                    <a:pt x="15565" y="15790"/>
                    <a:pt x="15565" y="15740"/>
                  </a:cubicBezTo>
                  <a:cubicBezTo>
                    <a:pt x="15565" y="15689"/>
                    <a:pt x="15565" y="15564"/>
                    <a:pt x="15615" y="15514"/>
                  </a:cubicBezTo>
                  <a:cubicBezTo>
                    <a:pt x="15690" y="15464"/>
                    <a:pt x="15840" y="15464"/>
                    <a:pt x="15915" y="15414"/>
                  </a:cubicBezTo>
                  <a:cubicBezTo>
                    <a:pt x="15966" y="15414"/>
                    <a:pt x="16066" y="15288"/>
                    <a:pt x="16141" y="15238"/>
                  </a:cubicBezTo>
                  <a:cubicBezTo>
                    <a:pt x="16191" y="15188"/>
                    <a:pt x="16291" y="15113"/>
                    <a:pt x="16367" y="15063"/>
                  </a:cubicBezTo>
                  <a:cubicBezTo>
                    <a:pt x="16417" y="15013"/>
                    <a:pt x="16467" y="14837"/>
                    <a:pt x="16517" y="14787"/>
                  </a:cubicBezTo>
                  <a:lnTo>
                    <a:pt x="16642" y="14787"/>
                  </a:lnTo>
                  <a:cubicBezTo>
                    <a:pt x="16692" y="14837"/>
                    <a:pt x="16692" y="14912"/>
                    <a:pt x="16742" y="14963"/>
                  </a:cubicBezTo>
                  <a:cubicBezTo>
                    <a:pt x="16818" y="14963"/>
                    <a:pt x="16918" y="14912"/>
                    <a:pt x="16968" y="14912"/>
                  </a:cubicBezTo>
                  <a:cubicBezTo>
                    <a:pt x="17043" y="14837"/>
                    <a:pt x="17143" y="14787"/>
                    <a:pt x="17143" y="14737"/>
                  </a:cubicBezTo>
                  <a:cubicBezTo>
                    <a:pt x="17143" y="14687"/>
                    <a:pt x="17093" y="14612"/>
                    <a:pt x="17043" y="14612"/>
                  </a:cubicBezTo>
                  <a:cubicBezTo>
                    <a:pt x="17043" y="14612"/>
                    <a:pt x="16968" y="14737"/>
                    <a:pt x="16918" y="14737"/>
                  </a:cubicBezTo>
                  <a:lnTo>
                    <a:pt x="16818" y="14687"/>
                  </a:lnTo>
                  <a:cubicBezTo>
                    <a:pt x="16818" y="14612"/>
                    <a:pt x="16968" y="14511"/>
                    <a:pt x="16968" y="14461"/>
                  </a:cubicBezTo>
                  <a:lnTo>
                    <a:pt x="16818" y="14461"/>
                  </a:lnTo>
                  <a:cubicBezTo>
                    <a:pt x="16742" y="14461"/>
                    <a:pt x="16692" y="14511"/>
                    <a:pt x="16642" y="14511"/>
                  </a:cubicBezTo>
                  <a:cubicBezTo>
                    <a:pt x="16592" y="14461"/>
                    <a:pt x="16417" y="14386"/>
                    <a:pt x="16367" y="14386"/>
                  </a:cubicBezTo>
                  <a:lnTo>
                    <a:pt x="16191" y="14386"/>
                  </a:lnTo>
                  <a:cubicBezTo>
                    <a:pt x="16191" y="14386"/>
                    <a:pt x="16191" y="14511"/>
                    <a:pt x="16141" y="14511"/>
                  </a:cubicBezTo>
                  <a:cubicBezTo>
                    <a:pt x="16141" y="14562"/>
                    <a:pt x="15966" y="14562"/>
                    <a:pt x="15915" y="14612"/>
                  </a:cubicBezTo>
                  <a:lnTo>
                    <a:pt x="15915" y="14787"/>
                  </a:lnTo>
                  <a:cubicBezTo>
                    <a:pt x="15915" y="14837"/>
                    <a:pt x="15966" y="14963"/>
                    <a:pt x="15966" y="15013"/>
                  </a:cubicBezTo>
                  <a:cubicBezTo>
                    <a:pt x="15966" y="15063"/>
                    <a:pt x="15840" y="15113"/>
                    <a:pt x="15790" y="15113"/>
                  </a:cubicBezTo>
                  <a:cubicBezTo>
                    <a:pt x="15740" y="15063"/>
                    <a:pt x="15790" y="14912"/>
                    <a:pt x="15740" y="14912"/>
                  </a:cubicBezTo>
                  <a:cubicBezTo>
                    <a:pt x="15740" y="14912"/>
                    <a:pt x="15615" y="14963"/>
                    <a:pt x="15615" y="15013"/>
                  </a:cubicBezTo>
                  <a:cubicBezTo>
                    <a:pt x="15565" y="15013"/>
                    <a:pt x="15514" y="15063"/>
                    <a:pt x="15464" y="15063"/>
                  </a:cubicBezTo>
                  <a:cubicBezTo>
                    <a:pt x="15389" y="15063"/>
                    <a:pt x="15339" y="15013"/>
                    <a:pt x="15289" y="15013"/>
                  </a:cubicBezTo>
                  <a:lnTo>
                    <a:pt x="15063" y="15013"/>
                  </a:lnTo>
                  <a:cubicBezTo>
                    <a:pt x="15013" y="15063"/>
                    <a:pt x="15013" y="15113"/>
                    <a:pt x="14938" y="15113"/>
                  </a:cubicBezTo>
                  <a:cubicBezTo>
                    <a:pt x="14938" y="15188"/>
                    <a:pt x="14888" y="15339"/>
                    <a:pt x="14788" y="15414"/>
                  </a:cubicBezTo>
                  <a:cubicBezTo>
                    <a:pt x="14788" y="15414"/>
                    <a:pt x="14662" y="15414"/>
                    <a:pt x="14612" y="15464"/>
                  </a:cubicBezTo>
                  <a:cubicBezTo>
                    <a:pt x="14562" y="15464"/>
                    <a:pt x="14487" y="15564"/>
                    <a:pt x="14487" y="15639"/>
                  </a:cubicBezTo>
                  <a:cubicBezTo>
                    <a:pt x="14562" y="15689"/>
                    <a:pt x="14712" y="15564"/>
                    <a:pt x="14788" y="15639"/>
                  </a:cubicBezTo>
                  <a:cubicBezTo>
                    <a:pt x="14888" y="15639"/>
                    <a:pt x="15013" y="15639"/>
                    <a:pt x="15013" y="15689"/>
                  </a:cubicBezTo>
                  <a:cubicBezTo>
                    <a:pt x="15063" y="15790"/>
                    <a:pt x="15013" y="15965"/>
                    <a:pt x="14938" y="16015"/>
                  </a:cubicBezTo>
                  <a:lnTo>
                    <a:pt x="14662" y="16015"/>
                  </a:lnTo>
                  <a:cubicBezTo>
                    <a:pt x="14612" y="16015"/>
                    <a:pt x="14612" y="15915"/>
                    <a:pt x="14562" y="15865"/>
                  </a:cubicBezTo>
                  <a:cubicBezTo>
                    <a:pt x="14437" y="15865"/>
                    <a:pt x="14261" y="15915"/>
                    <a:pt x="14261" y="15965"/>
                  </a:cubicBezTo>
                  <a:cubicBezTo>
                    <a:pt x="14211" y="15965"/>
                    <a:pt x="14211" y="16141"/>
                    <a:pt x="14211" y="16191"/>
                  </a:cubicBezTo>
                  <a:cubicBezTo>
                    <a:pt x="14261" y="16241"/>
                    <a:pt x="14336" y="16366"/>
                    <a:pt x="14336" y="16416"/>
                  </a:cubicBezTo>
                  <a:cubicBezTo>
                    <a:pt x="14261" y="16416"/>
                    <a:pt x="14211" y="16466"/>
                    <a:pt x="14211" y="16466"/>
                  </a:cubicBezTo>
                  <a:cubicBezTo>
                    <a:pt x="14211" y="16592"/>
                    <a:pt x="14261" y="16767"/>
                    <a:pt x="14261" y="16867"/>
                  </a:cubicBezTo>
                  <a:cubicBezTo>
                    <a:pt x="14211" y="16917"/>
                    <a:pt x="14111" y="16917"/>
                    <a:pt x="14111" y="16917"/>
                  </a:cubicBezTo>
                  <a:cubicBezTo>
                    <a:pt x="14036" y="16993"/>
                    <a:pt x="13935" y="16917"/>
                    <a:pt x="13885" y="16917"/>
                  </a:cubicBezTo>
                  <a:cubicBezTo>
                    <a:pt x="13810" y="16867"/>
                    <a:pt x="13710" y="16817"/>
                    <a:pt x="13710" y="16767"/>
                  </a:cubicBezTo>
                  <a:cubicBezTo>
                    <a:pt x="13710" y="16692"/>
                    <a:pt x="13810" y="16542"/>
                    <a:pt x="13810" y="16416"/>
                  </a:cubicBezTo>
                  <a:cubicBezTo>
                    <a:pt x="13760" y="16366"/>
                    <a:pt x="13660" y="16316"/>
                    <a:pt x="13585" y="16241"/>
                  </a:cubicBezTo>
                  <a:cubicBezTo>
                    <a:pt x="13585" y="16241"/>
                    <a:pt x="13585" y="16090"/>
                    <a:pt x="13534" y="16090"/>
                  </a:cubicBezTo>
                  <a:cubicBezTo>
                    <a:pt x="13484" y="16090"/>
                    <a:pt x="13359" y="16191"/>
                    <a:pt x="13309" y="16241"/>
                  </a:cubicBezTo>
                  <a:lnTo>
                    <a:pt x="13309" y="16466"/>
                  </a:lnTo>
                  <a:cubicBezTo>
                    <a:pt x="13359" y="16542"/>
                    <a:pt x="13434" y="16642"/>
                    <a:pt x="13434" y="16692"/>
                  </a:cubicBezTo>
                  <a:cubicBezTo>
                    <a:pt x="13434" y="16767"/>
                    <a:pt x="13309" y="16817"/>
                    <a:pt x="13309" y="16867"/>
                  </a:cubicBezTo>
                  <a:cubicBezTo>
                    <a:pt x="13259" y="16993"/>
                    <a:pt x="13259" y="17218"/>
                    <a:pt x="13259" y="17369"/>
                  </a:cubicBezTo>
                  <a:cubicBezTo>
                    <a:pt x="13259" y="17444"/>
                    <a:pt x="13309" y="17594"/>
                    <a:pt x="13359" y="17669"/>
                  </a:cubicBezTo>
                  <a:cubicBezTo>
                    <a:pt x="13434" y="17720"/>
                    <a:pt x="13585" y="17669"/>
                    <a:pt x="13660" y="17720"/>
                  </a:cubicBezTo>
                  <a:cubicBezTo>
                    <a:pt x="13710" y="17720"/>
                    <a:pt x="13710" y="17870"/>
                    <a:pt x="13760" y="17945"/>
                  </a:cubicBezTo>
                  <a:lnTo>
                    <a:pt x="13986" y="17945"/>
                  </a:lnTo>
                  <a:cubicBezTo>
                    <a:pt x="14111" y="17945"/>
                    <a:pt x="14261" y="17870"/>
                    <a:pt x="14336" y="17870"/>
                  </a:cubicBezTo>
                  <a:cubicBezTo>
                    <a:pt x="14387" y="17870"/>
                    <a:pt x="14487" y="17870"/>
                    <a:pt x="14562" y="17945"/>
                  </a:cubicBezTo>
                  <a:cubicBezTo>
                    <a:pt x="14562" y="17995"/>
                    <a:pt x="14487" y="18095"/>
                    <a:pt x="14487" y="18171"/>
                  </a:cubicBezTo>
                  <a:cubicBezTo>
                    <a:pt x="14487" y="18171"/>
                    <a:pt x="14437" y="18271"/>
                    <a:pt x="14437" y="18321"/>
                  </a:cubicBezTo>
                  <a:cubicBezTo>
                    <a:pt x="14437" y="18396"/>
                    <a:pt x="14487" y="18446"/>
                    <a:pt x="14562" y="18446"/>
                  </a:cubicBezTo>
                  <a:cubicBezTo>
                    <a:pt x="14612" y="18446"/>
                    <a:pt x="14662" y="18446"/>
                    <a:pt x="14662" y="18396"/>
                  </a:cubicBezTo>
                  <a:lnTo>
                    <a:pt x="14662" y="18221"/>
                  </a:lnTo>
                  <a:lnTo>
                    <a:pt x="14662" y="17945"/>
                  </a:lnTo>
                  <a:cubicBezTo>
                    <a:pt x="14712" y="17870"/>
                    <a:pt x="14712" y="17770"/>
                    <a:pt x="14788" y="17720"/>
                  </a:cubicBezTo>
                  <a:lnTo>
                    <a:pt x="14788" y="17369"/>
                  </a:lnTo>
                  <a:cubicBezTo>
                    <a:pt x="14838" y="17318"/>
                    <a:pt x="14838" y="17268"/>
                    <a:pt x="14838" y="17218"/>
                  </a:cubicBezTo>
                  <a:cubicBezTo>
                    <a:pt x="14838" y="17143"/>
                    <a:pt x="14788" y="17043"/>
                    <a:pt x="14838" y="16993"/>
                  </a:cubicBezTo>
                  <a:lnTo>
                    <a:pt x="14938" y="16993"/>
                  </a:lnTo>
                  <a:cubicBezTo>
                    <a:pt x="15013" y="17043"/>
                    <a:pt x="15013" y="17143"/>
                    <a:pt x="15013" y="17218"/>
                  </a:cubicBezTo>
                  <a:cubicBezTo>
                    <a:pt x="15013" y="17268"/>
                    <a:pt x="14938" y="17318"/>
                    <a:pt x="14938" y="17369"/>
                  </a:cubicBezTo>
                  <a:cubicBezTo>
                    <a:pt x="14938" y="17494"/>
                    <a:pt x="14888" y="17669"/>
                    <a:pt x="14888" y="17720"/>
                  </a:cubicBezTo>
                  <a:cubicBezTo>
                    <a:pt x="14888" y="17820"/>
                    <a:pt x="14838" y="17995"/>
                    <a:pt x="14838" y="18045"/>
                  </a:cubicBezTo>
                  <a:cubicBezTo>
                    <a:pt x="14838" y="18095"/>
                    <a:pt x="14888" y="18171"/>
                    <a:pt x="14888" y="18221"/>
                  </a:cubicBezTo>
                  <a:cubicBezTo>
                    <a:pt x="14888" y="18271"/>
                    <a:pt x="14838" y="18396"/>
                    <a:pt x="14838" y="18396"/>
                  </a:cubicBezTo>
                  <a:cubicBezTo>
                    <a:pt x="14788" y="18446"/>
                    <a:pt x="14712" y="18547"/>
                    <a:pt x="14712" y="18622"/>
                  </a:cubicBezTo>
                  <a:cubicBezTo>
                    <a:pt x="14712" y="18722"/>
                    <a:pt x="14788" y="18847"/>
                    <a:pt x="14788" y="18948"/>
                  </a:cubicBezTo>
                  <a:cubicBezTo>
                    <a:pt x="14838" y="18948"/>
                    <a:pt x="14788" y="19073"/>
                    <a:pt x="14788" y="19073"/>
                  </a:cubicBezTo>
                  <a:cubicBezTo>
                    <a:pt x="14838" y="19123"/>
                    <a:pt x="14888" y="19073"/>
                    <a:pt x="14888" y="19123"/>
                  </a:cubicBezTo>
                  <a:cubicBezTo>
                    <a:pt x="14938" y="19173"/>
                    <a:pt x="14938" y="19298"/>
                    <a:pt x="14938" y="19349"/>
                  </a:cubicBezTo>
                  <a:lnTo>
                    <a:pt x="15063" y="19399"/>
                  </a:lnTo>
                  <a:cubicBezTo>
                    <a:pt x="15063" y="19449"/>
                    <a:pt x="15113" y="19524"/>
                    <a:pt x="15113" y="19574"/>
                  </a:cubicBezTo>
                  <a:cubicBezTo>
                    <a:pt x="15113" y="19624"/>
                    <a:pt x="15013" y="19674"/>
                    <a:pt x="15013" y="19674"/>
                  </a:cubicBezTo>
                  <a:cubicBezTo>
                    <a:pt x="15013" y="19750"/>
                    <a:pt x="15063" y="19850"/>
                    <a:pt x="15063" y="19900"/>
                  </a:cubicBezTo>
                  <a:cubicBezTo>
                    <a:pt x="15013" y="19975"/>
                    <a:pt x="15013" y="20025"/>
                    <a:pt x="14938" y="20025"/>
                  </a:cubicBezTo>
                  <a:cubicBezTo>
                    <a:pt x="14888" y="20025"/>
                    <a:pt x="14838" y="19975"/>
                    <a:pt x="14788" y="19900"/>
                  </a:cubicBezTo>
                  <a:lnTo>
                    <a:pt x="14788" y="19800"/>
                  </a:lnTo>
                  <a:cubicBezTo>
                    <a:pt x="14712" y="19750"/>
                    <a:pt x="14612" y="19800"/>
                    <a:pt x="14612" y="19800"/>
                  </a:cubicBezTo>
                  <a:cubicBezTo>
                    <a:pt x="14562" y="19850"/>
                    <a:pt x="14562" y="19975"/>
                    <a:pt x="14562" y="20025"/>
                  </a:cubicBezTo>
                  <a:cubicBezTo>
                    <a:pt x="14612" y="20075"/>
                    <a:pt x="14662" y="20126"/>
                    <a:pt x="14712" y="20201"/>
                  </a:cubicBezTo>
                  <a:cubicBezTo>
                    <a:pt x="14712" y="20251"/>
                    <a:pt x="14662" y="20301"/>
                    <a:pt x="14662" y="20301"/>
                  </a:cubicBezTo>
                  <a:cubicBezTo>
                    <a:pt x="14662" y="20351"/>
                    <a:pt x="14612" y="20426"/>
                    <a:pt x="14662" y="20426"/>
                  </a:cubicBezTo>
                  <a:cubicBezTo>
                    <a:pt x="14662" y="20476"/>
                    <a:pt x="14788" y="20426"/>
                    <a:pt x="14788" y="20426"/>
                  </a:cubicBezTo>
                  <a:cubicBezTo>
                    <a:pt x="14838" y="20426"/>
                    <a:pt x="14838" y="20301"/>
                    <a:pt x="14888" y="20251"/>
                  </a:cubicBezTo>
                  <a:cubicBezTo>
                    <a:pt x="14888" y="20251"/>
                    <a:pt x="15013" y="20301"/>
                    <a:pt x="15063" y="20351"/>
                  </a:cubicBezTo>
                  <a:cubicBezTo>
                    <a:pt x="15063" y="20351"/>
                    <a:pt x="15113" y="20527"/>
                    <a:pt x="15164" y="20527"/>
                  </a:cubicBezTo>
                  <a:cubicBezTo>
                    <a:pt x="15164" y="20577"/>
                    <a:pt x="15239" y="20652"/>
                    <a:pt x="15289" y="20652"/>
                  </a:cubicBezTo>
                  <a:cubicBezTo>
                    <a:pt x="15339" y="20652"/>
                    <a:pt x="15389" y="20527"/>
                    <a:pt x="15464" y="20527"/>
                  </a:cubicBezTo>
                  <a:cubicBezTo>
                    <a:pt x="15514" y="20527"/>
                    <a:pt x="15615" y="20577"/>
                    <a:pt x="15615" y="20652"/>
                  </a:cubicBezTo>
                  <a:cubicBezTo>
                    <a:pt x="15690" y="20702"/>
                    <a:pt x="15740" y="20752"/>
                    <a:pt x="15790" y="20802"/>
                  </a:cubicBezTo>
                  <a:cubicBezTo>
                    <a:pt x="15915" y="20928"/>
                    <a:pt x="16141" y="20978"/>
                    <a:pt x="16191" y="21078"/>
                  </a:cubicBezTo>
                  <a:cubicBezTo>
                    <a:pt x="16241" y="21153"/>
                    <a:pt x="16367" y="21203"/>
                    <a:pt x="16367" y="21253"/>
                  </a:cubicBezTo>
                  <a:cubicBezTo>
                    <a:pt x="16417" y="21303"/>
                    <a:pt x="16417" y="21379"/>
                    <a:pt x="16417" y="21379"/>
                  </a:cubicBezTo>
                  <a:cubicBezTo>
                    <a:pt x="16367" y="21429"/>
                    <a:pt x="16291" y="21379"/>
                    <a:pt x="16241" y="21379"/>
                  </a:cubicBezTo>
                  <a:cubicBezTo>
                    <a:pt x="16191" y="21379"/>
                    <a:pt x="16066" y="21303"/>
                    <a:pt x="16016" y="21379"/>
                  </a:cubicBezTo>
                  <a:cubicBezTo>
                    <a:pt x="15966" y="21379"/>
                    <a:pt x="15915" y="21429"/>
                    <a:pt x="15915" y="21429"/>
                  </a:cubicBezTo>
                  <a:cubicBezTo>
                    <a:pt x="15915" y="21479"/>
                    <a:pt x="15915" y="21604"/>
                    <a:pt x="15966" y="21654"/>
                  </a:cubicBezTo>
                  <a:lnTo>
                    <a:pt x="16141" y="21654"/>
                  </a:lnTo>
                  <a:cubicBezTo>
                    <a:pt x="16191" y="21604"/>
                    <a:pt x="16241" y="21529"/>
                    <a:pt x="16291" y="21529"/>
                  </a:cubicBezTo>
                  <a:cubicBezTo>
                    <a:pt x="16367" y="21529"/>
                    <a:pt x="16417" y="21529"/>
                    <a:pt x="16417" y="21604"/>
                  </a:cubicBezTo>
                  <a:cubicBezTo>
                    <a:pt x="16467" y="21604"/>
                    <a:pt x="16467" y="21755"/>
                    <a:pt x="16467" y="21755"/>
                  </a:cubicBezTo>
                  <a:cubicBezTo>
                    <a:pt x="16517" y="21830"/>
                    <a:pt x="16642" y="21830"/>
                    <a:pt x="16692" y="21880"/>
                  </a:cubicBezTo>
                  <a:cubicBezTo>
                    <a:pt x="16742" y="21930"/>
                    <a:pt x="16742" y="21980"/>
                    <a:pt x="16742" y="22055"/>
                  </a:cubicBezTo>
                  <a:cubicBezTo>
                    <a:pt x="16742" y="22105"/>
                    <a:pt x="16692" y="22156"/>
                    <a:pt x="16642" y="22206"/>
                  </a:cubicBezTo>
                  <a:cubicBezTo>
                    <a:pt x="16642" y="22281"/>
                    <a:pt x="16592" y="22381"/>
                    <a:pt x="16592" y="22431"/>
                  </a:cubicBezTo>
                  <a:cubicBezTo>
                    <a:pt x="16517" y="22506"/>
                    <a:pt x="16592" y="22657"/>
                    <a:pt x="16592" y="22732"/>
                  </a:cubicBezTo>
                  <a:cubicBezTo>
                    <a:pt x="16592" y="22782"/>
                    <a:pt x="16592" y="22958"/>
                    <a:pt x="16517" y="23008"/>
                  </a:cubicBezTo>
                  <a:cubicBezTo>
                    <a:pt x="16517" y="23058"/>
                    <a:pt x="16467" y="23183"/>
                    <a:pt x="16417" y="23183"/>
                  </a:cubicBezTo>
                  <a:cubicBezTo>
                    <a:pt x="16367" y="23233"/>
                    <a:pt x="16191" y="23233"/>
                    <a:pt x="16141" y="23233"/>
                  </a:cubicBezTo>
                  <a:cubicBezTo>
                    <a:pt x="16066" y="23183"/>
                    <a:pt x="16016" y="23058"/>
                    <a:pt x="16016" y="23058"/>
                  </a:cubicBezTo>
                  <a:cubicBezTo>
                    <a:pt x="16016" y="22958"/>
                    <a:pt x="16066" y="22882"/>
                    <a:pt x="16066" y="22832"/>
                  </a:cubicBezTo>
                  <a:cubicBezTo>
                    <a:pt x="16141" y="22732"/>
                    <a:pt x="16141" y="22557"/>
                    <a:pt x="16066" y="22506"/>
                  </a:cubicBezTo>
                  <a:cubicBezTo>
                    <a:pt x="16066" y="22431"/>
                    <a:pt x="15966" y="22381"/>
                    <a:pt x="15915" y="22431"/>
                  </a:cubicBezTo>
                  <a:cubicBezTo>
                    <a:pt x="15840" y="22431"/>
                    <a:pt x="15840" y="22557"/>
                    <a:pt x="15790" y="22607"/>
                  </a:cubicBezTo>
                  <a:cubicBezTo>
                    <a:pt x="15740" y="22607"/>
                    <a:pt x="15690" y="22657"/>
                    <a:pt x="15690" y="22732"/>
                  </a:cubicBezTo>
                  <a:cubicBezTo>
                    <a:pt x="15690" y="22782"/>
                    <a:pt x="15690" y="22882"/>
                    <a:pt x="15740" y="22882"/>
                  </a:cubicBezTo>
                  <a:lnTo>
                    <a:pt x="15840" y="22882"/>
                  </a:lnTo>
                  <a:cubicBezTo>
                    <a:pt x="15915" y="22958"/>
                    <a:pt x="15840" y="23058"/>
                    <a:pt x="15840" y="23108"/>
                  </a:cubicBezTo>
                  <a:cubicBezTo>
                    <a:pt x="15840" y="23183"/>
                    <a:pt x="15740" y="23183"/>
                    <a:pt x="15740" y="23233"/>
                  </a:cubicBezTo>
                  <a:cubicBezTo>
                    <a:pt x="15740" y="23283"/>
                    <a:pt x="15915" y="23334"/>
                    <a:pt x="15966" y="23409"/>
                  </a:cubicBezTo>
                  <a:cubicBezTo>
                    <a:pt x="15966" y="23459"/>
                    <a:pt x="15915" y="23559"/>
                    <a:pt x="15840" y="23609"/>
                  </a:cubicBezTo>
                  <a:cubicBezTo>
                    <a:pt x="15790" y="23684"/>
                    <a:pt x="15740" y="23835"/>
                    <a:pt x="15615" y="23910"/>
                  </a:cubicBezTo>
                  <a:cubicBezTo>
                    <a:pt x="15565" y="23910"/>
                    <a:pt x="15464" y="23835"/>
                    <a:pt x="15389" y="23835"/>
                  </a:cubicBezTo>
                  <a:cubicBezTo>
                    <a:pt x="15339" y="23785"/>
                    <a:pt x="15339" y="23559"/>
                    <a:pt x="15289" y="23509"/>
                  </a:cubicBezTo>
                  <a:cubicBezTo>
                    <a:pt x="15239" y="23509"/>
                    <a:pt x="15164" y="23459"/>
                    <a:pt x="15113" y="23409"/>
                  </a:cubicBezTo>
                  <a:cubicBezTo>
                    <a:pt x="15113" y="23409"/>
                    <a:pt x="15113" y="23283"/>
                    <a:pt x="15063" y="23283"/>
                  </a:cubicBezTo>
                  <a:cubicBezTo>
                    <a:pt x="15013" y="23283"/>
                    <a:pt x="14888" y="23283"/>
                    <a:pt x="14838" y="23334"/>
                  </a:cubicBezTo>
                  <a:cubicBezTo>
                    <a:pt x="14788" y="23334"/>
                    <a:pt x="14712" y="23409"/>
                    <a:pt x="14712" y="23409"/>
                  </a:cubicBezTo>
                  <a:cubicBezTo>
                    <a:pt x="14662" y="23283"/>
                    <a:pt x="14662" y="23233"/>
                    <a:pt x="14612" y="23183"/>
                  </a:cubicBezTo>
                  <a:cubicBezTo>
                    <a:pt x="14562" y="23008"/>
                    <a:pt x="14336" y="22832"/>
                    <a:pt x="14211" y="22732"/>
                  </a:cubicBezTo>
                  <a:cubicBezTo>
                    <a:pt x="14161" y="22607"/>
                    <a:pt x="13986" y="22381"/>
                    <a:pt x="13885" y="22331"/>
                  </a:cubicBezTo>
                  <a:cubicBezTo>
                    <a:pt x="13810" y="22206"/>
                    <a:pt x="13660" y="22055"/>
                    <a:pt x="13534" y="21980"/>
                  </a:cubicBezTo>
                  <a:cubicBezTo>
                    <a:pt x="13309" y="21880"/>
                    <a:pt x="12908" y="21654"/>
                    <a:pt x="12682" y="21654"/>
                  </a:cubicBezTo>
                  <a:cubicBezTo>
                    <a:pt x="12582" y="21604"/>
                    <a:pt x="12306" y="21654"/>
                    <a:pt x="12131" y="21704"/>
                  </a:cubicBezTo>
                  <a:cubicBezTo>
                    <a:pt x="12081" y="21704"/>
                    <a:pt x="11855" y="21704"/>
                    <a:pt x="11730" y="21755"/>
                  </a:cubicBezTo>
                  <a:cubicBezTo>
                    <a:pt x="11630" y="21830"/>
                    <a:pt x="11554" y="22055"/>
                    <a:pt x="11504" y="22156"/>
                  </a:cubicBezTo>
                  <a:cubicBezTo>
                    <a:pt x="11404" y="22206"/>
                    <a:pt x="11103" y="22281"/>
                    <a:pt x="11003" y="22281"/>
                  </a:cubicBezTo>
                  <a:cubicBezTo>
                    <a:pt x="10878" y="22281"/>
                    <a:pt x="10727" y="22156"/>
                    <a:pt x="10602" y="22105"/>
                  </a:cubicBezTo>
                  <a:cubicBezTo>
                    <a:pt x="10552" y="22105"/>
                    <a:pt x="10427" y="21930"/>
                    <a:pt x="10326" y="21880"/>
                  </a:cubicBezTo>
                  <a:cubicBezTo>
                    <a:pt x="10151" y="21880"/>
                    <a:pt x="9875" y="21930"/>
                    <a:pt x="9750" y="22055"/>
                  </a:cubicBezTo>
                  <a:cubicBezTo>
                    <a:pt x="9700" y="22105"/>
                    <a:pt x="9650" y="22331"/>
                    <a:pt x="9600" y="22431"/>
                  </a:cubicBezTo>
                  <a:cubicBezTo>
                    <a:pt x="9474" y="22557"/>
                    <a:pt x="9299" y="22732"/>
                    <a:pt x="9199" y="22782"/>
                  </a:cubicBezTo>
                  <a:cubicBezTo>
                    <a:pt x="9148" y="22832"/>
                    <a:pt x="8973" y="22882"/>
                    <a:pt x="8923" y="22832"/>
                  </a:cubicBezTo>
                  <a:cubicBezTo>
                    <a:pt x="8747" y="22832"/>
                    <a:pt x="8472" y="22732"/>
                    <a:pt x="8346" y="22657"/>
                  </a:cubicBezTo>
                  <a:cubicBezTo>
                    <a:pt x="8246" y="22607"/>
                    <a:pt x="8071" y="22381"/>
                    <a:pt x="7945" y="22331"/>
                  </a:cubicBezTo>
                  <a:cubicBezTo>
                    <a:pt x="7795" y="22281"/>
                    <a:pt x="7494" y="22206"/>
                    <a:pt x="7394" y="22105"/>
                  </a:cubicBezTo>
                  <a:cubicBezTo>
                    <a:pt x="7269" y="22105"/>
                    <a:pt x="7168" y="21930"/>
                    <a:pt x="7043" y="21880"/>
                  </a:cubicBezTo>
                  <a:cubicBezTo>
                    <a:pt x="6943" y="21830"/>
                    <a:pt x="6667" y="21830"/>
                    <a:pt x="6492" y="21830"/>
                  </a:cubicBezTo>
                  <a:cubicBezTo>
                    <a:pt x="6366" y="21830"/>
                    <a:pt x="6091" y="21880"/>
                    <a:pt x="5915" y="21830"/>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84" name="Google Shape;341;p16">
              <a:extLst>
                <a:ext uri="{FF2B5EF4-FFF2-40B4-BE49-F238E27FC236}">
                  <a16:creationId xmlns:a16="http://schemas.microsoft.com/office/drawing/2014/main" id="{05F1CF0E-9BF0-807F-91B8-52398C41DFA6}"/>
                </a:ext>
              </a:extLst>
            </p:cNvPr>
            <p:cNvSpPr/>
            <p:nvPr/>
          </p:nvSpPr>
          <p:spPr>
            <a:xfrm>
              <a:off x="2224466" y="1156120"/>
              <a:ext cx="572909" cy="667356"/>
            </a:xfrm>
            <a:custGeom>
              <a:avLst/>
              <a:gdLst/>
              <a:ahLst/>
              <a:cxnLst/>
              <a:rect l="l" t="t" r="r" b="b"/>
              <a:pathLst>
                <a:path w="20527" h="23911" extrusionOk="0">
                  <a:moveTo>
                    <a:pt x="15013" y="0"/>
                  </a:moveTo>
                  <a:cubicBezTo>
                    <a:pt x="14888" y="100"/>
                    <a:pt x="14662" y="226"/>
                    <a:pt x="14662" y="326"/>
                  </a:cubicBezTo>
                  <a:cubicBezTo>
                    <a:pt x="14562" y="501"/>
                    <a:pt x="14612" y="952"/>
                    <a:pt x="14437" y="1053"/>
                  </a:cubicBezTo>
                  <a:cubicBezTo>
                    <a:pt x="14419" y="1098"/>
                    <a:pt x="14362" y="1111"/>
                    <a:pt x="14291" y="1111"/>
                  </a:cubicBezTo>
                  <a:cubicBezTo>
                    <a:pt x="14202" y="1111"/>
                    <a:pt x="14092" y="1090"/>
                    <a:pt x="14013" y="1090"/>
                  </a:cubicBezTo>
                  <a:cubicBezTo>
                    <a:pt x="13981" y="1090"/>
                    <a:pt x="13954" y="1094"/>
                    <a:pt x="13935" y="1103"/>
                  </a:cubicBezTo>
                  <a:cubicBezTo>
                    <a:pt x="13810" y="1178"/>
                    <a:pt x="13585" y="1328"/>
                    <a:pt x="13484" y="1404"/>
                  </a:cubicBezTo>
                  <a:cubicBezTo>
                    <a:pt x="13359" y="1404"/>
                    <a:pt x="13083" y="1328"/>
                    <a:pt x="12983" y="1278"/>
                  </a:cubicBezTo>
                  <a:cubicBezTo>
                    <a:pt x="12808" y="1228"/>
                    <a:pt x="12632" y="952"/>
                    <a:pt x="12457" y="902"/>
                  </a:cubicBezTo>
                  <a:cubicBezTo>
                    <a:pt x="12435" y="886"/>
                    <a:pt x="12400" y="879"/>
                    <a:pt x="12359" y="879"/>
                  </a:cubicBezTo>
                  <a:cubicBezTo>
                    <a:pt x="12214" y="879"/>
                    <a:pt x="11983" y="964"/>
                    <a:pt x="11905" y="1003"/>
                  </a:cubicBezTo>
                  <a:cubicBezTo>
                    <a:pt x="11855" y="1103"/>
                    <a:pt x="11780" y="1328"/>
                    <a:pt x="11730" y="1454"/>
                  </a:cubicBezTo>
                  <a:cubicBezTo>
                    <a:pt x="11680" y="1629"/>
                    <a:pt x="11780" y="2005"/>
                    <a:pt x="11680" y="2130"/>
                  </a:cubicBezTo>
                  <a:cubicBezTo>
                    <a:pt x="11630" y="2231"/>
                    <a:pt x="11329" y="2306"/>
                    <a:pt x="11229" y="2306"/>
                  </a:cubicBezTo>
                  <a:cubicBezTo>
                    <a:pt x="11208" y="2314"/>
                    <a:pt x="11184" y="2318"/>
                    <a:pt x="11159" y="2318"/>
                  </a:cubicBezTo>
                  <a:cubicBezTo>
                    <a:pt x="11032" y="2318"/>
                    <a:pt x="10861" y="2231"/>
                    <a:pt x="10778" y="2231"/>
                  </a:cubicBezTo>
                  <a:cubicBezTo>
                    <a:pt x="10602" y="2231"/>
                    <a:pt x="10201" y="2306"/>
                    <a:pt x="10101" y="2406"/>
                  </a:cubicBezTo>
                  <a:cubicBezTo>
                    <a:pt x="10051" y="2456"/>
                    <a:pt x="9976" y="2632"/>
                    <a:pt x="10051" y="2682"/>
                  </a:cubicBezTo>
                  <a:cubicBezTo>
                    <a:pt x="10051" y="2807"/>
                    <a:pt x="10326" y="2857"/>
                    <a:pt x="10377" y="2907"/>
                  </a:cubicBezTo>
                  <a:cubicBezTo>
                    <a:pt x="10427" y="2983"/>
                    <a:pt x="10552" y="3133"/>
                    <a:pt x="10552" y="3258"/>
                  </a:cubicBezTo>
                  <a:cubicBezTo>
                    <a:pt x="10552" y="3434"/>
                    <a:pt x="10377" y="3659"/>
                    <a:pt x="10276" y="3760"/>
                  </a:cubicBezTo>
                  <a:cubicBezTo>
                    <a:pt x="10201" y="3860"/>
                    <a:pt x="9925" y="3985"/>
                    <a:pt x="9875" y="4085"/>
                  </a:cubicBezTo>
                  <a:cubicBezTo>
                    <a:pt x="9825" y="4211"/>
                    <a:pt x="9700" y="4536"/>
                    <a:pt x="9750" y="4662"/>
                  </a:cubicBezTo>
                  <a:cubicBezTo>
                    <a:pt x="9750" y="4762"/>
                    <a:pt x="9925" y="4988"/>
                    <a:pt x="9976" y="5063"/>
                  </a:cubicBezTo>
                  <a:cubicBezTo>
                    <a:pt x="10101" y="5163"/>
                    <a:pt x="10427" y="5288"/>
                    <a:pt x="10602" y="5389"/>
                  </a:cubicBezTo>
                  <a:cubicBezTo>
                    <a:pt x="10727" y="5514"/>
                    <a:pt x="11003" y="5664"/>
                    <a:pt x="11103" y="5840"/>
                  </a:cubicBezTo>
                  <a:cubicBezTo>
                    <a:pt x="11179" y="5965"/>
                    <a:pt x="11179" y="6291"/>
                    <a:pt x="11103" y="6416"/>
                  </a:cubicBezTo>
                  <a:cubicBezTo>
                    <a:pt x="11103" y="6567"/>
                    <a:pt x="10953" y="6842"/>
                    <a:pt x="10878" y="6968"/>
                  </a:cubicBezTo>
                  <a:cubicBezTo>
                    <a:pt x="10828" y="7143"/>
                    <a:pt x="10727" y="7519"/>
                    <a:pt x="10552" y="7594"/>
                  </a:cubicBezTo>
                  <a:cubicBezTo>
                    <a:pt x="10510" y="7611"/>
                    <a:pt x="10466" y="7616"/>
                    <a:pt x="10422" y="7616"/>
                  </a:cubicBezTo>
                  <a:cubicBezTo>
                    <a:pt x="10335" y="7616"/>
                    <a:pt x="10251" y="7594"/>
                    <a:pt x="10201" y="7594"/>
                  </a:cubicBezTo>
                  <a:cubicBezTo>
                    <a:pt x="9976" y="7594"/>
                    <a:pt x="9650" y="7594"/>
                    <a:pt x="9474" y="7644"/>
                  </a:cubicBezTo>
                  <a:cubicBezTo>
                    <a:pt x="9374" y="7694"/>
                    <a:pt x="9249" y="7820"/>
                    <a:pt x="9199" y="7920"/>
                  </a:cubicBezTo>
                  <a:cubicBezTo>
                    <a:pt x="9148" y="8045"/>
                    <a:pt x="9199" y="8271"/>
                    <a:pt x="9199" y="8371"/>
                  </a:cubicBezTo>
                  <a:cubicBezTo>
                    <a:pt x="9148" y="8496"/>
                    <a:pt x="9148" y="8722"/>
                    <a:pt x="9148" y="8822"/>
                  </a:cubicBezTo>
                  <a:cubicBezTo>
                    <a:pt x="9023" y="8998"/>
                    <a:pt x="8798" y="9273"/>
                    <a:pt x="8697" y="9399"/>
                  </a:cubicBezTo>
                  <a:cubicBezTo>
                    <a:pt x="8572" y="9499"/>
                    <a:pt x="8346" y="9724"/>
                    <a:pt x="8171" y="9724"/>
                  </a:cubicBezTo>
                  <a:cubicBezTo>
                    <a:pt x="8121" y="9674"/>
                    <a:pt x="7945" y="9549"/>
                    <a:pt x="7895" y="9449"/>
                  </a:cubicBezTo>
                  <a:cubicBezTo>
                    <a:pt x="7845" y="9399"/>
                    <a:pt x="7845" y="9173"/>
                    <a:pt x="7795" y="9048"/>
                  </a:cubicBezTo>
                  <a:cubicBezTo>
                    <a:pt x="7720" y="8998"/>
                    <a:pt x="7569" y="8872"/>
                    <a:pt x="7444" y="8822"/>
                  </a:cubicBezTo>
                  <a:cubicBezTo>
                    <a:pt x="7344" y="8822"/>
                    <a:pt x="7043" y="8822"/>
                    <a:pt x="6943" y="8872"/>
                  </a:cubicBezTo>
                  <a:cubicBezTo>
                    <a:pt x="6767" y="8948"/>
                    <a:pt x="6492" y="9098"/>
                    <a:pt x="6442" y="9273"/>
                  </a:cubicBezTo>
                  <a:cubicBezTo>
                    <a:pt x="6442" y="9399"/>
                    <a:pt x="6442" y="9549"/>
                    <a:pt x="6492" y="9599"/>
                  </a:cubicBezTo>
                  <a:cubicBezTo>
                    <a:pt x="6504" y="9617"/>
                    <a:pt x="6526" y="9624"/>
                    <a:pt x="6554" y="9624"/>
                  </a:cubicBezTo>
                  <a:cubicBezTo>
                    <a:pt x="6621" y="9624"/>
                    <a:pt x="6718" y="9587"/>
                    <a:pt x="6777" y="9587"/>
                  </a:cubicBezTo>
                  <a:cubicBezTo>
                    <a:pt x="6795" y="9587"/>
                    <a:pt x="6809" y="9590"/>
                    <a:pt x="6818" y="9599"/>
                  </a:cubicBezTo>
                  <a:cubicBezTo>
                    <a:pt x="6893" y="9724"/>
                    <a:pt x="6818" y="9900"/>
                    <a:pt x="6818" y="9950"/>
                  </a:cubicBezTo>
                  <a:cubicBezTo>
                    <a:pt x="6767" y="10050"/>
                    <a:pt x="6592" y="10176"/>
                    <a:pt x="6492" y="10176"/>
                  </a:cubicBezTo>
                  <a:cubicBezTo>
                    <a:pt x="6442" y="10176"/>
                    <a:pt x="6316" y="10125"/>
                    <a:pt x="6266" y="10125"/>
                  </a:cubicBezTo>
                  <a:cubicBezTo>
                    <a:pt x="6141" y="10125"/>
                    <a:pt x="5915" y="10176"/>
                    <a:pt x="5815" y="10226"/>
                  </a:cubicBezTo>
                  <a:cubicBezTo>
                    <a:pt x="5690" y="10351"/>
                    <a:pt x="5414" y="10577"/>
                    <a:pt x="5364" y="10727"/>
                  </a:cubicBezTo>
                  <a:cubicBezTo>
                    <a:pt x="5314" y="10852"/>
                    <a:pt x="5364" y="11128"/>
                    <a:pt x="5314" y="11303"/>
                  </a:cubicBezTo>
                  <a:cubicBezTo>
                    <a:pt x="5314" y="11479"/>
                    <a:pt x="5314" y="11855"/>
                    <a:pt x="5189" y="12030"/>
                  </a:cubicBezTo>
                  <a:cubicBezTo>
                    <a:pt x="5138" y="12080"/>
                    <a:pt x="4963" y="12156"/>
                    <a:pt x="4913" y="12206"/>
                  </a:cubicBezTo>
                  <a:cubicBezTo>
                    <a:pt x="4788" y="12306"/>
                    <a:pt x="4737" y="12582"/>
                    <a:pt x="4687" y="12707"/>
                  </a:cubicBezTo>
                  <a:cubicBezTo>
                    <a:pt x="4562" y="12807"/>
                    <a:pt x="4336" y="13033"/>
                    <a:pt x="4186" y="13033"/>
                  </a:cubicBezTo>
                  <a:cubicBezTo>
                    <a:pt x="4158" y="13049"/>
                    <a:pt x="4126" y="13056"/>
                    <a:pt x="4091" y="13056"/>
                  </a:cubicBezTo>
                  <a:cubicBezTo>
                    <a:pt x="3967" y="13056"/>
                    <a:pt x="3813" y="12972"/>
                    <a:pt x="3735" y="12933"/>
                  </a:cubicBezTo>
                  <a:cubicBezTo>
                    <a:pt x="3610" y="12882"/>
                    <a:pt x="3559" y="12657"/>
                    <a:pt x="3434" y="12582"/>
                  </a:cubicBezTo>
                  <a:cubicBezTo>
                    <a:pt x="3399" y="12546"/>
                    <a:pt x="3276" y="12511"/>
                    <a:pt x="3189" y="12511"/>
                  </a:cubicBezTo>
                  <a:cubicBezTo>
                    <a:pt x="3153" y="12511"/>
                    <a:pt x="3123" y="12517"/>
                    <a:pt x="3108" y="12532"/>
                  </a:cubicBezTo>
                  <a:cubicBezTo>
                    <a:pt x="2983" y="12582"/>
                    <a:pt x="2983" y="12882"/>
                    <a:pt x="2883" y="12933"/>
                  </a:cubicBezTo>
                  <a:cubicBezTo>
                    <a:pt x="2820" y="12958"/>
                    <a:pt x="2732" y="12970"/>
                    <a:pt x="2648" y="12970"/>
                  </a:cubicBezTo>
                  <a:cubicBezTo>
                    <a:pt x="2563" y="12970"/>
                    <a:pt x="2482" y="12958"/>
                    <a:pt x="2432" y="12933"/>
                  </a:cubicBezTo>
                  <a:cubicBezTo>
                    <a:pt x="2306" y="12882"/>
                    <a:pt x="2206" y="12582"/>
                    <a:pt x="2206" y="12481"/>
                  </a:cubicBezTo>
                  <a:cubicBezTo>
                    <a:pt x="2206" y="12356"/>
                    <a:pt x="2306" y="12256"/>
                    <a:pt x="2381" y="12156"/>
                  </a:cubicBezTo>
                  <a:cubicBezTo>
                    <a:pt x="2381" y="12030"/>
                    <a:pt x="2432" y="11755"/>
                    <a:pt x="2306" y="11629"/>
                  </a:cubicBezTo>
                  <a:cubicBezTo>
                    <a:pt x="2256" y="11529"/>
                    <a:pt x="1855" y="11529"/>
                    <a:pt x="1755" y="11529"/>
                  </a:cubicBezTo>
                  <a:cubicBezTo>
                    <a:pt x="1630" y="11529"/>
                    <a:pt x="1529" y="11579"/>
                    <a:pt x="1404" y="11579"/>
                  </a:cubicBezTo>
                  <a:lnTo>
                    <a:pt x="1404" y="12080"/>
                  </a:lnTo>
                  <a:cubicBezTo>
                    <a:pt x="1354" y="12256"/>
                    <a:pt x="1354" y="12532"/>
                    <a:pt x="1354" y="12707"/>
                  </a:cubicBezTo>
                  <a:cubicBezTo>
                    <a:pt x="1304" y="12807"/>
                    <a:pt x="1128" y="13033"/>
                    <a:pt x="1078" y="13158"/>
                  </a:cubicBezTo>
                  <a:cubicBezTo>
                    <a:pt x="953" y="13258"/>
                    <a:pt x="677" y="13434"/>
                    <a:pt x="577" y="13609"/>
                  </a:cubicBezTo>
                  <a:cubicBezTo>
                    <a:pt x="452" y="13709"/>
                    <a:pt x="226" y="13935"/>
                    <a:pt x="176" y="14110"/>
                  </a:cubicBezTo>
                  <a:cubicBezTo>
                    <a:pt x="51" y="14336"/>
                    <a:pt x="1" y="14787"/>
                    <a:pt x="1" y="15013"/>
                  </a:cubicBezTo>
                  <a:cubicBezTo>
                    <a:pt x="51" y="15238"/>
                    <a:pt x="126" y="15639"/>
                    <a:pt x="176" y="15865"/>
                  </a:cubicBezTo>
                  <a:cubicBezTo>
                    <a:pt x="226" y="15965"/>
                    <a:pt x="502" y="16191"/>
                    <a:pt x="577" y="16366"/>
                  </a:cubicBezTo>
                  <a:cubicBezTo>
                    <a:pt x="627" y="16542"/>
                    <a:pt x="727" y="16867"/>
                    <a:pt x="803" y="17043"/>
                  </a:cubicBezTo>
                  <a:cubicBezTo>
                    <a:pt x="803" y="17143"/>
                    <a:pt x="853" y="17444"/>
                    <a:pt x="903" y="17594"/>
                  </a:cubicBezTo>
                  <a:cubicBezTo>
                    <a:pt x="953" y="17720"/>
                    <a:pt x="1078" y="17945"/>
                    <a:pt x="1178" y="18045"/>
                  </a:cubicBezTo>
                  <a:cubicBezTo>
                    <a:pt x="1254" y="18095"/>
                    <a:pt x="1404" y="18221"/>
                    <a:pt x="1529" y="18221"/>
                  </a:cubicBezTo>
                  <a:cubicBezTo>
                    <a:pt x="1579" y="18246"/>
                    <a:pt x="1661" y="18246"/>
                    <a:pt x="1746" y="18246"/>
                  </a:cubicBezTo>
                  <a:cubicBezTo>
                    <a:pt x="1830" y="18246"/>
                    <a:pt x="1918" y="18246"/>
                    <a:pt x="1980" y="18271"/>
                  </a:cubicBezTo>
                  <a:cubicBezTo>
                    <a:pt x="2031" y="18271"/>
                    <a:pt x="2206" y="18396"/>
                    <a:pt x="2256" y="18446"/>
                  </a:cubicBezTo>
                  <a:cubicBezTo>
                    <a:pt x="2381" y="18547"/>
                    <a:pt x="2607" y="18847"/>
                    <a:pt x="2657" y="18948"/>
                  </a:cubicBezTo>
                  <a:cubicBezTo>
                    <a:pt x="2757" y="19073"/>
                    <a:pt x="2933" y="19399"/>
                    <a:pt x="3058" y="19524"/>
                  </a:cubicBezTo>
                  <a:cubicBezTo>
                    <a:pt x="3158" y="19674"/>
                    <a:pt x="3559" y="19800"/>
                    <a:pt x="3735" y="19850"/>
                  </a:cubicBezTo>
                  <a:cubicBezTo>
                    <a:pt x="3835" y="19975"/>
                    <a:pt x="4236" y="20025"/>
                    <a:pt x="4336" y="20126"/>
                  </a:cubicBezTo>
                  <a:cubicBezTo>
                    <a:pt x="4462" y="20251"/>
                    <a:pt x="4637" y="20476"/>
                    <a:pt x="4687" y="20577"/>
                  </a:cubicBezTo>
                  <a:cubicBezTo>
                    <a:pt x="4737" y="20702"/>
                    <a:pt x="4737" y="20928"/>
                    <a:pt x="4788" y="20978"/>
                  </a:cubicBezTo>
                  <a:cubicBezTo>
                    <a:pt x="4863" y="21028"/>
                    <a:pt x="5013" y="21153"/>
                    <a:pt x="5088" y="21203"/>
                  </a:cubicBezTo>
                  <a:cubicBezTo>
                    <a:pt x="5138" y="21253"/>
                    <a:pt x="5239" y="21479"/>
                    <a:pt x="5364" y="21529"/>
                  </a:cubicBezTo>
                  <a:cubicBezTo>
                    <a:pt x="5414" y="21654"/>
                    <a:pt x="5640" y="21755"/>
                    <a:pt x="5815" y="21830"/>
                  </a:cubicBezTo>
                  <a:lnTo>
                    <a:pt x="5915" y="21830"/>
                  </a:lnTo>
                  <a:cubicBezTo>
                    <a:pt x="5974" y="21847"/>
                    <a:pt x="6043" y="21852"/>
                    <a:pt x="6115" y="21852"/>
                  </a:cubicBezTo>
                  <a:cubicBezTo>
                    <a:pt x="6258" y="21852"/>
                    <a:pt x="6408" y="21830"/>
                    <a:pt x="6492" y="21830"/>
                  </a:cubicBezTo>
                  <a:cubicBezTo>
                    <a:pt x="6667" y="21830"/>
                    <a:pt x="6943" y="21830"/>
                    <a:pt x="7043" y="21880"/>
                  </a:cubicBezTo>
                  <a:cubicBezTo>
                    <a:pt x="7168" y="21930"/>
                    <a:pt x="7269" y="22105"/>
                    <a:pt x="7394" y="22105"/>
                  </a:cubicBezTo>
                  <a:cubicBezTo>
                    <a:pt x="7494" y="22206"/>
                    <a:pt x="7795" y="22281"/>
                    <a:pt x="7945" y="22331"/>
                  </a:cubicBezTo>
                  <a:cubicBezTo>
                    <a:pt x="8071" y="22381"/>
                    <a:pt x="8246" y="22607"/>
                    <a:pt x="8346" y="22657"/>
                  </a:cubicBezTo>
                  <a:cubicBezTo>
                    <a:pt x="8472" y="22732"/>
                    <a:pt x="8747" y="22832"/>
                    <a:pt x="8923" y="22832"/>
                  </a:cubicBezTo>
                  <a:cubicBezTo>
                    <a:pt x="8938" y="22847"/>
                    <a:pt x="8963" y="22853"/>
                    <a:pt x="8993" y="22853"/>
                  </a:cubicBezTo>
                  <a:cubicBezTo>
                    <a:pt x="9065" y="22853"/>
                    <a:pt x="9163" y="22818"/>
                    <a:pt x="9199" y="22782"/>
                  </a:cubicBezTo>
                  <a:cubicBezTo>
                    <a:pt x="9299" y="22732"/>
                    <a:pt x="9474" y="22557"/>
                    <a:pt x="9600" y="22431"/>
                  </a:cubicBezTo>
                  <a:cubicBezTo>
                    <a:pt x="9650" y="22331"/>
                    <a:pt x="9700" y="22105"/>
                    <a:pt x="9750" y="22055"/>
                  </a:cubicBezTo>
                  <a:cubicBezTo>
                    <a:pt x="9875" y="21930"/>
                    <a:pt x="10151" y="21880"/>
                    <a:pt x="10326" y="21880"/>
                  </a:cubicBezTo>
                  <a:cubicBezTo>
                    <a:pt x="10427" y="21930"/>
                    <a:pt x="10552" y="22105"/>
                    <a:pt x="10602" y="22105"/>
                  </a:cubicBezTo>
                  <a:cubicBezTo>
                    <a:pt x="10727" y="22156"/>
                    <a:pt x="10878" y="22281"/>
                    <a:pt x="11003" y="22281"/>
                  </a:cubicBezTo>
                  <a:cubicBezTo>
                    <a:pt x="11103" y="22281"/>
                    <a:pt x="11404" y="22206"/>
                    <a:pt x="11504" y="22156"/>
                  </a:cubicBezTo>
                  <a:cubicBezTo>
                    <a:pt x="11554" y="22055"/>
                    <a:pt x="11630" y="21830"/>
                    <a:pt x="11730" y="21755"/>
                  </a:cubicBezTo>
                  <a:cubicBezTo>
                    <a:pt x="11855" y="21704"/>
                    <a:pt x="12081" y="21704"/>
                    <a:pt x="12131" y="21704"/>
                  </a:cubicBezTo>
                  <a:cubicBezTo>
                    <a:pt x="12255" y="21669"/>
                    <a:pt x="12429" y="21634"/>
                    <a:pt x="12556" y="21634"/>
                  </a:cubicBezTo>
                  <a:cubicBezTo>
                    <a:pt x="12609" y="21634"/>
                    <a:pt x="12653" y="21640"/>
                    <a:pt x="12682" y="21654"/>
                  </a:cubicBezTo>
                  <a:cubicBezTo>
                    <a:pt x="12908" y="21654"/>
                    <a:pt x="13309" y="21880"/>
                    <a:pt x="13534" y="21980"/>
                  </a:cubicBezTo>
                  <a:cubicBezTo>
                    <a:pt x="13660" y="22055"/>
                    <a:pt x="13810" y="22206"/>
                    <a:pt x="13885" y="22331"/>
                  </a:cubicBezTo>
                  <a:cubicBezTo>
                    <a:pt x="13986" y="22381"/>
                    <a:pt x="14161" y="22607"/>
                    <a:pt x="14211" y="22732"/>
                  </a:cubicBezTo>
                  <a:cubicBezTo>
                    <a:pt x="14336" y="22832"/>
                    <a:pt x="14562" y="23008"/>
                    <a:pt x="14612" y="23183"/>
                  </a:cubicBezTo>
                  <a:cubicBezTo>
                    <a:pt x="14662" y="23233"/>
                    <a:pt x="14662" y="23283"/>
                    <a:pt x="14712" y="23409"/>
                  </a:cubicBezTo>
                  <a:cubicBezTo>
                    <a:pt x="14712" y="23409"/>
                    <a:pt x="14788" y="23334"/>
                    <a:pt x="14838" y="23334"/>
                  </a:cubicBezTo>
                  <a:cubicBezTo>
                    <a:pt x="14888" y="23283"/>
                    <a:pt x="15013" y="23283"/>
                    <a:pt x="15063" y="23283"/>
                  </a:cubicBezTo>
                  <a:cubicBezTo>
                    <a:pt x="15113" y="23283"/>
                    <a:pt x="15113" y="23409"/>
                    <a:pt x="15113" y="23409"/>
                  </a:cubicBezTo>
                  <a:cubicBezTo>
                    <a:pt x="15164" y="23459"/>
                    <a:pt x="15239" y="23509"/>
                    <a:pt x="15289" y="23509"/>
                  </a:cubicBezTo>
                  <a:cubicBezTo>
                    <a:pt x="15339" y="23559"/>
                    <a:pt x="15339" y="23785"/>
                    <a:pt x="15389" y="23835"/>
                  </a:cubicBezTo>
                  <a:cubicBezTo>
                    <a:pt x="15464" y="23835"/>
                    <a:pt x="15565" y="23910"/>
                    <a:pt x="15615" y="23910"/>
                  </a:cubicBezTo>
                  <a:cubicBezTo>
                    <a:pt x="15740" y="23835"/>
                    <a:pt x="15790" y="23684"/>
                    <a:pt x="15840" y="23609"/>
                  </a:cubicBezTo>
                  <a:cubicBezTo>
                    <a:pt x="15915" y="23559"/>
                    <a:pt x="15966" y="23459"/>
                    <a:pt x="15966" y="23409"/>
                  </a:cubicBezTo>
                  <a:cubicBezTo>
                    <a:pt x="15915" y="23334"/>
                    <a:pt x="15740" y="23283"/>
                    <a:pt x="15740" y="23233"/>
                  </a:cubicBezTo>
                  <a:cubicBezTo>
                    <a:pt x="15740" y="23183"/>
                    <a:pt x="15840" y="23183"/>
                    <a:pt x="15840" y="23108"/>
                  </a:cubicBezTo>
                  <a:cubicBezTo>
                    <a:pt x="15840" y="23058"/>
                    <a:pt x="15915" y="22958"/>
                    <a:pt x="15840" y="22882"/>
                  </a:cubicBezTo>
                  <a:lnTo>
                    <a:pt x="15740" y="22882"/>
                  </a:lnTo>
                  <a:cubicBezTo>
                    <a:pt x="15690" y="22882"/>
                    <a:pt x="15690" y="22782"/>
                    <a:pt x="15690" y="22732"/>
                  </a:cubicBezTo>
                  <a:cubicBezTo>
                    <a:pt x="15690" y="22657"/>
                    <a:pt x="15740" y="22607"/>
                    <a:pt x="15790" y="22607"/>
                  </a:cubicBezTo>
                  <a:cubicBezTo>
                    <a:pt x="15840" y="22557"/>
                    <a:pt x="15840" y="22431"/>
                    <a:pt x="15915" y="22431"/>
                  </a:cubicBezTo>
                  <a:cubicBezTo>
                    <a:pt x="15929" y="22417"/>
                    <a:pt x="15947" y="22411"/>
                    <a:pt x="15966" y="22411"/>
                  </a:cubicBezTo>
                  <a:cubicBezTo>
                    <a:pt x="16014" y="22411"/>
                    <a:pt x="16066" y="22452"/>
                    <a:pt x="16066" y="22506"/>
                  </a:cubicBezTo>
                  <a:cubicBezTo>
                    <a:pt x="16141" y="22557"/>
                    <a:pt x="16141" y="22732"/>
                    <a:pt x="16066" y="22832"/>
                  </a:cubicBezTo>
                  <a:cubicBezTo>
                    <a:pt x="16066" y="22882"/>
                    <a:pt x="16016" y="22958"/>
                    <a:pt x="16016" y="23058"/>
                  </a:cubicBezTo>
                  <a:cubicBezTo>
                    <a:pt x="16016" y="23058"/>
                    <a:pt x="16066" y="23183"/>
                    <a:pt x="16141" y="23233"/>
                  </a:cubicBezTo>
                  <a:cubicBezTo>
                    <a:pt x="16191" y="23233"/>
                    <a:pt x="16367" y="23233"/>
                    <a:pt x="16417" y="23183"/>
                  </a:cubicBezTo>
                  <a:cubicBezTo>
                    <a:pt x="16467" y="23183"/>
                    <a:pt x="16517" y="23058"/>
                    <a:pt x="16517" y="23008"/>
                  </a:cubicBezTo>
                  <a:cubicBezTo>
                    <a:pt x="16592" y="22958"/>
                    <a:pt x="16592" y="22782"/>
                    <a:pt x="16592" y="22732"/>
                  </a:cubicBezTo>
                  <a:cubicBezTo>
                    <a:pt x="16592" y="22657"/>
                    <a:pt x="16517" y="22506"/>
                    <a:pt x="16592" y="22431"/>
                  </a:cubicBezTo>
                  <a:cubicBezTo>
                    <a:pt x="16592" y="22381"/>
                    <a:pt x="16642" y="22281"/>
                    <a:pt x="16642" y="22206"/>
                  </a:cubicBezTo>
                  <a:cubicBezTo>
                    <a:pt x="16692" y="22156"/>
                    <a:pt x="16742" y="22105"/>
                    <a:pt x="16742" y="22055"/>
                  </a:cubicBezTo>
                  <a:cubicBezTo>
                    <a:pt x="16742" y="21980"/>
                    <a:pt x="16742" y="21930"/>
                    <a:pt x="16692" y="21880"/>
                  </a:cubicBezTo>
                  <a:cubicBezTo>
                    <a:pt x="16642" y="21830"/>
                    <a:pt x="16517" y="21830"/>
                    <a:pt x="16467" y="21755"/>
                  </a:cubicBezTo>
                  <a:cubicBezTo>
                    <a:pt x="16467" y="21755"/>
                    <a:pt x="16467" y="21604"/>
                    <a:pt x="16417" y="21604"/>
                  </a:cubicBezTo>
                  <a:cubicBezTo>
                    <a:pt x="16417" y="21529"/>
                    <a:pt x="16367" y="21529"/>
                    <a:pt x="16291" y="21529"/>
                  </a:cubicBezTo>
                  <a:cubicBezTo>
                    <a:pt x="16241" y="21529"/>
                    <a:pt x="16191" y="21604"/>
                    <a:pt x="16141" y="21654"/>
                  </a:cubicBezTo>
                  <a:lnTo>
                    <a:pt x="15966" y="21654"/>
                  </a:lnTo>
                  <a:cubicBezTo>
                    <a:pt x="15915" y="21604"/>
                    <a:pt x="15915" y="21479"/>
                    <a:pt x="15915" y="21429"/>
                  </a:cubicBezTo>
                  <a:cubicBezTo>
                    <a:pt x="15915" y="21429"/>
                    <a:pt x="15966" y="21379"/>
                    <a:pt x="16016" y="21379"/>
                  </a:cubicBezTo>
                  <a:cubicBezTo>
                    <a:pt x="16032" y="21354"/>
                    <a:pt x="16057" y="21345"/>
                    <a:pt x="16085" y="21345"/>
                  </a:cubicBezTo>
                  <a:cubicBezTo>
                    <a:pt x="16141" y="21345"/>
                    <a:pt x="16208" y="21379"/>
                    <a:pt x="16241" y="21379"/>
                  </a:cubicBezTo>
                  <a:cubicBezTo>
                    <a:pt x="16275" y="21379"/>
                    <a:pt x="16319" y="21401"/>
                    <a:pt x="16360" y="21401"/>
                  </a:cubicBezTo>
                  <a:cubicBezTo>
                    <a:pt x="16380" y="21401"/>
                    <a:pt x="16400" y="21395"/>
                    <a:pt x="16417" y="21379"/>
                  </a:cubicBezTo>
                  <a:cubicBezTo>
                    <a:pt x="16417" y="21379"/>
                    <a:pt x="16417" y="21303"/>
                    <a:pt x="16367" y="21253"/>
                  </a:cubicBezTo>
                  <a:cubicBezTo>
                    <a:pt x="16367" y="21203"/>
                    <a:pt x="16241" y="21153"/>
                    <a:pt x="16191" y="21078"/>
                  </a:cubicBezTo>
                  <a:cubicBezTo>
                    <a:pt x="16141" y="20978"/>
                    <a:pt x="15915" y="20928"/>
                    <a:pt x="15790" y="20802"/>
                  </a:cubicBezTo>
                  <a:cubicBezTo>
                    <a:pt x="15740" y="20752"/>
                    <a:pt x="15690" y="20702"/>
                    <a:pt x="15615" y="20652"/>
                  </a:cubicBezTo>
                  <a:cubicBezTo>
                    <a:pt x="15615" y="20577"/>
                    <a:pt x="15514" y="20527"/>
                    <a:pt x="15464" y="20527"/>
                  </a:cubicBezTo>
                  <a:cubicBezTo>
                    <a:pt x="15389" y="20527"/>
                    <a:pt x="15339" y="20652"/>
                    <a:pt x="15289" y="20652"/>
                  </a:cubicBezTo>
                  <a:cubicBezTo>
                    <a:pt x="15239" y="20652"/>
                    <a:pt x="15164" y="20577"/>
                    <a:pt x="15164" y="20527"/>
                  </a:cubicBezTo>
                  <a:cubicBezTo>
                    <a:pt x="15113" y="20527"/>
                    <a:pt x="15063" y="20351"/>
                    <a:pt x="15063" y="20351"/>
                  </a:cubicBezTo>
                  <a:cubicBezTo>
                    <a:pt x="15013" y="20301"/>
                    <a:pt x="14888" y="20251"/>
                    <a:pt x="14888" y="20251"/>
                  </a:cubicBezTo>
                  <a:cubicBezTo>
                    <a:pt x="14838" y="20301"/>
                    <a:pt x="14838" y="20426"/>
                    <a:pt x="14788" y="20426"/>
                  </a:cubicBezTo>
                  <a:cubicBezTo>
                    <a:pt x="14788" y="20426"/>
                    <a:pt x="14732" y="20449"/>
                    <a:pt x="14695" y="20449"/>
                  </a:cubicBezTo>
                  <a:cubicBezTo>
                    <a:pt x="14676" y="20449"/>
                    <a:pt x="14662" y="20443"/>
                    <a:pt x="14662" y="20426"/>
                  </a:cubicBezTo>
                  <a:cubicBezTo>
                    <a:pt x="14612" y="20426"/>
                    <a:pt x="14662" y="20351"/>
                    <a:pt x="14662" y="20301"/>
                  </a:cubicBezTo>
                  <a:cubicBezTo>
                    <a:pt x="14662" y="20301"/>
                    <a:pt x="14712" y="20251"/>
                    <a:pt x="14712" y="20201"/>
                  </a:cubicBezTo>
                  <a:cubicBezTo>
                    <a:pt x="14662" y="20126"/>
                    <a:pt x="14612" y="20075"/>
                    <a:pt x="14562" y="20025"/>
                  </a:cubicBezTo>
                  <a:cubicBezTo>
                    <a:pt x="14562" y="19975"/>
                    <a:pt x="14562" y="19850"/>
                    <a:pt x="14612" y="19800"/>
                  </a:cubicBezTo>
                  <a:cubicBezTo>
                    <a:pt x="14612" y="19800"/>
                    <a:pt x="14657" y="19777"/>
                    <a:pt x="14709" y="19777"/>
                  </a:cubicBezTo>
                  <a:cubicBezTo>
                    <a:pt x="14735" y="19777"/>
                    <a:pt x="14763" y="19783"/>
                    <a:pt x="14788" y="19800"/>
                  </a:cubicBezTo>
                  <a:lnTo>
                    <a:pt x="14788" y="19900"/>
                  </a:lnTo>
                  <a:cubicBezTo>
                    <a:pt x="14838" y="19975"/>
                    <a:pt x="14888" y="20025"/>
                    <a:pt x="14938" y="20025"/>
                  </a:cubicBezTo>
                  <a:cubicBezTo>
                    <a:pt x="15013" y="20025"/>
                    <a:pt x="15013" y="19975"/>
                    <a:pt x="15063" y="19900"/>
                  </a:cubicBezTo>
                  <a:cubicBezTo>
                    <a:pt x="15063" y="19850"/>
                    <a:pt x="15013" y="19750"/>
                    <a:pt x="15013" y="19674"/>
                  </a:cubicBezTo>
                  <a:cubicBezTo>
                    <a:pt x="15013" y="19674"/>
                    <a:pt x="15113" y="19624"/>
                    <a:pt x="15113" y="19574"/>
                  </a:cubicBezTo>
                  <a:cubicBezTo>
                    <a:pt x="15113" y="19524"/>
                    <a:pt x="15063" y="19449"/>
                    <a:pt x="15063" y="19399"/>
                  </a:cubicBezTo>
                  <a:lnTo>
                    <a:pt x="14938" y="19349"/>
                  </a:lnTo>
                  <a:cubicBezTo>
                    <a:pt x="14938" y="19298"/>
                    <a:pt x="14938" y="19173"/>
                    <a:pt x="14888" y="19123"/>
                  </a:cubicBezTo>
                  <a:cubicBezTo>
                    <a:pt x="14888" y="19098"/>
                    <a:pt x="14875" y="19098"/>
                    <a:pt x="14857" y="19098"/>
                  </a:cubicBezTo>
                  <a:cubicBezTo>
                    <a:pt x="14838" y="19098"/>
                    <a:pt x="14813" y="19098"/>
                    <a:pt x="14788" y="19073"/>
                  </a:cubicBezTo>
                  <a:cubicBezTo>
                    <a:pt x="14788" y="19073"/>
                    <a:pt x="14838" y="18948"/>
                    <a:pt x="14788" y="18948"/>
                  </a:cubicBezTo>
                  <a:cubicBezTo>
                    <a:pt x="14788" y="18847"/>
                    <a:pt x="14712" y="18722"/>
                    <a:pt x="14712" y="18622"/>
                  </a:cubicBezTo>
                  <a:cubicBezTo>
                    <a:pt x="14712" y="18547"/>
                    <a:pt x="14788" y="18446"/>
                    <a:pt x="14838" y="18396"/>
                  </a:cubicBezTo>
                  <a:cubicBezTo>
                    <a:pt x="14838" y="18396"/>
                    <a:pt x="14888" y="18271"/>
                    <a:pt x="14888" y="18221"/>
                  </a:cubicBezTo>
                  <a:cubicBezTo>
                    <a:pt x="14888" y="18171"/>
                    <a:pt x="14838" y="18095"/>
                    <a:pt x="14838" y="18045"/>
                  </a:cubicBezTo>
                  <a:cubicBezTo>
                    <a:pt x="14838" y="17995"/>
                    <a:pt x="14888" y="17820"/>
                    <a:pt x="14888" y="17720"/>
                  </a:cubicBezTo>
                  <a:cubicBezTo>
                    <a:pt x="14888" y="17669"/>
                    <a:pt x="14938" y="17494"/>
                    <a:pt x="14938" y="17369"/>
                  </a:cubicBezTo>
                  <a:cubicBezTo>
                    <a:pt x="14938" y="17318"/>
                    <a:pt x="15013" y="17268"/>
                    <a:pt x="15013" y="17218"/>
                  </a:cubicBezTo>
                  <a:cubicBezTo>
                    <a:pt x="15013" y="17143"/>
                    <a:pt x="15013" y="17043"/>
                    <a:pt x="14938" y="16993"/>
                  </a:cubicBezTo>
                  <a:lnTo>
                    <a:pt x="14838" y="16993"/>
                  </a:lnTo>
                  <a:cubicBezTo>
                    <a:pt x="14788" y="17043"/>
                    <a:pt x="14838" y="17143"/>
                    <a:pt x="14838" y="17218"/>
                  </a:cubicBezTo>
                  <a:cubicBezTo>
                    <a:pt x="14838" y="17268"/>
                    <a:pt x="14838" y="17318"/>
                    <a:pt x="14788" y="17369"/>
                  </a:cubicBezTo>
                  <a:lnTo>
                    <a:pt x="14788" y="17720"/>
                  </a:lnTo>
                  <a:cubicBezTo>
                    <a:pt x="14712" y="17770"/>
                    <a:pt x="14712" y="17870"/>
                    <a:pt x="14662" y="17945"/>
                  </a:cubicBezTo>
                  <a:lnTo>
                    <a:pt x="14662" y="18221"/>
                  </a:lnTo>
                  <a:lnTo>
                    <a:pt x="14662" y="18396"/>
                  </a:lnTo>
                  <a:cubicBezTo>
                    <a:pt x="14662" y="18446"/>
                    <a:pt x="14612" y="18446"/>
                    <a:pt x="14562" y="18446"/>
                  </a:cubicBezTo>
                  <a:cubicBezTo>
                    <a:pt x="14487" y="18446"/>
                    <a:pt x="14437" y="18396"/>
                    <a:pt x="14437" y="18321"/>
                  </a:cubicBezTo>
                  <a:cubicBezTo>
                    <a:pt x="14437" y="18271"/>
                    <a:pt x="14487" y="18171"/>
                    <a:pt x="14487" y="18171"/>
                  </a:cubicBezTo>
                  <a:cubicBezTo>
                    <a:pt x="14487" y="18095"/>
                    <a:pt x="14562" y="17995"/>
                    <a:pt x="14562" y="17945"/>
                  </a:cubicBezTo>
                  <a:cubicBezTo>
                    <a:pt x="14487" y="17870"/>
                    <a:pt x="14387" y="17870"/>
                    <a:pt x="14336" y="17870"/>
                  </a:cubicBezTo>
                  <a:cubicBezTo>
                    <a:pt x="14261" y="17870"/>
                    <a:pt x="14111" y="17945"/>
                    <a:pt x="13986" y="17945"/>
                  </a:cubicBezTo>
                  <a:lnTo>
                    <a:pt x="13760" y="17945"/>
                  </a:lnTo>
                  <a:cubicBezTo>
                    <a:pt x="13710" y="17870"/>
                    <a:pt x="13710" y="17720"/>
                    <a:pt x="13660" y="17720"/>
                  </a:cubicBezTo>
                  <a:cubicBezTo>
                    <a:pt x="13622" y="17694"/>
                    <a:pt x="13566" y="17694"/>
                    <a:pt x="13509" y="17694"/>
                  </a:cubicBezTo>
                  <a:cubicBezTo>
                    <a:pt x="13453" y="17694"/>
                    <a:pt x="13397" y="17694"/>
                    <a:pt x="13359" y="17669"/>
                  </a:cubicBezTo>
                  <a:cubicBezTo>
                    <a:pt x="13309" y="17594"/>
                    <a:pt x="13259" y="17444"/>
                    <a:pt x="13259" y="17369"/>
                  </a:cubicBezTo>
                  <a:cubicBezTo>
                    <a:pt x="13259" y="17218"/>
                    <a:pt x="13259" y="16993"/>
                    <a:pt x="13309" y="16867"/>
                  </a:cubicBezTo>
                  <a:cubicBezTo>
                    <a:pt x="13309" y="16817"/>
                    <a:pt x="13434" y="16767"/>
                    <a:pt x="13434" y="16692"/>
                  </a:cubicBezTo>
                  <a:cubicBezTo>
                    <a:pt x="13434" y="16642"/>
                    <a:pt x="13359" y="16542"/>
                    <a:pt x="13309" y="16466"/>
                  </a:cubicBezTo>
                  <a:lnTo>
                    <a:pt x="13309" y="16241"/>
                  </a:lnTo>
                  <a:cubicBezTo>
                    <a:pt x="13359" y="16191"/>
                    <a:pt x="13484" y="16090"/>
                    <a:pt x="13534" y="16090"/>
                  </a:cubicBezTo>
                  <a:cubicBezTo>
                    <a:pt x="13585" y="16090"/>
                    <a:pt x="13585" y="16241"/>
                    <a:pt x="13585" y="16241"/>
                  </a:cubicBezTo>
                  <a:cubicBezTo>
                    <a:pt x="13660" y="16316"/>
                    <a:pt x="13760" y="16366"/>
                    <a:pt x="13810" y="16416"/>
                  </a:cubicBezTo>
                  <a:cubicBezTo>
                    <a:pt x="13810" y="16542"/>
                    <a:pt x="13710" y="16692"/>
                    <a:pt x="13710" y="16767"/>
                  </a:cubicBezTo>
                  <a:cubicBezTo>
                    <a:pt x="13710" y="16817"/>
                    <a:pt x="13810" y="16867"/>
                    <a:pt x="13885" y="16917"/>
                  </a:cubicBezTo>
                  <a:cubicBezTo>
                    <a:pt x="13919" y="16917"/>
                    <a:pt x="13974" y="16951"/>
                    <a:pt x="14030" y="16951"/>
                  </a:cubicBezTo>
                  <a:cubicBezTo>
                    <a:pt x="14058" y="16951"/>
                    <a:pt x="14086" y="16943"/>
                    <a:pt x="14111" y="16917"/>
                  </a:cubicBezTo>
                  <a:cubicBezTo>
                    <a:pt x="14111" y="16917"/>
                    <a:pt x="14211" y="16917"/>
                    <a:pt x="14261" y="16867"/>
                  </a:cubicBezTo>
                  <a:cubicBezTo>
                    <a:pt x="14261" y="16767"/>
                    <a:pt x="14211" y="16592"/>
                    <a:pt x="14211" y="16466"/>
                  </a:cubicBezTo>
                  <a:cubicBezTo>
                    <a:pt x="14211" y="16466"/>
                    <a:pt x="14261" y="16416"/>
                    <a:pt x="14336" y="16416"/>
                  </a:cubicBezTo>
                  <a:cubicBezTo>
                    <a:pt x="14336" y="16366"/>
                    <a:pt x="14261" y="16241"/>
                    <a:pt x="14211" y="16191"/>
                  </a:cubicBezTo>
                  <a:cubicBezTo>
                    <a:pt x="14211" y="16141"/>
                    <a:pt x="14211" y="15965"/>
                    <a:pt x="14261" y="15965"/>
                  </a:cubicBezTo>
                  <a:cubicBezTo>
                    <a:pt x="14261" y="15915"/>
                    <a:pt x="14437" y="15865"/>
                    <a:pt x="14562" y="15865"/>
                  </a:cubicBezTo>
                  <a:cubicBezTo>
                    <a:pt x="14612" y="15915"/>
                    <a:pt x="14612" y="16015"/>
                    <a:pt x="14662" y="16015"/>
                  </a:cubicBezTo>
                  <a:lnTo>
                    <a:pt x="14938" y="16015"/>
                  </a:lnTo>
                  <a:cubicBezTo>
                    <a:pt x="15013" y="15965"/>
                    <a:pt x="15063" y="15790"/>
                    <a:pt x="15013" y="15689"/>
                  </a:cubicBezTo>
                  <a:cubicBezTo>
                    <a:pt x="15013" y="15639"/>
                    <a:pt x="14888" y="15639"/>
                    <a:pt x="14788" y="15639"/>
                  </a:cubicBezTo>
                  <a:cubicBezTo>
                    <a:pt x="14769" y="15621"/>
                    <a:pt x="14747" y="15615"/>
                    <a:pt x="14722" y="15615"/>
                  </a:cubicBezTo>
                  <a:cubicBezTo>
                    <a:pt x="14662" y="15615"/>
                    <a:pt x="14589" y="15652"/>
                    <a:pt x="14533" y="15652"/>
                  </a:cubicBezTo>
                  <a:cubicBezTo>
                    <a:pt x="14516" y="15652"/>
                    <a:pt x="14500" y="15648"/>
                    <a:pt x="14487" y="15639"/>
                  </a:cubicBezTo>
                  <a:cubicBezTo>
                    <a:pt x="14487" y="15564"/>
                    <a:pt x="14562" y="15464"/>
                    <a:pt x="14612" y="15464"/>
                  </a:cubicBezTo>
                  <a:cubicBezTo>
                    <a:pt x="14662" y="15414"/>
                    <a:pt x="14788" y="15414"/>
                    <a:pt x="14788" y="15414"/>
                  </a:cubicBezTo>
                  <a:cubicBezTo>
                    <a:pt x="14888" y="15339"/>
                    <a:pt x="14938" y="15188"/>
                    <a:pt x="14938" y="15113"/>
                  </a:cubicBezTo>
                  <a:cubicBezTo>
                    <a:pt x="15013" y="15113"/>
                    <a:pt x="15013" y="15063"/>
                    <a:pt x="15063" y="15013"/>
                  </a:cubicBezTo>
                  <a:lnTo>
                    <a:pt x="15289" y="15013"/>
                  </a:lnTo>
                  <a:cubicBezTo>
                    <a:pt x="15339" y="15013"/>
                    <a:pt x="15389" y="15063"/>
                    <a:pt x="15464" y="15063"/>
                  </a:cubicBezTo>
                  <a:cubicBezTo>
                    <a:pt x="15514" y="15063"/>
                    <a:pt x="15565" y="15013"/>
                    <a:pt x="15615" y="15013"/>
                  </a:cubicBezTo>
                  <a:cubicBezTo>
                    <a:pt x="15615" y="14963"/>
                    <a:pt x="15740" y="14912"/>
                    <a:pt x="15740" y="14912"/>
                  </a:cubicBezTo>
                  <a:cubicBezTo>
                    <a:pt x="15790" y="14912"/>
                    <a:pt x="15740" y="15063"/>
                    <a:pt x="15790" y="15113"/>
                  </a:cubicBezTo>
                  <a:cubicBezTo>
                    <a:pt x="15840" y="15113"/>
                    <a:pt x="15966" y="15063"/>
                    <a:pt x="15966" y="15013"/>
                  </a:cubicBezTo>
                  <a:cubicBezTo>
                    <a:pt x="15966" y="14963"/>
                    <a:pt x="15915" y="14837"/>
                    <a:pt x="15915" y="14787"/>
                  </a:cubicBezTo>
                  <a:lnTo>
                    <a:pt x="15915" y="14612"/>
                  </a:lnTo>
                  <a:cubicBezTo>
                    <a:pt x="15966" y="14562"/>
                    <a:pt x="16141" y="14562"/>
                    <a:pt x="16141" y="14511"/>
                  </a:cubicBezTo>
                  <a:cubicBezTo>
                    <a:pt x="16191" y="14511"/>
                    <a:pt x="16191" y="14386"/>
                    <a:pt x="16191" y="14386"/>
                  </a:cubicBezTo>
                  <a:lnTo>
                    <a:pt x="16367" y="14386"/>
                  </a:lnTo>
                  <a:cubicBezTo>
                    <a:pt x="16417" y="14386"/>
                    <a:pt x="16592" y="14461"/>
                    <a:pt x="16642" y="14511"/>
                  </a:cubicBezTo>
                  <a:cubicBezTo>
                    <a:pt x="16692" y="14511"/>
                    <a:pt x="16742" y="14461"/>
                    <a:pt x="16818" y="14461"/>
                  </a:cubicBezTo>
                  <a:lnTo>
                    <a:pt x="16968" y="14461"/>
                  </a:lnTo>
                  <a:cubicBezTo>
                    <a:pt x="16968" y="14511"/>
                    <a:pt x="16818" y="14612"/>
                    <a:pt x="16818" y="14687"/>
                  </a:cubicBezTo>
                  <a:lnTo>
                    <a:pt x="16918" y="14737"/>
                  </a:lnTo>
                  <a:cubicBezTo>
                    <a:pt x="16968" y="14737"/>
                    <a:pt x="17043" y="14612"/>
                    <a:pt x="17043" y="14612"/>
                  </a:cubicBezTo>
                  <a:cubicBezTo>
                    <a:pt x="17093" y="14612"/>
                    <a:pt x="17143" y="14687"/>
                    <a:pt x="17143" y="14737"/>
                  </a:cubicBezTo>
                  <a:cubicBezTo>
                    <a:pt x="17143" y="14787"/>
                    <a:pt x="17043" y="14837"/>
                    <a:pt x="16968" y="14912"/>
                  </a:cubicBezTo>
                  <a:cubicBezTo>
                    <a:pt x="16918" y="14912"/>
                    <a:pt x="16818" y="14963"/>
                    <a:pt x="16742" y="14963"/>
                  </a:cubicBezTo>
                  <a:cubicBezTo>
                    <a:pt x="16692" y="14912"/>
                    <a:pt x="16692" y="14837"/>
                    <a:pt x="16642" y="14787"/>
                  </a:cubicBezTo>
                  <a:lnTo>
                    <a:pt x="16517" y="14787"/>
                  </a:lnTo>
                  <a:cubicBezTo>
                    <a:pt x="16467" y="14837"/>
                    <a:pt x="16417" y="15013"/>
                    <a:pt x="16367" y="15063"/>
                  </a:cubicBezTo>
                  <a:cubicBezTo>
                    <a:pt x="16291" y="15113"/>
                    <a:pt x="16191" y="15188"/>
                    <a:pt x="16141" y="15238"/>
                  </a:cubicBezTo>
                  <a:cubicBezTo>
                    <a:pt x="16066" y="15288"/>
                    <a:pt x="15966" y="15414"/>
                    <a:pt x="15915" y="15414"/>
                  </a:cubicBezTo>
                  <a:cubicBezTo>
                    <a:pt x="15840" y="15464"/>
                    <a:pt x="15690" y="15464"/>
                    <a:pt x="15615" y="15514"/>
                  </a:cubicBezTo>
                  <a:cubicBezTo>
                    <a:pt x="15565" y="15564"/>
                    <a:pt x="15565" y="15689"/>
                    <a:pt x="15565" y="15740"/>
                  </a:cubicBezTo>
                  <a:cubicBezTo>
                    <a:pt x="15565" y="15790"/>
                    <a:pt x="15615" y="15915"/>
                    <a:pt x="15690" y="15965"/>
                  </a:cubicBezTo>
                  <a:cubicBezTo>
                    <a:pt x="15690" y="15965"/>
                    <a:pt x="15790" y="15965"/>
                    <a:pt x="15840" y="15915"/>
                  </a:cubicBezTo>
                  <a:cubicBezTo>
                    <a:pt x="15966" y="15915"/>
                    <a:pt x="16191" y="15689"/>
                    <a:pt x="16291" y="15639"/>
                  </a:cubicBezTo>
                  <a:cubicBezTo>
                    <a:pt x="16467" y="15564"/>
                    <a:pt x="16868" y="15464"/>
                    <a:pt x="17043" y="15339"/>
                  </a:cubicBezTo>
                  <a:cubicBezTo>
                    <a:pt x="17143" y="15288"/>
                    <a:pt x="17269" y="15188"/>
                    <a:pt x="17369" y="15113"/>
                  </a:cubicBezTo>
                  <a:cubicBezTo>
                    <a:pt x="17419" y="15063"/>
                    <a:pt x="17595" y="14963"/>
                    <a:pt x="17645" y="14963"/>
                  </a:cubicBezTo>
                  <a:cubicBezTo>
                    <a:pt x="17770" y="14912"/>
                    <a:pt x="17945" y="14787"/>
                    <a:pt x="17996" y="14737"/>
                  </a:cubicBezTo>
                  <a:cubicBezTo>
                    <a:pt x="18096" y="14687"/>
                    <a:pt x="18221" y="14562"/>
                    <a:pt x="18321" y="14562"/>
                  </a:cubicBezTo>
                  <a:cubicBezTo>
                    <a:pt x="18397" y="14511"/>
                    <a:pt x="18547" y="14461"/>
                    <a:pt x="18622" y="14461"/>
                  </a:cubicBezTo>
                  <a:cubicBezTo>
                    <a:pt x="18722" y="14336"/>
                    <a:pt x="18998" y="14110"/>
                    <a:pt x="19174" y="14060"/>
                  </a:cubicBezTo>
                  <a:cubicBezTo>
                    <a:pt x="19224" y="14010"/>
                    <a:pt x="19349" y="13885"/>
                    <a:pt x="19399" y="13885"/>
                  </a:cubicBezTo>
                  <a:cubicBezTo>
                    <a:pt x="19449" y="13885"/>
                    <a:pt x="19524" y="13935"/>
                    <a:pt x="19575" y="13935"/>
                  </a:cubicBezTo>
                  <a:cubicBezTo>
                    <a:pt x="19625" y="13885"/>
                    <a:pt x="19675" y="13785"/>
                    <a:pt x="19750" y="13709"/>
                  </a:cubicBezTo>
                  <a:cubicBezTo>
                    <a:pt x="19750" y="13659"/>
                    <a:pt x="19850" y="13609"/>
                    <a:pt x="19900" y="13559"/>
                  </a:cubicBezTo>
                  <a:cubicBezTo>
                    <a:pt x="19976" y="13484"/>
                    <a:pt x="20151" y="13434"/>
                    <a:pt x="20251" y="13384"/>
                  </a:cubicBezTo>
                  <a:cubicBezTo>
                    <a:pt x="20301" y="13334"/>
                    <a:pt x="20427" y="13208"/>
                    <a:pt x="20477" y="13208"/>
                  </a:cubicBezTo>
                  <a:lnTo>
                    <a:pt x="20527" y="13208"/>
                  </a:lnTo>
                  <a:lnTo>
                    <a:pt x="20527" y="12983"/>
                  </a:lnTo>
                  <a:cubicBezTo>
                    <a:pt x="20477" y="12882"/>
                    <a:pt x="20201" y="12757"/>
                    <a:pt x="20151" y="12657"/>
                  </a:cubicBezTo>
                  <a:cubicBezTo>
                    <a:pt x="20076" y="12481"/>
                    <a:pt x="20151" y="12156"/>
                    <a:pt x="20151" y="12030"/>
                  </a:cubicBezTo>
                  <a:cubicBezTo>
                    <a:pt x="20151" y="11930"/>
                    <a:pt x="20151" y="11629"/>
                    <a:pt x="20076" y="11529"/>
                  </a:cubicBezTo>
                  <a:cubicBezTo>
                    <a:pt x="20076" y="11404"/>
                    <a:pt x="19976" y="11078"/>
                    <a:pt x="19850" y="11028"/>
                  </a:cubicBezTo>
                  <a:cubicBezTo>
                    <a:pt x="19812" y="10980"/>
                    <a:pt x="19738" y="10969"/>
                    <a:pt x="19655" y="10969"/>
                  </a:cubicBezTo>
                  <a:cubicBezTo>
                    <a:pt x="19578" y="10969"/>
                    <a:pt x="19494" y="10978"/>
                    <a:pt x="19424" y="10978"/>
                  </a:cubicBezTo>
                  <a:cubicBezTo>
                    <a:pt x="19371" y="10978"/>
                    <a:pt x="19326" y="10973"/>
                    <a:pt x="19299" y="10953"/>
                  </a:cubicBezTo>
                  <a:cubicBezTo>
                    <a:pt x="19174" y="10902"/>
                    <a:pt x="19073" y="10802"/>
                    <a:pt x="18948" y="10727"/>
                  </a:cubicBezTo>
                  <a:cubicBezTo>
                    <a:pt x="18848" y="10727"/>
                    <a:pt x="18497" y="10802"/>
                    <a:pt x="18321" y="10852"/>
                  </a:cubicBezTo>
                  <a:cubicBezTo>
                    <a:pt x="18271" y="10852"/>
                    <a:pt x="18171" y="11028"/>
                    <a:pt x="18096" y="11078"/>
                  </a:cubicBezTo>
                  <a:cubicBezTo>
                    <a:pt x="17996" y="11078"/>
                    <a:pt x="17820" y="11078"/>
                    <a:pt x="17770" y="11128"/>
                  </a:cubicBezTo>
                  <a:cubicBezTo>
                    <a:pt x="17645" y="11128"/>
                    <a:pt x="17595" y="11354"/>
                    <a:pt x="17544" y="11404"/>
                  </a:cubicBezTo>
                  <a:cubicBezTo>
                    <a:pt x="17436" y="11468"/>
                    <a:pt x="17254" y="11589"/>
                    <a:pt x="17141" y="11589"/>
                  </a:cubicBezTo>
                  <a:cubicBezTo>
                    <a:pt x="17123" y="11589"/>
                    <a:pt x="17107" y="11586"/>
                    <a:pt x="17093" y="11579"/>
                  </a:cubicBezTo>
                  <a:cubicBezTo>
                    <a:pt x="16968" y="11579"/>
                    <a:pt x="16918" y="11479"/>
                    <a:pt x="16868" y="11404"/>
                  </a:cubicBezTo>
                  <a:cubicBezTo>
                    <a:pt x="16868" y="11303"/>
                    <a:pt x="16968" y="11028"/>
                    <a:pt x="16868" y="10902"/>
                  </a:cubicBezTo>
                  <a:cubicBezTo>
                    <a:pt x="16868" y="10852"/>
                    <a:pt x="16692" y="10852"/>
                    <a:pt x="16642" y="10852"/>
                  </a:cubicBezTo>
                  <a:cubicBezTo>
                    <a:pt x="16542" y="10852"/>
                    <a:pt x="16378" y="10916"/>
                    <a:pt x="16290" y="10916"/>
                  </a:cubicBezTo>
                  <a:cubicBezTo>
                    <a:pt x="16268" y="10916"/>
                    <a:pt x="16251" y="10912"/>
                    <a:pt x="16241" y="10902"/>
                  </a:cubicBezTo>
                  <a:cubicBezTo>
                    <a:pt x="16141" y="10852"/>
                    <a:pt x="16141" y="10627"/>
                    <a:pt x="16141" y="10501"/>
                  </a:cubicBezTo>
                  <a:cubicBezTo>
                    <a:pt x="16141" y="10401"/>
                    <a:pt x="16191" y="10176"/>
                    <a:pt x="16141" y="10050"/>
                  </a:cubicBezTo>
                  <a:cubicBezTo>
                    <a:pt x="16141" y="10000"/>
                    <a:pt x="15966" y="9825"/>
                    <a:pt x="15915" y="9775"/>
                  </a:cubicBezTo>
                  <a:cubicBezTo>
                    <a:pt x="15840" y="9724"/>
                    <a:pt x="15690" y="9674"/>
                    <a:pt x="15565" y="9599"/>
                  </a:cubicBezTo>
                  <a:cubicBezTo>
                    <a:pt x="15464" y="9549"/>
                    <a:pt x="15289" y="9323"/>
                    <a:pt x="15164" y="9223"/>
                  </a:cubicBezTo>
                  <a:cubicBezTo>
                    <a:pt x="15113" y="9048"/>
                    <a:pt x="14938" y="8772"/>
                    <a:pt x="14938" y="8597"/>
                  </a:cubicBezTo>
                  <a:cubicBezTo>
                    <a:pt x="14938" y="8421"/>
                    <a:pt x="15063" y="8196"/>
                    <a:pt x="15113" y="8095"/>
                  </a:cubicBezTo>
                  <a:cubicBezTo>
                    <a:pt x="15164" y="8045"/>
                    <a:pt x="15464" y="7970"/>
                    <a:pt x="15514" y="7920"/>
                  </a:cubicBezTo>
                  <a:cubicBezTo>
                    <a:pt x="15565" y="7820"/>
                    <a:pt x="15615" y="7594"/>
                    <a:pt x="15615" y="7469"/>
                  </a:cubicBezTo>
                  <a:cubicBezTo>
                    <a:pt x="15615" y="7369"/>
                    <a:pt x="15514" y="7068"/>
                    <a:pt x="15464" y="6968"/>
                  </a:cubicBezTo>
                  <a:cubicBezTo>
                    <a:pt x="15339" y="6842"/>
                    <a:pt x="15063" y="6742"/>
                    <a:pt x="15013" y="6692"/>
                  </a:cubicBezTo>
                  <a:cubicBezTo>
                    <a:pt x="14838" y="6516"/>
                    <a:pt x="14562" y="6115"/>
                    <a:pt x="14562" y="5890"/>
                  </a:cubicBezTo>
                  <a:cubicBezTo>
                    <a:pt x="14487" y="5739"/>
                    <a:pt x="14487" y="5338"/>
                    <a:pt x="14612" y="5163"/>
                  </a:cubicBezTo>
                  <a:cubicBezTo>
                    <a:pt x="14662" y="4988"/>
                    <a:pt x="14888" y="4762"/>
                    <a:pt x="15013" y="4712"/>
                  </a:cubicBezTo>
                  <a:cubicBezTo>
                    <a:pt x="15038" y="4687"/>
                    <a:pt x="15120" y="4687"/>
                    <a:pt x="15201" y="4687"/>
                  </a:cubicBezTo>
                  <a:cubicBezTo>
                    <a:pt x="15283" y="4687"/>
                    <a:pt x="15364" y="4687"/>
                    <a:pt x="15389" y="4662"/>
                  </a:cubicBezTo>
                  <a:cubicBezTo>
                    <a:pt x="15464" y="4536"/>
                    <a:pt x="15464" y="4261"/>
                    <a:pt x="15464" y="4161"/>
                  </a:cubicBezTo>
                  <a:cubicBezTo>
                    <a:pt x="15464" y="4035"/>
                    <a:pt x="15339" y="3709"/>
                    <a:pt x="15389" y="3584"/>
                  </a:cubicBezTo>
                  <a:cubicBezTo>
                    <a:pt x="15514" y="3434"/>
                    <a:pt x="15840" y="3359"/>
                    <a:pt x="16016" y="3308"/>
                  </a:cubicBezTo>
                  <a:cubicBezTo>
                    <a:pt x="16191" y="3258"/>
                    <a:pt x="16517" y="3208"/>
                    <a:pt x="16642" y="3083"/>
                  </a:cubicBezTo>
                  <a:cubicBezTo>
                    <a:pt x="16742" y="2983"/>
                    <a:pt x="16918" y="2807"/>
                    <a:pt x="16968" y="2682"/>
                  </a:cubicBezTo>
                  <a:cubicBezTo>
                    <a:pt x="17043" y="2531"/>
                    <a:pt x="16968" y="2130"/>
                    <a:pt x="17093" y="2005"/>
                  </a:cubicBezTo>
                  <a:cubicBezTo>
                    <a:pt x="17143" y="1905"/>
                    <a:pt x="17494" y="1905"/>
                    <a:pt x="17544" y="1780"/>
                  </a:cubicBezTo>
                  <a:cubicBezTo>
                    <a:pt x="17595" y="1729"/>
                    <a:pt x="17595" y="1554"/>
                    <a:pt x="17595" y="1454"/>
                  </a:cubicBezTo>
                  <a:cubicBezTo>
                    <a:pt x="17595" y="1328"/>
                    <a:pt x="17645" y="1178"/>
                    <a:pt x="17645" y="1003"/>
                  </a:cubicBezTo>
                  <a:lnTo>
                    <a:pt x="17645" y="952"/>
                  </a:lnTo>
                  <a:cubicBezTo>
                    <a:pt x="17595" y="952"/>
                    <a:pt x="17494" y="777"/>
                    <a:pt x="17369" y="777"/>
                  </a:cubicBezTo>
                  <a:cubicBezTo>
                    <a:pt x="17349" y="767"/>
                    <a:pt x="17326" y="763"/>
                    <a:pt x="17301" y="763"/>
                  </a:cubicBezTo>
                  <a:cubicBezTo>
                    <a:pt x="17201" y="763"/>
                    <a:pt x="17068" y="827"/>
                    <a:pt x="16968" y="827"/>
                  </a:cubicBezTo>
                  <a:cubicBezTo>
                    <a:pt x="16918" y="827"/>
                    <a:pt x="16818" y="777"/>
                    <a:pt x="16742" y="777"/>
                  </a:cubicBezTo>
                  <a:cubicBezTo>
                    <a:pt x="16692" y="827"/>
                    <a:pt x="16467" y="827"/>
                    <a:pt x="16417" y="827"/>
                  </a:cubicBezTo>
                  <a:lnTo>
                    <a:pt x="16141" y="827"/>
                  </a:lnTo>
                  <a:cubicBezTo>
                    <a:pt x="16016" y="777"/>
                    <a:pt x="15915" y="602"/>
                    <a:pt x="15790" y="551"/>
                  </a:cubicBezTo>
                  <a:cubicBezTo>
                    <a:pt x="15740" y="501"/>
                    <a:pt x="15514" y="451"/>
                    <a:pt x="15464" y="376"/>
                  </a:cubicBezTo>
                  <a:cubicBezTo>
                    <a:pt x="15389" y="376"/>
                    <a:pt x="15239" y="376"/>
                    <a:pt x="15239" y="326"/>
                  </a:cubicBezTo>
                  <a:cubicBezTo>
                    <a:pt x="15164" y="326"/>
                    <a:pt x="15164" y="226"/>
                    <a:pt x="15164" y="150"/>
                  </a:cubicBezTo>
                  <a:cubicBezTo>
                    <a:pt x="15113" y="100"/>
                    <a:pt x="15063" y="50"/>
                    <a:pt x="15013" y="0"/>
                  </a:cubicBezTo>
                  <a:close/>
                </a:path>
              </a:pathLst>
            </a:custGeom>
            <a:solidFill>
              <a:srgbClr val="4ABEB8"/>
            </a:solidFill>
            <a:ln>
              <a:noFill/>
            </a:ln>
          </p:spPr>
          <p:txBody>
            <a:bodyPr spcFirstLastPara="1" wrap="square" lIns="121900" tIns="121900" rIns="121900" bIns="121900" anchor="ctr" anchorCtr="0">
              <a:noAutofit/>
            </a:bodyPr>
            <a:lstStyle/>
            <a:p>
              <a:endParaRPr sz="2400"/>
            </a:p>
          </p:txBody>
        </p:sp>
        <p:sp>
          <p:nvSpPr>
            <p:cNvPr id="285" name="Google Shape;342;p16">
              <a:extLst>
                <a:ext uri="{FF2B5EF4-FFF2-40B4-BE49-F238E27FC236}">
                  <a16:creationId xmlns:a16="http://schemas.microsoft.com/office/drawing/2014/main" id="{D2A7BAFE-1BC5-08F5-ABD0-D73FA1CB2A9C}"/>
                </a:ext>
              </a:extLst>
            </p:cNvPr>
            <p:cNvSpPr/>
            <p:nvPr/>
          </p:nvSpPr>
          <p:spPr>
            <a:xfrm>
              <a:off x="2224466" y="1156120"/>
              <a:ext cx="572909" cy="667356"/>
            </a:xfrm>
            <a:custGeom>
              <a:avLst/>
              <a:gdLst/>
              <a:ahLst/>
              <a:cxnLst/>
              <a:rect l="l" t="t" r="r" b="b"/>
              <a:pathLst>
                <a:path w="20527" h="23911" fill="none" extrusionOk="0">
                  <a:moveTo>
                    <a:pt x="5815" y="21830"/>
                  </a:moveTo>
                  <a:cubicBezTo>
                    <a:pt x="5640" y="21755"/>
                    <a:pt x="5414" y="21654"/>
                    <a:pt x="5364" y="21529"/>
                  </a:cubicBezTo>
                  <a:cubicBezTo>
                    <a:pt x="5239" y="21479"/>
                    <a:pt x="5138" y="21253"/>
                    <a:pt x="5088" y="21203"/>
                  </a:cubicBezTo>
                  <a:cubicBezTo>
                    <a:pt x="5013" y="21153"/>
                    <a:pt x="4863" y="21028"/>
                    <a:pt x="4788" y="20978"/>
                  </a:cubicBezTo>
                  <a:cubicBezTo>
                    <a:pt x="4737" y="20928"/>
                    <a:pt x="4737" y="20702"/>
                    <a:pt x="4687" y="20577"/>
                  </a:cubicBezTo>
                  <a:cubicBezTo>
                    <a:pt x="4637" y="20476"/>
                    <a:pt x="4462" y="20251"/>
                    <a:pt x="4336" y="20126"/>
                  </a:cubicBezTo>
                  <a:cubicBezTo>
                    <a:pt x="4236" y="20025"/>
                    <a:pt x="3835" y="19975"/>
                    <a:pt x="3735" y="19850"/>
                  </a:cubicBezTo>
                  <a:cubicBezTo>
                    <a:pt x="3559" y="19800"/>
                    <a:pt x="3158" y="19674"/>
                    <a:pt x="3058" y="19524"/>
                  </a:cubicBezTo>
                  <a:cubicBezTo>
                    <a:pt x="2933" y="19399"/>
                    <a:pt x="2757" y="19073"/>
                    <a:pt x="2657" y="18948"/>
                  </a:cubicBezTo>
                  <a:cubicBezTo>
                    <a:pt x="2607" y="18847"/>
                    <a:pt x="2381" y="18547"/>
                    <a:pt x="2256" y="18446"/>
                  </a:cubicBezTo>
                  <a:cubicBezTo>
                    <a:pt x="2206" y="18396"/>
                    <a:pt x="2031" y="18271"/>
                    <a:pt x="1980" y="18271"/>
                  </a:cubicBezTo>
                  <a:cubicBezTo>
                    <a:pt x="1855" y="18221"/>
                    <a:pt x="1630" y="18271"/>
                    <a:pt x="1529" y="18221"/>
                  </a:cubicBezTo>
                  <a:cubicBezTo>
                    <a:pt x="1404" y="18221"/>
                    <a:pt x="1254" y="18095"/>
                    <a:pt x="1178" y="18045"/>
                  </a:cubicBezTo>
                  <a:cubicBezTo>
                    <a:pt x="1078" y="17945"/>
                    <a:pt x="953" y="17720"/>
                    <a:pt x="903" y="17594"/>
                  </a:cubicBezTo>
                  <a:cubicBezTo>
                    <a:pt x="853" y="17444"/>
                    <a:pt x="803" y="17143"/>
                    <a:pt x="803" y="17043"/>
                  </a:cubicBezTo>
                  <a:cubicBezTo>
                    <a:pt x="727" y="16867"/>
                    <a:pt x="627" y="16542"/>
                    <a:pt x="577" y="16366"/>
                  </a:cubicBezTo>
                  <a:cubicBezTo>
                    <a:pt x="502" y="16191"/>
                    <a:pt x="226" y="15965"/>
                    <a:pt x="176" y="15865"/>
                  </a:cubicBezTo>
                  <a:cubicBezTo>
                    <a:pt x="126" y="15639"/>
                    <a:pt x="51" y="15238"/>
                    <a:pt x="1" y="15013"/>
                  </a:cubicBezTo>
                  <a:cubicBezTo>
                    <a:pt x="1" y="14787"/>
                    <a:pt x="51" y="14336"/>
                    <a:pt x="176" y="14110"/>
                  </a:cubicBezTo>
                  <a:cubicBezTo>
                    <a:pt x="226" y="13935"/>
                    <a:pt x="452" y="13709"/>
                    <a:pt x="577" y="13609"/>
                  </a:cubicBezTo>
                  <a:cubicBezTo>
                    <a:pt x="677" y="13434"/>
                    <a:pt x="953" y="13258"/>
                    <a:pt x="1078" y="13158"/>
                  </a:cubicBezTo>
                  <a:cubicBezTo>
                    <a:pt x="1128" y="13033"/>
                    <a:pt x="1304" y="12807"/>
                    <a:pt x="1354" y="12707"/>
                  </a:cubicBezTo>
                  <a:cubicBezTo>
                    <a:pt x="1354" y="12532"/>
                    <a:pt x="1354" y="12256"/>
                    <a:pt x="1404" y="12080"/>
                  </a:cubicBezTo>
                  <a:lnTo>
                    <a:pt x="1404" y="11579"/>
                  </a:lnTo>
                  <a:cubicBezTo>
                    <a:pt x="1529" y="11579"/>
                    <a:pt x="1630" y="11529"/>
                    <a:pt x="1755" y="11529"/>
                  </a:cubicBezTo>
                  <a:cubicBezTo>
                    <a:pt x="1855" y="11529"/>
                    <a:pt x="2256" y="11529"/>
                    <a:pt x="2306" y="11629"/>
                  </a:cubicBezTo>
                  <a:cubicBezTo>
                    <a:pt x="2432" y="11755"/>
                    <a:pt x="2381" y="12030"/>
                    <a:pt x="2381" y="12156"/>
                  </a:cubicBezTo>
                  <a:cubicBezTo>
                    <a:pt x="2306" y="12256"/>
                    <a:pt x="2206" y="12356"/>
                    <a:pt x="2206" y="12481"/>
                  </a:cubicBezTo>
                  <a:cubicBezTo>
                    <a:pt x="2206" y="12582"/>
                    <a:pt x="2306" y="12882"/>
                    <a:pt x="2432" y="12933"/>
                  </a:cubicBezTo>
                  <a:cubicBezTo>
                    <a:pt x="2532" y="12983"/>
                    <a:pt x="2757" y="12983"/>
                    <a:pt x="2883" y="12933"/>
                  </a:cubicBezTo>
                  <a:cubicBezTo>
                    <a:pt x="2983" y="12882"/>
                    <a:pt x="2983" y="12582"/>
                    <a:pt x="3108" y="12532"/>
                  </a:cubicBezTo>
                  <a:cubicBezTo>
                    <a:pt x="3158" y="12481"/>
                    <a:pt x="3384" y="12532"/>
                    <a:pt x="3434" y="12582"/>
                  </a:cubicBezTo>
                  <a:cubicBezTo>
                    <a:pt x="3559" y="12657"/>
                    <a:pt x="3610" y="12882"/>
                    <a:pt x="3735" y="12933"/>
                  </a:cubicBezTo>
                  <a:cubicBezTo>
                    <a:pt x="3835" y="12983"/>
                    <a:pt x="4061" y="13108"/>
                    <a:pt x="4186" y="13033"/>
                  </a:cubicBezTo>
                  <a:cubicBezTo>
                    <a:pt x="4336" y="13033"/>
                    <a:pt x="4562" y="12807"/>
                    <a:pt x="4687" y="12707"/>
                  </a:cubicBezTo>
                  <a:cubicBezTo>
                    <a:pt x="4737" y="12582"/>
                    <a:pt x="4788" y="12306"/>
                    <a:pt x="4913" y="12206"/>
                  </a:cubicBezTo>
                  <a:cubicBezTo>
                    <a:pt x="4963" y="12156"/>
                    <a:pt x="5138" y="12080"/>
                    <a:pt x="5189" y="12030"/>
                  </a:cubicBezTo>
                  <a:cubicBezTo>
                    <a:pt x="5314" y="11855"/>
                    <a:pt x="5314" y="11479"/>
                    <a:pt x="5314" y="11303"/>
                  </a:cubicBezTo>
                  <a:cubicBezTo>
                    <a:pt x="5364" y="11128"/>
                    <a:pt x="5314" y="10852"/>
                    <a:pt x="5364" y="10727"/>
                  </a:cubicBezTo>
                  <a:cubicBezTo>
                    <a:pt x="5414" y="10577"/>
                    <a:pt x="5690" y="10351"/>
                    <a:pt x="5815" y="10226"/>
                  </a:cubicBezTo>
                  <a:cubicBezTo>
                    <a:pt x="5915" y="10176"/>
                    <a:pt x="6141" y="10125"/>
                    <a:pt x="6266" y="10125"/>
                  </a:cubicBezTo>
                  <a:cubicBezTo>
                    <a:pt x="6316" y="10125"/>
                    <a:pt x="6442" y="10176"/>
                    <a:pt x="6492" y="10176"/>
                  </a:cubicBezTo>
                  <a:cubicBezTo>
                    <a:pt x="6592" y="10176"/>
                    <a:pt x="6767" y="10050"/>
                    <a:pt x="6818" y="9950"/>
                  </a:cubicBezTo>
                  <a:cubicBezTo>
                    <a:pt x="6818" y="9900"/>
                    <a:pt x="6893" y="9724"/>
                    <a:pt x="6818" y="9599"/>
                  </a:cubicBezTo>
                  <a:cubicBezTo>
                    <a:pt x="6767" y="9549"/>
                    <a:pt x="6542" y="9674"/>
                    <a:pt x="6492" y="9599"/>
                  </a:cubicBezTo>
                  <a:cubicBezTo>
                    <a:pt x="6442" y="9549"/>
                    <a:pt x="6442" y="9399"/>
                    <a:pt x="6442" y="9273"/>
                  </a:cubicBezTo>
                  <a:cubicBezTo>
                    <a:pt x="6492" y="9098"/>
                    <a:pt x="6767" y="8948"/>
                    <a:pt x="6943" y="8872"/>
                  </a:cubicBezTo>
                  <a:cubicBezTo>
                    <a:pt x="7043" y="8822"/>
                    <a:pt x="7344" y="8822"/>
                    <a:pt x="7444" y="8822"/>
                  </a:cubicBezTo>
                  <a:cubicBezTo>
                    <a:pt x="7569" y="8872"/>
                    <a:pt x="7720" y="8998"/>
                    <a:pt x="7795" y="9048"/>
                  </a:cubicBezTo>
                  <a:cubicBezTo>
                    <a:pt x="7845" y="9173"/>
                    <a:pt x="7845" y="9399"/>
                    <a:pt x="7895" y="9449"/>
                  </a:cubicBezTo>
                  <a:cubicBezTo>
                    <a:pt x="7945" y="9549"/>
                    <a:pt x="8121" y="9674"/>
                    <a:pt x="8171" y="9724"/>
                  </a:cubicBezTo>
                  <a:cubicBezTo>
                    <a:pt x="8346" y="9724"/>
                    <a:pt x="8572" y="9499"/>
                    <a:pt x="8697" y="9399"/>
                  </a:cubicBezTo>
                  <a:cubicBezTo>
                    <a:pt x="8798" y="9273"/>
                    <a:pt x="9023" y="8998"/>
                    <a:pt x="9148" y="8822"/>
                  </a:cubicBezTo>
                  <a:cubicBezTo>
                    <a:pt x="9148" y="8722"/>
                    <a:pt x="9148" y="8496"/>
                    <a:pt x="9199" y="8371"/>
                  </a:cubicBezTo>
                  <a:cubicBezTo>
                    <a:pt x="9199" y="8271"/>
                    <a:pt x="9148" y="8045"/>
                    <a:pt x="9199" y="7920"/>
                  </a:cubicBezTo>
                  <a:cubicBezTo>
                    <a:pt x="9249" y="7820"/>
                    <a:pt x="9374" y="7694"/>
                    <a:pt x="9474" y="7644"/>
                  </a:cubicBezTo>
                  <a:cubicBezTo>
                    <a:pt x="9650" y="7594"/>
                    <a:pt x="9976" y="7594"/>
                    <a:pt x="10201" y="7594"/>
                  </a:cubicBezTo>
                  <a:cubicBezTo>
                    <a:pt x="10276" y="7594"/>
                    <a:pt x="10427" y="7644"/>
                    <a:pt x="10552" y="7594"/>
                  </a:cubicBezTo>
                  <a:cubicBezTo>
                    <a:pt x="10727" y="7519"/>
                    <a:pt x="10828" y="7143"/>
                    <a:pt x="10878" y="6968"/>
                  </a:cubicBezTo>
                  <a:cubicBezTo>
                    <a:pt x="10953" y="6842"/>
                    <a:pt x="11103" y="6567"/>
                    <a:pt x="11103" y="6416"/>
                  </a:cubicBezTo>
                  <a:cubicBezTo>
                    <a:pt x="11179" y="6291"/>
                    <a:pt x="11179" y="5965"/>
                    <a:pt x="11103" y="5840"/>
                  </a:cubicBezTo>
                  <a:cubicBezTo>
                    <a:pt x="11003" y="5664"/>
                    <a:pt x="10727" y="5514"/>
                    <a:pt x="10602" y="5389"/>
                  </a:cubicBezTo>
                  <a:cubicBezTo>
                    <a:pt x="10427" y="5288"/>
                    <a:pt x="10101" y="5163"/>
                    <a:pt x="9976" y="5063"/>
                  </a:cubicBezTo>
                  <a:cubicBezTo>
                    <a:pt x="9925" y="4988"/>
                    <a:pt x="9750" y="4762"/>
                    <a:pt x="9750" y="4662"/>
                  </a:cubicBezTo>
                  <a:cubicBezTo>
                    <a:pt x="9700" y="4536"/>
                    <a:pt x="9825" y="4211"/>
                    <a:pt x="9875" y="4085"/>
                  </a:cubicBezTo>
                  <a:cubicBezTo>
                    <a:pt x="9925" y="3985"/>
                    <a:pt x="10201" y="3860"/>
                    <a:pt x="10276" y="3760"/>
                  </a:cubicBezTo>
                  <a:cubicBezTo>
                    <a:pt x="10377" y="3659"/>
                    <a:pt x="10552" y="3434"/>
                    <a:pt x="10552" y="3258"/>
                  </a:cubicBezTo>
                  <a:cubicBezTo>
                    <a:pt x="10552" y="3133"/>
                    <a:pt x="10427" y="2983"/>
                    <a:pt x="10377" y="2907"/>
                  </a:cubicBezTo>
                  <a:cubicBezTo>
                    <a:pt x="10326" y="2857"/>
                    <a:pt x="10051" y="2807"/>
                    <a:pt x="10051" y="2682"/>
                  </a:cubicBezTo>
                  <a:cubicBezTo>
                    <a:pt x="9976" y="2632"/>
                    <a:pt x="10051" y="2456"/>
                    <a:pt x="10101" y="2406"/>
                  </a:cubicBezTo>
                  <a:cubicBezTo>
                    <a:pt x="10201" y="2306"/>
                    <a:pt x="10602" y="2231"/>
                    <a:pt x="10778" y="2231"/>
                  </a:cubicBezTo>
                  <a:cubicBezTo>
                    <a:pt x="10878" y="2231"/>
                    <a:pt x="11103" y="2356"/>
                    <a:pt x="11229" y="2306"/>
                  </a:cubicBezTo>
                  <a:cubicBezTo>
                    <a:pt x="11329" y="2306"/>
                    <a:pt x="11630" y="2231"/>
                    <a:pt x="11680" y="2130"/>
                  </a:cubicBezTo>
                  <a:cubicBezTo>
                    <a:pt x="11780" y="2005"/>
                    <a:pt x="11680" y="1629"/>
                    <a:pt x="11730" y="1454"/>
                  </a:cubicBezTo>
                  <a:cubicBezTo>
                    <a:pt x="11780" y="1328"/>
                    <a:pt x="11855" y="1103"/>
                    <a:pt x="11905" y="1003"/>
                  </a:cubicBezTo>
                  <a:cubicBezTo>
                    <a:pt x="12006" y="952"/>
                    <a:pt x="12356" y="827"/>
                    <a:pt x="12457" y="902"/>
                  </a:cubicBezTo>
                  <a:cubicBezTo>
                    <a:pt x="12632" y="952"/>
                    <a:pt x="12808" y="1228"/>
                    <a:pt x="12983" y="1278"/>
                  </a:cubicBezTo>
                  <a:cubicBezTo>
                    <a:pt x="13083" y="1328"/>
                    <a:pt x="13359" y="1404"/>
                    <a:pt x="13484" y="1404"/>
                  </a:cubicBezTo>
                  <a:cubicBezTo>
                    <a:pt x="13585" y="1328"/>
                    <a:pt x="13810" y="1178"/>
                    <a:pt x="13935" y="1103"/>
                  </a:cubicBezTo>
                  <a:cubicBezTo>
                    <a:pt x="14036" y="1053"/>
                    <a:pt x="14387" y="1178"/>
                    <a:pt x="14437" y="1053"/>
                  </a:cubicBezTo>
                  <a:cubicBezTo>
                    <a:pt x="14612" y="952"/>
                    <a:pt x="14562" y="501"/>
                    <a:pt x="14662" y="326"/>
                  </a:cubicBezTo>
                  <a:cubicBezTo>
                    <a:pt x="14662" y="226"/>
                    <a:pt x="14888" y="100"/>
                    <a:pt x="15013" y="0"/>
                  </a:cubicBezTo>
                  <a:cubicBezTo>
                    <a:pt x="15063" y="50"/>
                    <a:pt x="15113" y="100"/>
                    <a:pt x="15164" y="150"/>
                  </a:cubicBezTo>
                  <a:cubicBezTo>
                    <a:pt x="15164" y="226"/>
                    <a:pt x="15164" y="326"/>
                    <a:pt x="15239" y="326"/>
                  </a:cubicBezTo>
                  <a:cubicBezTo>
                    <a:pt x="15239" y="376"/>
                    <a:pt x="15389" y="376"/>
                    <a:pt x="15464" y="376"/>
                  </a:cubicBezTo>
                  <a:cubicBezTo>
                    <a:pt x="15514" y="451"/>
                    <a:pt x="15740" y="501"/>
                    <a:pt x="15790" y="551"/>
                  </a:cubicBezTo>
                  <a:cubicBezTo>
                    <a:pt x="15915" y="602"/>
                    <a:pt x="16016" y="777"/>
                    <a:pt x="16141" y="827"/>
                  </a:cubicBezTo>
                  <a:lnTo>
                    <a:pt x="16417" y="827"/>
                  </a:lnTo>
                  <a:cubicBezTo>
                    <a:pt x="16467" y="827"/>
                    <a:pt x="16692" y="827"/>
                    <a:pt x="16742" y="777"/>
                  </a:cubicBezTo>
                  <a:cubicBezTo>
                    <a:pt x="16818" y="777"/>
                    <a:pt x="16918" y="827"/>
                    <a:pt x="16968" y="827"/>
                  </a:cubicBezTo>
                  <a:cubicBezTo>
                    <a:pt x="17093" y="827"/>
                    <a:pt x="17269" y="727"/>
                    <a:pt x="17369" y="777"/>
                  </a:cubicBezTo>
                  <a:cubicBezTo>
                    <a:pt x="17494" y="777"/>
                    <a:pt x="17595" y="952"/>
                    <a:pt x="17645" y="952"/>
                  </a:cubicBezTo>
                  <a:lnTo>
                    <a:pt x="17645" y="1003"/>
                  </a:lnTo>
                  <a:cubicBezTo>
                    <a:pt x="17645" y="1178"/>
                    <a:pt x="17595" y="1328"/>
                    <a:pt x="17595" y="1454"/>
                  </a:cubicBezTo>
                  <a:cubicBezTo>
                    <a:pt x="17595" y="1554"/>
                    <a:pt x="17595" y="1729"/>
                    <a:pt x="17544" y="1780"/>
                  </a:cubicBezTo>
                  <a:cubicBezTo>
                    <a:pt x="17494" y="1905"/>
                    <a:pt x="17143" y="1905"/>
                    <a:pt x="17093" y="2005"/>
                  </a:cubicBezTo>
                  <a:cubicBezTo>
                    <a:pt x="16968" y="2130"/>
                    <a:pt x="17043" y="2531"/>
                    <a:pt x="16968" y="2682"/>
                  </a:cubicBezTo>
                  <a:cubicBezTo>
                    <a:pt x="16918" y="2807"/>
                    <a:pt x="16742" y="2983"/>
                    <a:pt x="16642" y="3083"/>
                  </a:cubicBezTo>
                  <a:cubicBezTo>
                    <a:pt x="16517" y="3208"/>
                    <a:pt x="16191" y="3258"/>
                    <a:pt x="16016" y="3308"/>
                  </a:cubicBezTo>
                  <a:cubicBezTo>
                    <a:pt x="15840" y="3359"/>
                    <a:pt x="15514" y="3434"/>
                    <a:pt x="15389" y="3584"/>
                  </a:cubicBezTo>
                  <a:cubicBezTo>
                    <a:pt x="15339" y="3709"/>
                    <a:pt x="15464" y="4035"/>
                    <a:pt x="15464" y="4161"/>
                  </a:cubicBezTo>
                  <a:cubicBezTo>
                    <a:pt x="15464" y="4261"/>
                    <a:pt x="15464" y="4536"/>
                    <a:pt x="15389" y="4662"/>
                  </a:cubicBezTo>
                  <a:cubicBezTo>
                    <a:pt x="15339" y="4712"/>
                    <a:pt x="15063" y="4662"/>
                    <a:pt x="15013" y="4712"/>
                  </a:cubicBezTo>
                  <a:cubicBezTo>
                    <a:pt x="14888" y="4762"/>
                    <a:pt x="14662" y="4988"/>
                    <a:pt x="14612" y="5163"/>
                  </a:cubicBezTo>
                  <a:cubicBezTo>
                    <a:pt x="14487" y="5338"/>
                    <a:pt x="14487" y="5739"/>
                    <a:pt x="14562" y="5890"/>
                  </a:cubicBezTo>
                  <a:cubicBezTo>
                    <a:pt x="14562" y="6115"/>
                    <a:pt x="14838" y="6516"/>
                    <a:pt x="15013" y="6692"/>
                  </a:cubicBezTo>
                  <a:cubicBezTo>
                    <a:pt x="15063" y="6742"/>
                    <a:pt x="15339" y="6842"/>
                    <a:pt x="15464" y="6968"/>
                  </a:cubicBezTo>
                  <a:cubicBezTo>
                    <a:pt x="15514" y="7068"/>
                    <a:pt x="15615" y="7369"/>
                    <a:pt x="15615" y="7469"/>
                  </a:cubicBezTo>
                  <a:cubicBezTo>
                    <a:pt x="15615" y="7594"/>
                    <a:pt x="15565" y="7820"/>
                    <a:pt x="15514" y="7920"/>
                  </a:cubicBezTo>
                  <a:cubicBezTo>
                    <a:pt x="15464" y="7970"/>
                    <a:pt x="15164" y="8045"/>
                    <a:pt x="15113" y="8095"/>
                  </a:cubicBezTo>
                  <a:cubicBezTo>
                    <a:pt x="15063" y="8196"/>
                    <a:pt x="14938" y="8421"/>
                    <a:pt x="14938" y="8597"/>
                  </a:cubicBezTo>
                  <a:cubicBezTo>
                    <a:pt x="14938" y="8772"/>
                    <a:pt x="15113" y="9048"/>
                    <a:pt x="15164" y="9223"/>
                  </a:cubicBezTo>
                  <a:cubicBezTo>
                    <a:pt x="15289" y="9323"/>
                    <a:pt x="15464" y="9549"/>
                    <a:pt x="15565" y="9599"/>
                  </a:cubicBezTo>
                  <a:cubicBezTo>
                    <a:pt x="15690" y="9674"/>
                    <a:pt x="15840" y="9724"/>
                    <a:pt x="15915" y="9775"/>
                  </a:cubicBezTo>
                  <a:cubicBezTo>
                    <a:pt x="15966" y="9825"/>
                    <a:pt x="16141" y="10000"/>
                    <a:pt x="16141" y="10050"/>
                  </a:cubicBezTo>
                  <a:cubicBezTo>
                    <a:pt x="16191" y="10176"/>
                    <a:pt x="16141" y="10401"/>
                    <a:pt x="16141" y="10501"/>
                  </a:cubicBezTo>
                  <a:cubicBezTo>
                    <a:pt x="16141" y="10627"/>
                    <a:pt x="16141" y="10852"/>
                    <a:pt x="16241" y="10902"/>
                  </a:cubicBezTo>
                  <a:cubicBezTo>
                    <a:pt x="16291" y="10953"/>
                    <a:pt x="16517" y="10852"/>
                    <a:pt x="16642" y="10852"/>
                  </a:cubicBezTo>
                  <a:cubicBezTo>
                    <a:pt x="16692" y="10852"/>
                    <a:pt x="16868" y="10852"/>
                    <a:pt x="16868" y="10902"/>
                  </a:cubicBezTo>
                  <a:cubicBezTo>
                    <a:pt x="16968" y="11028"/>
                    <a:pt x="16868" y="11303"/>
                    <a:pt x="16868" y="11404"/>
                  </a:cubicBezTo>
                  <a:cubicBezTo>
                    <a:pt x="16918" y="11479"/>
                    <a:pt x="16968" y="11579"/>
                    <a:pt x="17093" y="11579"/>
                  </a:cubicBezTo>
                  <a:cubicBezTo>
                    <a:pt x="17194" y="11629"/>
                    <a:pt x="17419" y="11479"/>
                    <a:pt x="17544" y="11404"/>
                  </a:cubicBezTo>
                  <a:cubicBezTo>
                    <a:pt x="17595" y="11354"/>
                    <a:pt x="17645" y="11128"/>
                    <a:pt x="17770" y="11128"/>
                  </a:cubicBezTo>
                  <a:cubicBezTo>
                    <a:pt x="17820" y="11078"/>
                    <a:pt x="17996" y="11078"/>
                    <a:pt x="18096" y="11078"/>
                  </a:cubicBezTo>
                  <a:cubicBezTo>
                    <a:pt x="18171" y="11028"/>
                    <a:pt x="18271" y="10852"/>
                    <a:pt x="18321" y="10852"/>
                  </a:cubicBezTo>
                  <a:cubicBezTo>
                    <a:pt x="18497" y="10802"/>
                    <a:pt x="18848" y="10727"/>
                    <a:pt x="18948" y="10727"/>
                  </a:cubicBezTo>
                  <a:cubicBezTo>
                    <a:pt x="19073" y="10802"/>
                    <a:pt x="19174" y="10902"/>
                    <a:pt x="19299" y="10953"/>
                  </a:cubicBezTo>
                  <a:cubicBezTo>
                    <a:pt x="19399" y="11028"/>
                    <a:pt x="19750" y="10902"/>
                    <a:pt x="19850" y="11028"/>
                  </a:cubicBezTo>
                  <a:cubicBezTo>
                    <a:pt x="19976" y="11078"/>
                    <a:pt x="20076" y="11404"/>
                    <a:pt x="20076" y="11529"/>
                  </a:cubicBezTo>
                  <a:cubicBezTo>
                    <a:pt x="20151" y="11629"/>
                    <a:pt x="20151" y="11930"/>
                    <a:pt x="20151" y="12030"/>
                  </a:cubicBezTo>
                  <a:cubicBezTo>
                    <a:pt x="20151" y="12156"/>
                    <a:pt x="20076" y="12481"/>
                    <a:pt x="20151" y="12657"/>
                  </a:cubicBezTo>
                  <a:cubicBezTo>
                    <a:pt x="20201" y="12757"/>
                    <a:pt x="20477" y="12882"/>
                    <a:pt x="20527" y="12983"/>
                  </a:cubicBezTo>
                  <a:lnTo>
                    <a:pt x="20527" y="13208"/>
                  </a:lnTo>
                  <a:lnTo>
                    <a:pt x="20477" y="13208"/>
                  </a:lnTo>
                  <a:cubicBezTo>
                    <a:pt x="20427" y="13208"/>
                    <a:pt x="20301" y="13334"/>
                    <a:pt x="20251" y="13384"/>
                  </a:cubicBezTo>
                  <a:cubicBezTo>
                    <a:pt x="20151" y="13434"/>
                    <a:pt x="19976" y="13484"/>
                    <a:pt x="19900" y="13559"/>
                  </a:cubicBezTo>
                  <a:cubicBezTo>
                    <a:pt x="19850" y="13609"/>
                    <a:pt x="19750" y="13659"/>
                    <a:pt x="19750" y="13709"/>
                  </a:cubicBezTo>
                  <a:cubicBezTo>
                    <a:pt x="19675" y="13785"/>
                    <a:pt x="19625" y="13885"/>
                    <a:pt x="19575" y="13935"/>
                  </a:cubicBezTo>
                  <a:cubicBezTo>
                    <a:pt x="19524" y="13935"/>
                    <a:pt x="19449" y="13885"/>
                    <a:pt x="19399" y="13885"/>
                  </a:cubicBezTo>
                  <a:cubicBezTo>
                    <a:pt x="19349" y="13885"/>
                    <a:pt x="19224" y="14010"/>
                    <a:pt x="19174" y="14060"/>
                  </a:cubicBezTo>
                  <a:cubicBezTo>
                    <a:pt x="18998" y="14110"/>
                    <a:pt x="18722" y="14336"/>
                    <a:pt x="18622" y="14461"/>
                  </a:cubicBezTo>
                  <a:cubicBezTo>
                    <a:pt x="18547" y="14461"/>
                    <a:pt x="18397" y="14511"/>
                    <a:pt x="18321" y="14562"/>
                  </a:cubicBezTo>
                  <a:cubicBezTo>
                    <a:pt x="18221" y="14562"/>
                    <a:pt x="18096" y="14687"/>
                    <a:pt x="17996" y="14737"/>
                  </a:cubicBezTo>
                  <a:cubicBezTo>
                    <a:pt x="17945" y="14787"/>
                    <a:pt x="17770" y="14912"/>
                    <a:pt x="17645" y="14963"/>
                  </a:cubicBezTo>
                  <a:cubicBezTo>
                    <a:pt x="17595" y="14963"/>
                    <a:pt x="17419" y="15063"/>
                    <a:pt x="17369" y="15113"/>
                  </a:cubicBezTo>
                  <a:cubicBezTo>
                    <a:pt x="17269" y="15188"/>
                    <a:pt x="17143" y="15288"/>
                    <a:pt x="17043" y="15339"/>
                  </a:cubicBezTo>
                  <a:cubicBezTo>
                    <a:pt x="16868" y="15464"/>
                    <a:pt x="16467" y="15564"/>
                    <a:pt x="16291" y="15639"/>
                  </a:cubicBezTo>
                  <a:cubicBezTo>
                    <a:pt x="16191" y="15689"/>
                    <a:pt x="15966" y="15915"/>
                    <a:pt x="15840" y="15915"/>
                  </a:cubicBezTo>
                  <a:cubicBezTo>
                    <a:pt x="15790" y="15965"/>
                    <a:pt x="15690" y="15965"/>
                    <a:pt x="15690" y="15965"/>
                  </a:cubicBezTo>
                  <a:cubicBezTo>
                    <a:pt x="15615" y="15915"/>
                    <a:pt x="15565" y="15790"/>
                    <a:pt x="15565" y="15740"/>
                  </a:cubicBezTo>
                  <a:cubicBezTo>
                    <a:pt x="15565" y="15689"/>
                    <a:pt x="15565" y="15564"/>
                    <a:pt x="15615" y="15514"/>
                  </a:cubicBezTo>
                  <a:cubicBezTo>
                    <a:pt x="15690" y="15464"/>
                    <a:pt x="15840" y="15464"/>
                    <a:pt x="15915" y="15414"/>
                  </a:cubicBezTo>
                  <a:cubicBezTo>
                    <a:pt x="15966" y="15414"/>
                    <a:pt x="16066" y="15288"/>
                    <a:pt x="16141" y="15238"/>
                  </a:cubicBezTo>
                  <a:cubicBezTo>
                    <a:pt x="16191" y="15188"/>
                    <a:pt x="16291" y="15113"/>
                    <a:pt x="16367" y="15063"/>
                  </a:cubicBezTo>
                  <a:cubicBezTo>
                    <a:pt x="16417" y="15013"/>
                    <a:pt x="16467" y="14837"/>
                    <a:pt x="16517" y="14787"/>
                  </a:cubicBezTo>
                  <a:lnTo>
                    <a:pt x="16642" y="14787"/>
                  </a:lnTo>
                  <a:cubicBezTo>
                    <a:pt x="16692" y="14837"/>
                    <a:pt x="16692" y="14912"/>
                    <a:pt x="16742" y="14963"/>
                  </a:cubicBezTo>
                  <a:cubicBezTo>
                    <a:pt x="16818" y="14963"/>
                    <a:pt x="16918" y="14912"/>
                    <a:pt x="16968" y="14912"/>
                  </a:cubicBezTo>
                  <a:cubicBezTo>
                    <a:pt x="17043" y="14837"/>
                    <a:pt x="17143" y="14787"/>
                    <a:pt x="17143" y="14737"/>
                  </a:cubicBezTo>
                  <a:cubicBezTo>
                    <a:pt x="17143" y="14687"/>
                    <a:pt x="17093" y="14612"/>
                    <a:pt x="17043" y="14612"/>
                  </a:cubicBezTo>
                  <a:cubicBezTo>
                    <a:pt x="17043" y="14612"/>
                    <a:pt x="16968" y="14737"/>
                    <a:pt x="16918" y="14737"/>
                  </a:cubicBezTo>
                  <a:lnTo>
                    <a:pt x="16818" y="14687"/>
                  </a:lnTo>
                  <a:cubicBezTo>
                    <a:pt x="16818" y="14612"/>
                    <a:pt x="16968" y="14511"/>
                    <a:pt x="16968" y="14461"/>
                  </a:cubicBezTo>
                  <a:lnTo>
                    <a:pt x="16818" y="14461"/>
                  </a:lnTo>
                  <a:cubicBezTo>
                    <a:pt x="16742" y="14461"/>
                    <a:pt x="16692" y="14511"/>
                    <a:pt x="16642" y="14511"/>
                  </a:cubicBezTo>
                  <a:cubicBezTo>
                    <a:pt x="16592" y="14461"/>
                    <a:pt x="16417" y="14386"/>
                    <a:pt x="16367" y="14386"/>
                  </a:cubicBezTo>
                  <a:lnTo>
                    <a:pt x="16191" y="14386"/>
                  </a:lnTo>
                  <a:cubicBezTo>
                    <a:pt x="16191" y="14386"/>
                    <a:pt x="16191" y="14511"/>
                    <a:pt x="16141" y="14511"/>
                  </a:cubicBezTo>
                  <a:cubicBezTo>
                    <a:pt x="16141" y="14562"/>
                    <a:pt x="15966" y="14562"/>
                    <a:pt x="15915" y="14612"/>
                  </a:cubicBezTo>
                  <a:lnTo>
                    <a:pt x="15915" y="14787"/>
                  </a:lnTo>
                  <a:cubicBezTo>
                    <a:pt x="15915" y="14837"/>
                    <a:pt x="15966" y="14963"/>
                    <a:pt x="15966" y="15013"/>
                  </a:cubicBezTo>
                  <a:cubicBezTo>
                    <a:pt x="15966" y="15063"/>
                    <a:pt x="15840" y="15113"/>
                    <a:pt x="15790" y="15113"/>
                  </a:cubicBezTo>
                  <a:cubicBezTo>
                    <a:pt x="15740" y="15063"/>
                    <a:pt x="15790" y="14912"/>
                    <a:pt x="15740" y="14912"/>
                  </a:cubicBezTo>
                  <a:cubicBezTo>
                    <a:pt x="15740" y="14912"/>
                    <a:pt x="15615" y="14963"/>
                    <a:pt x="15615" y="15013"/>
                  </a:cubicBezTo>
                  <a:cubicBezTo>
                    <a:pt x="15565" y="15013"/>
                    <a:pt x="15514" y="15063"/>
                    <a:pt x="15464" y="15063"/>
                  </a:cubicBezTo>
                  <a:cubicBezTo>
                    <a:pt x="15389" y="15063"/>
                    <a:pt x="15339" y="15013"/>
                    <a:pt x="15289" y="15013"/>
                  </a:cubicBezTo>
                  <a:lnTo>
                    <a:pt x="15063" y="15013"/>
                  </a:lnTo>
                  <a:cubicBezTo>
                    <a:pt x="15013" y="15063"/>
                    <a:pt x="15013" y="15113"/>
                    <a:pt x="14938" y="15113"/>
                  </a:cubicBezTo>
                  <a:cubicBezTo>
                    <a:pt x="14938" y="15188"/>
                    <a:pt x="14888" y="15339"/>
                    <a:pt x="14788" y="15414"/>
                  </a:cubicBezTo>
                  <a:cubicBezTo>
                    <a:pt x="14788" y="15414"/>
                    <a:pt x="14662" y="15414"/>
                    <a:pt x="14612" y="15464"/>
                  </a:cubicBezTo>
                  <a:cubicBezTo>
                    <a:pt x="14562" y="15464"/>
                    <a:pt x="14487" y="15564"/>
                    <a:pt x="14487" y="15639"/>
                  </a:cubicBezTo>
                  <a:cubicBezTo>
                    <a:pt x="14562" y="15689"/>
                    <a:pt x="14712" y="15564"/>
                    <a:pt x="14788" y="15639"/>
                  </a:cubicBezTo>
                  <a:cubicBezTo>
                    <a:pt x="14888" y="15639"/>
                    <a:pt x="15013" y="15639"/>
                    <a:pt x="15013" y="15689"/>
                  </a:cubicBezTo>
                  <a:cubicBezTo>
                    <a:pt x="15063" y="15790"/>
                    <a:pt x="15013" y="15965"/>
                    <a:pt x="14938" y="16015"/>
                  </a:cubicBezTo>
                  <a:lnTo>
                    <a:pt x="14662" y="16015"/>
                  </a:lnTo>
                  <a:cubicBezTo>
                    <a:pt x="14612" y="16015"/>
                    <a:pt x="14612" y="15915"/>
                    <a:pt x="14562" y="15865"/>
                  </a:cubicBezTo>
                  <a:cubicBezTo>
                    <a:pt x="14437" y="15865"/>
                    <a:pt x="14261" y="15915"/>
                    <a:pt x="14261" y="15965"/>
                  </a:cubicBezTo>
                  <a:cubicBezTo>
                    <a:pt x="14211" y="15965"/>
                    <a:pt x="14211" y="16141"/>
                    <a:pt x="14211" y="16191"/>
                  </a:cubicBezTo>
                  <a:cubicBezTo>
                    <a:pt x="14261" y="16241"/>
                    <a:pt x="14336" y="16366"/>
                    <a:pt x="14336" y="16416"/>
                  </a:cubicBezTo>
                  <a:cubicBezTo>
                    <a:pt x="14261" y="16416"/>
                    <a:pt x="14211" y="16466"/>
                    <a:pt x="14211" y="16466"/>
                  </a:cubicBezTo>
                  <a:cubicBezTo>
                    <a:pt x="14211" y="16592"/>
                    <a:pt x="14261" y="16767"/>
                    <a:pt x="14261" y="16867"/>
                  </a:cubicBezTo>
                  <a:cubicBezTo>
                    <a:pt x="14211" y="16917"/>
                    <a:pt x="14111" y="16917"/>
                    <a:pt x="14111" y="16917"/>
                  </a:cubicBezTo>
                  <a:cubicBezTo>
                    <a:pt x="14036" y="16993"/>
                    <a:pt x="13935" y="16917"/>
                    <a:pt x="13885" y="16917"/>
                  </a:cubicBezTo>
                  <a:cubicBezTo>
                    <a:pt x="13810" y="16867"/>
                    <a:pt x="13710" y="16817"/>
                    <a:pt x="13710" y="16767"/>
                  </a:cubicBezTo>
                  <a:cubicBezTo>
                    <a:pt x="13710" y="16692"/>
                    <a:pt x="13810" y="16542"/>
                    <a:pt x="13810" y="16416"/>
                  </a:cubicBezTo>
                  <a:cubicBezTo>
                    <a:pt x="13760" y="16366"/>
                    <a:pt x="13660" y="16316"/>
                    <a:pt x="13585" y="16241"/>
                  </a:cubicBezTo>
                  <a:cubicBezTo>
                    <a:pt x="13585" y="16241"/>
                    <a:pt x="13585" y="16090"/>
                    <a:pt x="13534" y="16090"/>
                  </a:cubicBezTo>
                  <a:cubicBezTo>
                    <a:pt x="13484" y="16090"/>
                    <a:pt x="13359" y="16191"/>
                    <a:pt x="13309" y="16241"/>
                  </a:cubicBezTo>
                  <a:lnTo>
                    <a:pt x="13309" y="16466"/>
                  </a:lnTo>
                  <a:cubicBezTo>
                    <a:pt x="13359" y="16542"/>
                    <a:pt x="13434" y="16642"/>
                    <a:pt x="13434" y="16692"/>
                  </a:cubicBezTo>
                  <a:cubicBezTo>
                    <a:pt x="13434" y="16767"/>
                    <a:pt x="13309" y="16817"/>
                    <a:pt x="13309" y="16867"/>
                  </a:cubicBezTo>
                  <a:cubicBezTo>
                    <a:pt x="13259" y="16993"/>
                    <a:pt x="13259" y="17218"/>
                    <a:pt x="13259" y="17369"/>
                  </a:cubicBezTo>
                  <a:cubicBezTo>
                    <a:pt x="13259" y="17444"/>
                    <a:pt x="13309" y="17594"/>
                    <a:pt x="13359" y="17669"/>
                  </a:cubicBezTo>
                  <a:cubicBezTo>
                    <a:pt x="13434" y="17720"/>
                    <a:pt x="13585" y="17669"/>
                    <a:pt x="13660" y="17720"/>
                  </a:cubicBezTo>
                  <a:cubicBezTo>
                    <a:pt x="13710" y="17720"/>
                    <a:pt x="13710" y="17870"/>
                    <a:pt x="13760" y="17945"/>
                  </a:cubicBezTo>
                  <a:lnTo>
                    <a:pt x="13986" y="17945"/>
                  </a:lnTo>
                  <a:cubicBezTo>
                    <a:pt x="14111" y="17945"/>
                    <a:pt x="14261" y="17870"/>
                    <a:pt x="14336" y="17870"/>
                  </a:cubicBezTo>
                  <a:cubicBezTo>
                    <a:pt x="14387" y="17870"/>
                    <a:pt x="14487" y="17870"/>
                    <a:pt x="14562" y="17945"/>
                  </a:cubicBezTo>
                  <a:cubicBezTo>
                    <a:pt x="14562" y="17995"/>
                    <a:pt x="14487" y="18095"/>
                    <a:pt x="14487" y="18171"/>
                  </a:cubicBezTo>
                  <a:cubicBezTo>
                    <a:pt x="14487" y="18171"/>
                    <a:pt x="14437" y="18271"/>
                    <a:pt x="14437" y="18321"/>
                  </a:cubicBezTo>
                  <a:cubicBezTo>
                    <a:pt x="14437" y="18396"/>
                    <a:pt x="14487" y="18446"/>
                    <a:pt x="14562" y="18446"/>
                  </a:cubicBezTo>
                  <a:cubicBezTo>
                    <a:pt x="14612" y="18446"/>
                    <a:pt x="14662" y="18446"/>
                    <a:pt x="14662" y="18396"/>
                  </a:cubicBezTo>
                  <a:lnTo>
                    <a:pt x="14662" y="18221"/>
                  </a:lnTo>
                  <a:lnTo>
                    <a:pt x="14662" y="17945"/>
                  </a:lnTo>
                  <a:cubicBezTo>
                    <a:pt x="14712" y="17870"/>
                    <a:pt x="14712" y="17770"/>
                    <a:pt x="14788" y="17720"/>
                  </a:cubicBezTo>
                  <a:lnTo>
                    <a:pt x="14788" y="17369"/>
                  </a:lnTo>
                  <a:cubicBezTo>
                    <a:pt x="14838" y="17318"/>
                    <a:pt x="14838" y="17268"/>
                    <a:pt x="14838" y="17218"/>
                  </a:cubicBezTo>
                  <a:cubicBezTo>
                    <a:pt x="14838" y="17143"/>
                    <a:pt x="14788" y="17043"/>
                    <a:pt x="14838" y="16993"/>
                  </a:cubicBezTo>
                  <a:lnTo>
                    <a:pt x="14938" y="16993"/>
                  </a:lnTo>
                  <a:cubicBezTo>
                    <a:pt x="15013" y="17043"/>
                    <a:pt x="15013" y="17143"/>
                    <a:pt x="15013" y="17218"/>
                  </a:cubicBezTo>
                  <a:cubicBezTo>
                    <a:pt x="15013" y="17268"/>
                    <a:pt x="14938" y="17318"/>
                    <a:pt x="14938" y="17369"/>
                  </a:cubicBezTo>
                  <a:cubicBezTo>
                    <a:pt x="14938" y="17494"/>
                    <a:pt x="14888" y="17669"/>
                    <a:pt x="14888" y="17720"/>
                  </a:cubicBezTo>
                  <a:cubicBezTo>
                    <a:pt x="14888" y="17820"/>
                    <a:pt x="14838" y="17995"/>
                    <a:pt x="14838" y="18045"/>
                  </a:cubicBezTo>
                  <a:cubicBezTo>
                    <a:pt x="14838" y="18095"/>
                    <a:pt x="14888" y="18171"/>
                    <a:pt x="14888" y="18221"/>
                  </a:cubicBezTo>
                  <a:cubicBezTo>
                    <a:pt x="14888" y="18271"/>
                    <a:pt x="14838" y="18396"/>
                    <a:pt x="14838" y="18396"/>
                  </a:cubicBezTo>
                  <a:cubicBezTo>
                    <a:pt x="14788" y="18446"/>
                    <a:pt x="14712" y="18547"/>
                    <a:pt x="14712" y="18622"/>
                  </a:cubicBezTo>
                  <a:cubicBezTo>
                    <a:pt x="14712" y="18722"/>
                    <a:pt x="14788" y="18847"/>
                    <a:pt x="14788" y="18948"/>
                  </a:cubicBezTo>
                  <a:cubicBezTo>
                    <a:pt x="14838" y="18948"/>
                    <a:pt x="14788" y="19073"/>
                    <a:pt x="14788" y="19073"/>
                  </a:cubicBezTo>
                  <a:cubicBezTo>
                    <a:pt x="14838" y="19123"/>
                    <a:pt x="14888" y="19073"/>
                    <a:pt x="14888" y="19123"/>
                  </a:cubicBezTo>
                  <a:cubicBezTo>
                    <a:pt x="14938" y="19173"/>
                    <a:pt x="14938" y="19298"/>
                    <a:pt x="14938" y="19349"/>
                  </a:cubicBezTo>
                  <a:lnTo>
                    <a:pt x="15063" y="19399"/>
                  </a:lnTo>
                  <a:cubicBezTo>
                    <a:pt x="15063" y="19449"/>
                    <a:pt x="15113" y="19524"/>
                    <a:pt x="15113" y="19574"/>
                  </a:cubicBezTo>
                  <a:cubicBezTo>
                    <a:pt x="15113" y="19624"/>
                    <a:pt x="15013" y="19674"/>
                    <a:pt x="15013" y="19674"/>
                  </a:cubicBezTo>
                  <a:cubicBezTo>
                    <a:pt x="15013" y="19750"/>
                    <a:pt x="15063" y="19850"/>
                    <a:pt x="15063" y="19900"/>
                  </a:cubicBezTo>
                  <a:cubicBezTo>
                    <a:pt x="15013" y="19975"/>
                    <a:pt x="15013" y="20025"/>
                    <a:pt x="14938" y="20025"/>
                  </a:cubicBezTo>
                  <a:cubicBezTo>
                    <a:pt x="14888" y="20025"/>
                    <a:pt x="14838" y="19975"/>
                    <a:pt x="14788" y="19900"/>
                  </a:cubicBezTo>
                  <a:lnTo>
                    <a:pt x="14788" y="19800"/>
                  </a:lnTo>
                  <a:cubicBezTo>
                    <a:pt x="14712" y="19750"/>
                    <a:pt x="14612" y="19800"/>
                    <a:pt x="14612" y="19800"/>
                  </a:cubicBezTo>
                  <a:cubicBezTo>
                    <a:pt x="14562" y="19850"/>
                    <a:pt x="14562" y="19975"/>
                    <a:pt x="14562" y="20025"/>
                  </a:cubicBezTo>
                  <a:cubicBezTo>
                    <a:pt x="14612" y="20075"/>
                    <a:pt x="14662" y="20126"/>
                    <a:pt x="14712" y="20201"/>
                  </a:cubicBezTo>
                  <a:cubicBezTo>
                    <a:pt x="14712" y="20251"/>
                    <a:pt x="14662" y="20301"/>
                    <a:pt x="14662" y="20301"/>
                  </a:cubicBezTo>
                  <a:cubicBezTo>
                    <a:pt x="14662" y="20351"/>
                    <a:pt x="14612" y="20426"/>
                    <a:pt x="14662" y="20426"/>
                  </a:cubicBezTo>
                  <a:cubicBezTo>
                    <a:pt x="14662" y="20476"/>
                    <a:pt x="14788" y="20426"/>
                    <a:pt x="14788" y="20426"/>
                  </a:cubicBezTo>
                  <a:cubicBezTo>
                    <a:pt x="14838" y="20426"/>
                    <a:pt x="14838" y="20301"/>
                    <a:pt x="14888" y="20251"/>
                  </a:cubicBezTo>
                  <a:cubicBezTo>
                    <a:pt x="14888" y="20251"/>
                    <a:pt x="15013" y="20301"/>
                    <a:pt x="15063" y="20351"/>
                  </a:cubicBezTo>
                  <a:cubicBezTo>
                    <a:pt x="15063" y="20351"/>
                    <a:pt x="15113" y="20527"/>
                    <a:pt x="15164" y="20527"/>
                  </a:cubicBezTo>
                  <a:cubicBezTo>
                    <a:pt x="15164" y="20577"/>
                    <a:pt x="15239" y="20652"/>
                    <a:pt x="15289" y="20652"/>
                  </a:cubicBezTo>
                  <a:cubicBezTo>
                    <a:pt x="15339" y="20652"/>
                    <a:pt x="15389" y="20527"/>
                    <a:pt x="15464" y="20527"/>
                  </a:cubicBezTo>
                  <a:cubicBezTo>
                    <a:pt x="15514" y="20527"/>
                    <a:pt x="15615" y="20577"/>
                    <a:pt x="15615" y="20652"/>
                  </a:cubicBezTo>
                  <a:cubicBezTo>
                    <a:pt x="15690" y="20702"/>
                    <a:pt x="15740" y="20752"/>
                    <a:pt x="15790" y="20802"/>
                  </a:cubicBezTo>
                  <a:cubicBezTo>
                    <a:pt x="15915" y="20928"/>
                    <a:pt x="16141" y="20978"/>
                    <a:pt x="16191" y="21078"/>
                  </a:cubicBezTo>
                  <a:cubicBezTo>
                    <a:pt x="16241" y="21153"/>
                    <a:pt x="16367" y="21203"/>
                    <a:pt x="16367" y="21253"/>
                  </a:cubicBezTo>
                  <a:cubicBezTo>
                    <a:pt x="16417" y="21303"/>
                    <a:pt x="16417" y="21379"/>
                    <a:pt x="16417" y="21379"/>
                  </a:cubicBezTo>
                  <a:cubicBezTo>
                    <a:pt x="16367" y="21429"/>
                    <a:pt x="16291" y="21379"/>
                    <a:pt x="16241" y="21379"/>
                  </a:cubicBezTo>
                  <a:cubicBezTo>
                    <a:pt x="16191" y="21379"/>
                    <a:pt x="16066" y="21303"/>
                    <a:pt x="16016" y="21379"/>
                  </a:cubicBezTo>
                  <a:cubicBezTo>
                    <a:pt x="15966" y="21379"/>
                    <a:pt x="15915" y="21429"/>
                    <a:pt x="15915" y="21429"/>
                  </a:cubicBezTo>
                  <a:cubicBezTo>
                    <a:pt x="15915" y="21479"/>
                    <a:pt x="15915" y="21604"/>
                    <a:pt x="15966" y="21654"/>
                  </a:cubicBezTo>
                  <a:lnTo>
                    <a:pt x="16141" y="21654"/>
                  </a:lnTo>
                  <a:cubicBezTo>
                    <a:pt x="16191" y="21604"/>
                    <a:pt x="16241" y="21529"/>
                    <a:pt x="16291" y="21529"/>
                  </a:cubicBezTo>
                  <a:cubicBezTo>
                    <a:pt x="16367" y="21529"/>
                    <a:pt x="16417" y="21529"/>
                    <a:pt x="16417" y="21604"/>
                  </a:cubicBezTo>
                  <a:cubicBezTo>
                    <a:pt x="16467" y="21604"/>
                    <a:pt x="16467" y="21755"/>
                    <a:pt x="16467" y="21755"/>
                  </a:cubicBezTo>
                  <a:cubicBezTo>
                    <a:pt x="16517" y="21830"/>
                    <a:pt x="16642" y="21830"/>
                    <a:pt x="16692" y="21880"/>
                  </a:cubicBezTo>
                  <a:cubicBezTo>
                    <a:pt x="16742" y="21930"/>
                    <a:pt x="16742" y="21980"/>
                    <a:pt x="16742" y="22055"/>
                  </a:cubicBezTo>
                  <a:cubicBezTo>
                    <a:pt x="16742" y="22105"/>
                    <a:pt x="16692" y="22156"/>
                    <a:pt x="16642" y="22206"/>
                  </a:cubicBezTo>
                  <a:cubicBezTo>
                    <a:pt x="16642" y="22281"/>
                    <a:pt x="16592" y="22381"/>
                    <a:pt x="16592" y="22431"/>
                  </a:cubicBezTo>
                  <a:cubicBezTo>
                    <a:pt x="16517" y="22506"/>
                    <a:pt x="16592" y="22657"/>
                    <a:pt x="16592" y="22732"/>
                  </a:cubicBezTo>
                  <a:cubicBezTo>
                    <a:pt x="16592" y="22782"/>
                    <a:pt x="16592" y="22958"/>
                    <a:pt x="16517" y="23008"/>
                  </a:cubicBezTo>
                  <a:cubicBezTo>
                    <a:pt x="16517" y="23058"/>
                    <a:pt x="16467" y="23183"/>
                    <a:pt x="16417" y="23183"/>
                  </a:cubicBezTo>
                  <a:cubicBezTo>
                    <a:pt x="16367" y="23233"/>
                    <a:pt x="16191" y="23233"/>
                    <a:pt x="16141" y="23233"/>
                  </a:cubicBezTo>
                  <a:cubicBezTo>
                    <a:pt x="16066" y="23183"/>
                    <a:pt x="16016" y="23058"/>
                    <a:pt x="16016" y="23058"/>
                  </a:cubicBezTo>
                  <a:cubicBezTo>
                    <a:pt x="16016" y="22958"/>
                    <a:pt x="16066" y="22882"/>
                    <a:pt x="16066" y="22832"/>
                  </a:cubicBezTo>
                  <a:cubicBezTo>
                    <a:pt x="16141" y="22732"/>
                    <a:pt x="16141" y="22557"/>
                    <a:pt x="16066" y="22506"/>
                  </a:cubicBezTo>
                  <a:cubicBezTo>
                    <a:pt x="16066" y="22431"/>
                    <a:pt x="15966" y="22381"/>
                    <a:pt x="15915" y="22431"/>
                  </a:cubicBezTo>
                  <a:cubicBezTo>
                    <a:pt x="15840" y="22431"/>
                    <a:pt x="15840" y="22557"/>
                    <a:pt x="15790" y="22607"/>
                  </a:cubicBezTo>
                  <a:cubicBezTo>
                    <a:pt x="15740" y="22607"/>
                    <a:pt x="15690" y="22657"/>
                    <a:pt x="15690" y="22732"/>
                  </a:cubicBezTo>
                  <a:cubicBezTo>
                    <a:pt x="15690" y="22782"/>
                    <a:pt x="15690" y="22882"/>
                    <a:pt x="15740" y="22882"/>
                  </a:cubicBezTo>
                  <a:lnTo>
                    <a:pt x="15840" y="22882"/>
                  </a:lnTo>
                  <a:cubicBezTo>
                    <a:pt x="15915" y="22958"/>
                    <a:pt x="15840" y="23058"/>
                    <a:pt x="15840" y="23108"/>
                  </a:cubicBezTo>
                  <a:cubicBezTo>
                    <a:pt x="15840" y="23183"/>
                    <a:pt x="15740" y="23183"/>
                    <a:pt x="15740" y="23233"/>
                  </a:cubicBezTo>
                  <a:cubicBezTo>
                    <a:pt x="15740" y="23283"/>
                    <a:pt x="15915" y="23334"/>
                    <a:pt x="15966" y="23409"/>
                  </a:cubicBezTo>
                  <a:cubicBezTo>
                    <a:pt x="15966" y="23459"/>
                    <a:pt x="15915" y="23559"/>
                    <a:pt x="15840" y="23609"/>
                  </a:cubicBezTo>
                  <a:cubicBezTo>
                    <a:pt x="15790" y="23684"/>
                    <a:pt x="15740" y="23835"/>
                    <a:pt x="15615" y="23910"/>
                  </a:cubicBezTo>
                  <a:cubicBezTo>
                    <a:pt x="15565" y="23910"/>
                    <a:pt x="15464" y="23835"/>
                    <a:pt x="15389" y="23835"/>
                  </a:cubicBezTo>
                  <a:cubicBezTo>
                    <a:pt x="15339" y="23785"/>
                    <a:pt x="15339" y="23559"/>
                    <a:pt x="15289" y="23509"/>
                  </a:cubicBezTo>
                  <a:cubicBezTo>
                    <a:pt x="15239" y="23509"/>
                    <a:pt x="15164" y="23459"/>
                    <a:pt x="15113" y="23409"/>
                  </a:cubicBezTo>
                  <a:cubicBezTo>
                    <a:pt x="15113" y="23409"/>
                    <a:pt x="15113" y="23283"/>
                    <a:pt x="15063" y="23283"/>
                  </a:cubicBezTo>
                  <a:cubicBezTo>
                    <a:pt x="15013" y="23283"/>
                    <a:pt x="14888" y="23283"/>
                    <a:pt x="14838" y="23334"/>
                  </a:cubicBezTo>
                  <a:cubicBezTo>
                    <a:pt x="14788" y="23334"/>
                    <a:pt x="14712" y="23409"/>
                    <a:pt x="14712" y="23409"/>
                  </a:cubicBezTo>
                  <a:cubicBezTo>
                    <a:pt x="14662" y="23283"/>
                    <a:pt x="14662" y="23233"/>
                    <a:pt x="14612" y="23183"/>
                  </a:cubicBezTo>
                  <a:cubicBezTo>
                    <a:pt x="14562" y="23008"/>
                    <a:pt x="14336" y="22832"/>
                    <a:pt x="14211" y="22732"/>
                  </a:cubicBezTo>
                  <a:cubicBezTo>
                    <a:pt x="14161" y="22607"/>
                    <a:pt x="13986" y="22381"/>
                    <a:pt x="13885" y="22331"/>
                  </a:cubicBezTo>
                  <a:cubicBezTo>
                    <a:pt x="13810" y="22206"/>
                    <a:pt x="13660" y="22055"/>
                    <a:pt x="13534" y="21980"/>
                  </a:cubicBezTo>
                  <a:cubicBezTo>
                    <a:pt x="13309" y="21880"/>
                    <a:pt x="12908" y="21654"/>
                    <a:pt x="12682" y="21654"/>
                  </a:cubicBezTo>
                  <a:cubicBezTo>
                    <a:pt x="12582" y="21604"/>
                    <a:pt x="12306" y="21654"/>
                    <a:pt x="12131" y="21704"/>
                  </a:cubicBezTo>
                  <a:cubicBezTo>
                    <a:pt x="12081" y="21704"/>
                    <a:pt x="11855" y="21704"/>
                    <a:pt x="11730" y="21755"/>
                  </a:cubicBezTo>
                  <a:cubicBezTo>
                    <a:pt x="11630" y="21830"/>
                    <a:pt x="11554" y="22055"/>
                    <a:pt x="11504" y="22156"/>
                  </a:cubicBezTo>
                  <a:cubicBezTo>
                    <a:pt x="11404" y="22206"/>
                    <a:pt x="11103" y="22281"/>
                    <a:pt x="11003" y="22281"/>
                  </a:cubicBezTo>
                  <a:cubicBezTo>
                    <a:pt x="10878" y="22281"/>
                    <a:pt x="10727" y="22156"/>
                    <a:pt x="10602" y="22105"/>
                  </a:cubicBezTo>
                  <a:cubicBezTo>
                    <a:pt x="10552" y="22105"/>
                    <a:pt x="10427" y="21930"/>
                    <a:pt x="10326" y="21880"/>
                  </a:cubicBezTo>
                  <a:cubicBezTo>
                    <a:pt x="10151" y="21880"/>
                    <a:pt x="9875" y="21930"/>
                    <a:pt x="9750" y="22055"/>
                  </a:cubicBezTo>
                  <a:cubicBezTo>
                    <a:pt x="9700" y="22105"/>
                    <a:pt x="9650" y="22331"/>
                    <a:pt x="9600" y="22431"/>
                  </a:cubicBezTo>
                  <a:cubicBezTo>
                    <a:pt x="9474" y="22557"/>
                    <a:pt x="9299" y="22732"/>
                    <a:pt x="9199" y="22782"/>
                  </a:cubicBezTo>
                  <a:cubicBezTo>
                    <a:pt x="9148" y="22832"/>
                    <a:pt x="8973" y="22882"/>
                    <a:pt x="8923" y="22832"/>
                  </a:cubicBezTo>
                  <a:cubicBezTo>
                    <a:pt x="8747" y="22832"/>
                    <a:pt x="8472" y="22732"/>
                    <a:pt x="8346" y="22657"/>
                  </a:cubicBezTo>
                  <a:cubicBezTo>
                    <a:pt x="8246" y="22607"/>
                    <a:pt x="8071" y="22381"/>
                    <a:pt x="7945" y="22331"/>
                  </a:cubicBezTo>
                  <a:cubicBezTo>
                    <a:pt x="7795" y="22281"/>
                    <a:pt x="7494" y="22206"/>
                    <a:pt x="7394" y="22105"/>
                  </a:cubicBezTo>
                  <a:cubicBezTo>
                    <a:pt x="7269" y="22105"/>
                    <a:pt x="7168" y="21930"/>
                    <a:pt x="7043" y="21880"/>
                  </a:cubicBezTo>
                  <a:cubicBezTo>
                    <a:pt x="6943" y="21830"/>
                    <a:pt x="6667" y="21830"/>
                    <a:pt x="6492" y="21830"/>
                  </a:cubicBezTo>
                  <a:cubicBezTo>
                    <a:pt x="6366" y="21830"/>
                    <a:pt x="6091" y="21880"/>
                    <a:pt x="5915" y="21830"/>
                  </a:cubicBezTo>
                  <a:close/>
                </a:path>
              </a:pathLst>
            </a:custGeom>
            <a:noFill/>
            <a:ln w="7525" cap="flat" cmpd="sng">
              <a:solidFill>
                <a:srgbClr val="000202"/>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86" name="Google Shape;343;p16">
              <a:extLst>
                <a:ext uri="{FF2B5EF4-FFF2-40B4-BE49-F238E27FC236}">
                  <a16:creationId xmlns:a16="http://schemas.microsoft.com/office/drawing/2014/main" id="{17131E64-77CB-9C81-A737-7E2B9E535BEF}"/>
                </a:ext>
              </a:extLst>
            </p:cNvPr>
            <p:cNvSpPr/>
            <p:nvPr/>
          </p:nvSpPr>
          <p:spPr>
            <a:xfrm>
              <a:off x="2639963" y="1603099"/>
              <a:ext cx="21016" cy="25203"/>
            </a:xfrm>
            <a:custGeom>
              <a:avLst/>
              <a:gdLst/>
              <a:ahLst/>
              <a:cxnLst/>
              <a:rect l="l" t="t" r="r" b="b"/>
              <a:pathLst>
                <a:path w="753" h="903" extrusionOk="0">
                  <a:moveTo>
                    <a:pt x="1" y="852"/>
                  </a:moveTo>
                  <a:cubicBezTo>
                    <a:pt x="1" y="777"/>
                    <a:pt x="1" y="727"/>
                    <a:pt x="51" y="677"/>
                  </a:cubicBezTo>
                  <a:cubicBezTo>
                    <a:pt x="51" y="677"/>
                    <a:pt x="126" y="552"/>
                    <a:pt x="176" y="501"/>
                  </a:cubicBezTo>
                  <a:cubicBezTo>
                    <a:pt x="176" y="451"/>
                    <a:pt x="226" y="326"/>
                    <a:pt x="226" y="326"/>
                  </a:cubicBezTo>
                  <a:cubicBezTo>
                    <a:pt x="302" y="276"/>
                    <a:pt x="352" y="151"/>
                    <a:pt x="402" y="151"/>
                  </a:cubicBezTo>
                  <a:cubicBezTo>
                    <a:pt x="402" y="100"/>
                    <a:pt x="477" y="50"/>
                    <a:pt x="527" y="50"/>
                  </a:cubicBezTo>
                  <a:cubicBezTo>
                    <a:pt x="577" y="0"/>
                    <a:pt x="652" y="50"/>
                    <a:pt x="652" y="50"/>
                  </a:cubicBezTo>
                  <a:cubicBezTo>
                    <a:pt x="652" y="50"/>
                    <a:pt x="703" y="50"/>
                    <a:pt x="753" y="100"/>
                  </a:cubicBezTo>
                  <a:lnTo>
                    <a:pt x="703" y="226"/>
                  </a:lnTo>
                  <a:cubicBezTo>
                    <a:pt x="703" y="276"/>
                    <a:pt x="652" y="326"/>
                    <a:pt x="577" y="376"/>
                  </a:cubicBezTo>
                  <a:cubicBezTo>
                    <a:pt x="577" y="376"/>
                    <a:pt x="527" y="451"/>
                    <a:pt x="477" y="451"/>
                  </a:cubicBezTo>
                  <a:cubicBezTo>
                    <a:pt x="477" y="501"/>
                    <a:pt x="402" y="552"/>
                    <a:pt x="402" y="627"/>
                  </a:cubicBezTo>
                  <a:cubicBezTo>
                    <a:pt x="402" y="677"/>
                    <a:pt x="352" y="727"/>
                    <a:pt x="352" y="777"/>
                  </a:cubicBezTo>
                  <a:lnTo>
                    <a:pt x="302" y="852"/>
                  </a:lnTo>
                  <a:cubicBezTo>
                    <a:pt x="226" y="902"/>
                    <a:pt x="176" y="902"/>
                    <a:pt x="176" y="902"/>
                  </a:cubicBezTo>
                  <a:cubicBezTo>
                    <a:pt x="126" y="902"/>
                    <a:pt x="126" y="852"/>
                    <a:pt x="126" y="852"/>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287" name="Google Shape;344;p16">
              <a:extLst>
                <a:ext uri="{FF2B5EF4-FFF2-40B4-BE49-F238E27FC236}">
                  <a16:creationId xmlns:a16="http://schemas.microsoft.com/office/drawing/2014/main" id="{1DC184F4-4E17-B3CD-9146-0DAC1FAD270C}"/>
                </a:ext>
              </a:extLst>
            </p:cNvPr>
            <p:cNvSpPr/>
            <p:nvPr/>
          </p:nvSpPr>
          <p:spPr>
            <a:xfrm>
              <a:off x="2639963" y="1603099"/>
              <a:ext cx="21016" cy="25203"/>
            </a:xfrm>
            <a:custGeom>
              <a:avLst/>
              <a:gdLst/>
              <a:ahLst/>
              <a:cxnLst/>
              <a:rect l="l" t="t" r="r" b="b"/>
              <a:pathLst>
                <a:path w="753" h="903" fill="none" extrusionOk="0">
                  <a:moveTo>
                    <a:pt x="1" y="852"/>
                  </a:moveTo>
                  <a:cubicBezTo>
                    <a:pt x="1" y="777"/>
                    <a:pt x="1" y="727"/>
                    <a:pt x="51" y="677"/>
                  </a:cubicBezTo>
                  <a:cubicBezTo>
                    <a:pt x="51" y="677"/>
                    <a:pt x="126" y="552"/>
                    <a:pt x="176" y="501"/>
                  </a:cubicBezTo>
                  <a:cubicBezTo>
                    <a:pt x="176" y="451"/>
                    <a:pt x="226" y="326"/>
                    <a:pt x="226" y="326"/>
                  </a:cubicBezTo>
                  <a:cubicBezTo>
                    <a:pt x="302" y="276"/>
                    <a:pt x="352" y="151"/>
                    <a:pt x="402" y="151"/>
                  </a:cubicBezTo>
                  <a:cubicBezTo>
                    <a:pt x="402" y="100"/>
                    <a:pt x="477" y="50"/>
                    <a:pt x="527" y="50"/>
                  </a:cubicBezTo>
                  <a:cubicBezTo>
                    <a:pt x="577" y="0"/>
                    <a:pt x="652" y="50"/>
                    <a:pt x="652" y="50"/>
                  </a:cubicBezTo>
                  <a:cubicBezTo>
                    <a:pt x="652" y="50"/>
                    <a:pt x="703" y="50"/>
                    <a:pt x="753" y="100"/>
                  </a:cubicBezTo>
                  <a:lnTo>
                    <a:pt x="703" y="226"/>
                  </a:lnTo>
                  <a:cubicBezTo>
                    <a:pt x="703" y="276"/>
                    <a:pt x="652" y="326"/>
                    <a:pt x="577" y="376"/>
                  </a:cubicBezTo>
                  <a:cubicBezTo>
                    <a:pt x="577" y="376"/>
                    <a:pt x="527" y="451"/>
                    <a:pt x="477" y="451"/>
                  </a:cubicBezTo>
                  <a:cubicBezTo>
                    <a:pt x="477" y="501"/>
                    <a:pt x="402" y="552"/>
                    <a:pt x="402" y="627"/>
                  </a:cubicBezTo>
                  <a:cubicBezTo>
                    <a:pt x="402" y="677"/>
                    <a:pt x="352" y="727"/>
                    <a:pt x="352" y="777"/>
                  </a:cubicBezTo>
                  <a:lnTo>
                    <a:pt x="302" y="852"/>
                  </a:lnTo>
                  <a:cubicBezTo>
                    <a:pt x="226" y="902"/>
                    <a:pt x="176" y="902"/>
                    <a:pt x="176" y="902"/>
                  </a:cubicBezTo>
                  <a:cubicBezTo>
                    <a:pt x="126" y="902"/>
                    <a:pt x="126" y="852"/>
                    <a:pt x="126" y="852"/>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88" name="Google Shape;345;p16">
              <a:extLst>
                <a:ext uri="{FF2B5EF4-FFF2-40B4-BE49-F238E27FC236}">
                  <a16:creationId xmlns:a16="http://schemas.microsoft.com/office/drawing/2014/main" id="{2F7094B2-B549-2176-4866-0A4B51C7CC8B}"/>
                </a:ext>
              </a:extLst>
            </p:cNvPr>
            <p:cNvSpPr/>
            <p:nvPr/>
          </p:nvSpPr>
          <p:spPr>
            <a:xfrm>
              <a:off x="2639963" y="1603880"/>
              <a:ext cx="21016" cy="24421"/>
            </a:xfrm>
            <a:custGeom>
              <a:avLst/>
              <a:gdLst/>
              <a:ahLst/>
              <a:cxnLst/>
              <a:rect l="l" t="t" r="r" b="b"/>
              <a:pathLst>
                <a:path w="753" h="875" extrusionOk="0">
                  <a:moveTo>
                    <a:pt x="582" y="0"/>
                  </a:moveTo>
                  <a:cubicBezTo>
                    <a:pt x="563" y="0"/>
                    <a:pt x="544" y="6"/>
                    <a:pt x="527" y="22"/>
                  </a:cubicBezTo>
                  <a:cubicBezTo>
                    <a:pt x="477" y="22"/>
                    <a:pt x="402" y="72"/>
                    <a:pt x="402" y="123"/>
                  </a:cubicBezTo>
                  <a:cubicBezTo>
                    <a:pt x="352" y="123"/>
                    <a:pt x="302" y="248"/>
                    <a:pt x="226" y="298"/>
                  </a:cubicBezTo>
                  <a:cubicBezTo>
                    <a:pt x="226" y="298"/>
                    <a:pt x="176" y="423"/>
                    <a:pt x="176" y="473"/>
                  </a:cubicBezTo>
                  <a:cubicBezTo>
                    <a:pt x="126" y="524"/>
                    <a:pt x="51" y="649"/>
                    <a:pt x="51" y="649"/>
                  </a:cubicBezTo>
                  <a:cubicBezTo>
                    <a:pt x="1" y="699"/>
                    <a:pt x="1" y="749"/>
                    <a:pt x="1" y="824"/>
                  </a:cubicBezTo>
                  <a:lnTo>
                    <a:pt x="126" y="824"/>
                  </a:lnTo>
                  <a:cubicBezTo>
                    <a:pt x="126" y="824"/>
                    <a:pt x="126" y="874"/>
                    <a:pt x="176" y="874"/>
                  </a:cubicBezTo>
                  <a:cubicBezTo>
                    <a:pt x="176" y="874"/>
                    <a:pt x="226" y="874"/>
                    <a:pt x="302" y="824"/>
                  </a:cubicBezTo>
                  <a:lnTo>
                    <a:pt x="352" y="749"/>
                  </a:lnTo>
                  <a:cubicBezTo>
                    <a:pt x="352" y="699"/>
                    <a:pt x="402" y="649"/>
                    <a:pt x="402" y="599"/>
                  </a:cubicBezTo>
                  <a:cubicBezTo>
                    <a:pt x="402" y="524"/>
                    <a:pt x="477" y="473"/>
                    <a:pt x="477" y="423"/>
                  </a:cubicBezTo>
                  <a:cubicBezTo>
                    <a:pt x="527" y="423"/>
                    <a:pt x="577" y="348"/>
                    <a:pt x="577" y="348"/>
                  </a:cubicBezTo>
                  <a:cubicBezTo>
                    <a:pt x="652" y="298"/>
                    <a:pt x="703" y="248"/>
                    <a:pt x="703" y="198"/>
                  </a:cubicBezTo>
                  <a:lnTo>
                    <a:pt x="753" y="72"/>
                  </a:lnTo>
                  <a:cubicBezTo>
                    <a:pt x="703" y="22"/>
                    <a:pt x="652" y="22"/>
                    <a:pt x="652" y="22"/>
                  </a:cubicBezTo>
                  <a:cubicBezTo>
                    <a:pt x="652" y="22"/>
                    <a:pt x="619" y="0"/>
                    <a:pt x="582" y="0"/>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289" name="Google Shape;346;p16">
              <a:extLst>
                <a:ext uri="{FF2B5EF4-FFF2-40B4-BE49-F238E27FC236}">
                  <a16:creationId xmlns:a16="http://schemas.microsoft.com/office/drawing/2014/main" id="{FBE58E12-D1AA-BF5B-9DAF-0EDC9189739F}"/>
                </a:ext>
              </a:extLst>
            </p:cNvPr>
            <p:cNvSpPr/>
            <p:nvPr/>
          </p:nvSpPr>
          <p:spPr>
            <a:xfrm>
              <a:off x="2639963" y="1603099"/>
              <a:ext cx="21016" cy="25203"/>
            </a:xfrm>
            <a:custGeom>
              <a:avLst/>
              <a:gdLst/>
              <a:ahLst/>
              <a:cxnLst/>
              <a:rect l="l" t="t" r="r" b="b"/>
              <a:pathLst>
                <a:path w="753" h="903" fill="none" extrusionOk="0">
                  <a:moveTo>
                    <a:pt x="1" y="852"/>
                  </a:moveTo>
                  <a:cubicBezTo>
                    <a:pt x="1" y="777"/>
                    <a:pt x="1" y="727"/>
                    <a:pt x="51" y="677"/>
                  </a:cubicBezTo>
                  <a:cubicBezTo>
                    <a:pt x="51" y="677"/>
                    <a:pt x="126" y="552"/>
                    <a:pt x="176" y="501"/>
                  </a:cubicBezTo>
                  <a:cubicBezTo>
                    <a:pt x="176" y="451"/>
                    <a:pt x="226" y="326"/>
                    <a:pt x="226" y="326"/>
                  </a:cubicBezTo>
                  <a:cubicBezTo>
                    <a:pt x="302" y="276"/>
                    <a:pt x="352" y="151"/>
                    <a:pt x="402" y="151"/>
                  </a:cubicBezTo>
                  <a:cubicBezTo>
                    <a:pt x="402" y="100"/>
                    <a:pt x="477" y="50"/>
                    <a:pt x="527" y="50"/>
                  </a:cubicBezTo>
                  <a:cubicBezTo>
                    <a:pt x="577" y="0"/>
                    <a:pt x="652" y="50"/>
                    <a:pt x="652" y="50"/>
                  </a:cubicBezTo>
                  <a:cubicBezTo>
                    <a:pt x="652" y="50"/>
                    <a:pt x="703" y="50"/>
                    <a:pt x="753" y="100"/>
                  </a:cubicBezTo>
                  <a:lnTo>
                    <a:pt x="703" y="226"/>
                  </a:lnTo>
                  <a:cubicBezTo>
                    <a:pt x="703" y="276"/>
                    <a:pt x="652" y="326"/>
                    <a:pt x="577" y="376"/>
                  </a:cubicBezTo>
                  <a:cubicBezTo>
                    <a:pt x="577" y="376"/>
                    <a:pt x="527" y="451"/>
                    <a:pt x="477" y="451"/>
                  </a:cubicBezTo>
                  <a:cubicBezTo>
                    <a:pt x="477" y="501"/>
                    <a:pt x="402" y="552"/>
                    <a:pt x="402" y="627"/>
                  </a:cubicBezTo>
                  <a:cubicBezTo>
                    <a:pt x="402" y="677"/>
                    <a:pt x="352" y="727"/>
                    <a:pt x="352" y="777"/>
                  </a:cubicBezTo>
                  <a:lnTo>
                    <a:pt x="302" y="852"/>
                  </a:lnTo>
                  <a:cubicBezTo>
                    <a:pt x="226" y="902"/>
                    <a:pt x="176" y="902"/>
                    <a:pt x="176" y="902"/>
                  </a:cubicBezTo>
                  <a:cubicBezTo>
                    <a:pt x="126" y="902"/>
                    <a:pt x="126" y="852"/>
                    <a:pt x="126" y="852"/>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90" name="Google Shape;347;p16">
              <a:extLst>
                <a:ext uri="{FF2B5EF4-FFF2-40B4-BE49-F238E27FC236}">
                  <a16:creationId xmlns:a16="http://schemas.microsoft.com/office/drawing/2014/main" id="{1638D06E-53B4-3426-C4DE-6AFA2410EB5D}"/>
                </a:ext>
              </a:extLst>
            </p:cNvPr>
            <p:cNvSpPr/>
            <p:nvPr/>
          </p:nvSpPr>
          <p:spPr>
            <a:xfrm>
              <a:off x="2858917" y="2464876"/>
              <a:ext cx="444216" cy="426018"/>
            </a:xfrm>
            <a:custGeom>
              <a:avLst/>
              <a:gdLst/>
              <a:ahLst/>
              <a:cxnLst/>
              <a:rect l="l" t="t" r="r" b="b"/>
              <a:pathLst>
                <a:path w="15916" h="15264" extrusionOk="0">
                  <a:moveTo>
                    <a:pt x="15915" y="9700"/>
                  </a:moveTo>
                  <a:cubicBezTo>
                    <a:pt x="15865" y="9750"/>
                    <a:pt x="15740" y="9750"/>
                    <a:pt x="15690" y="9800"/>
                  </a:cubicBezTo>
                  <a:cubicBezTo>
                    <a:pt x="15640" y="9875"/>
                    <a:pt x="15464" y="9976"/>
                    <a:pt x="15414" y="10026"/>
                  </a:cubicBezTo>
                  <a:cubicBezTo>
                    <a:pt x="15339" y="10201"/>
                    <a:pt x="15239" y="10477"/>
                    <a:pt x="15189" y="10602"/>
                  </a:cubicBezTo>
                  <a:cubicBezTo>
                    <a:pt x="15063" y="10702"/>
                    <a:pt x="14838" y="10878"/>
                    <a:pt x="14788" y="11003"/>
                  </a:cubicBezTo>
                  <a:cubicBezTo>
                    <a:pt x="14737" y="11103"/>
                    <a:pt x="14888" y="11379"/>
                    <a:pt x="14888" y="11504"/>
                  </a:cubicBezTo>
                  <a:cubicBezTo>
                    <a:pt x="14888" y="11605"/>
                    <a:pt x="14888" y="11880"/>
                    <a:pt x="14838" y="12006"/>
                  </a:cubicBezTo>
                  <a:cubicBezTo>
                    <a:pt x="14737" y="12106"/>
                    <a:pt x="14437" y="12181"/>
                    <a:pt x="14336" y="12281"/>
                  </a:cubicBezTo>
                  <a:cubicBezTo>
                    <a:pt x="14211" y="12407"/>
                    <a:pt x="14211" y="12783"/>
                    <a:pt x="14161" y="12908"/>
                  </a:cubicBezTo>
                  <a:cubicBezTo>
                    <a:pt x="14061" y="13133"/>
                    <a:pt x="13760" y="13459"/>
                    <a:pt x="13610" y="13535"/>
                  </a:cubicBezTo>
                  <a:cubicBezTo>
                    <a:pt x="13434" y="13635"/>
                    <a:pt x="13083" y="13585"/>
                    <a:pt x="12933" y="13535"/>
                  </a:cubicBezTo>
                  <a:cubicBezTo>
                    <a:pt x="12808" y="13535"/>
                    <a:pt x="12632" y="13359"/>
                    <a:pt x="12582" y="13234"/>
                  </a:cubicBezTo>
                  <a:cubicBezTo>
                    <a:pt x="12532" y="13133"/>
                    <a:pt x="12582" y="12858"/>
                    <a:pt x="12532" y="12732"/>
                  </a:cubicBezTo>
                  <a:cubicBezTo>
                    <a:pt x="12532" y="12632"/>
                    <a:pt x="12482" y="12407"/>
                    <a:pt x="12356" y="12331"/>
                  </a:cubicBezTo>
                  <a:cubicBezTo>
                    <a:pt x="12256" y="12281"/>
                    <a:pt x="12031" y="12281"/>
                    <a:pt x="11905" y="12281"/>
                  </a:cubicBezTo>
                  <a:cubicBezTo>
                    <a:pt x="11805" y="12331"/>
                    <a:pt x="11680" y="12557"/>
                    <a:pt x="11579" y="12507"/>
                  </a:cubicBezTo>
                  <a:cubicBezTo>
                    <a:pt x="11504" y="12507"/>
                    <a:pt x="11579" y="12331"/>
                    <a:pt x="11504" y="12331"/>
                  </a:cubicBezTo>
                  <a:cubicBezTo>
                    <a:pt x="11454" y="12281"/>
                    <a:pt x="11229" y="12281"/>
                    <a:pt x="11178" y="12331"/>
                  </a:cubicBezTo>
                  <a:cubicBezTo>
                    <a:pt x="11053" y="12331"/>
                    <a:pt x="10903" y="12407"/>
                    <a:pt x="10828" y="12457"/>
                  </a:cubicBezTo>
                  <a:cubicBezTo>
                    <a:pt x="10777" y="12557"/>
                    <a:pt x="10602" y="12732"/>
                    <a:pt x="10602" y="12858"/>
                  </a:cubicBezTo>
                  <a:cubicBezTo>
                    <a:pt x="10602" y="12958"/>
                    <a:pt x="10677" y="13184"/>
                    <a:pt x="10727" y="13309"/>
                  </a:cubicBezTo>
                  <a:cubicBezTo>
                    <a:pt x="10727" y="13359"/>
                    <a:pt x="10828" y="13459"/>
                    <a:pt x="10828" y="13585"/>
                  </a:cubicBezTo>
                  <a:cubicBezTo>
                    <a:pt x="10828" y="13635"/>
                    <a:pt x="10828" y="13760"/>
                    <a:pt x="10777" y="13810"/>
                  </a:cubicBezTo>
                  <a:cubicBezTo>
                    <a:pt x="10677" y="13860"/>
                    <a:pt x="10376" y="13685"/>
                    <a:pt x="10276" y="13760"/>
                  </a:cubicBezTo>
                  <a:cubicBezTo>
                    <a:pt x="10226" y="13860"/>
                    <a:pt x="10151" y="14086"/>
                    <a:pt x="10151" y="14211"/>
                  </a:cubicBezTo>
                  <a:cubicBezTo>
                    <a:pt x="10101" y="14311"/>
                    <a:pt x="10151" y="14487"/>
                    <a:pt x="10101" y="14587"/>
                  </a:cubicBezTo>
                  <a:cubicBezTo>
                    <a:pt x="10051" y="14662"/>
                    <a:pt x="9875" y="14763"/>
                    <a:pt x="9825" y="14763"/>
                  </a:cubicBezTo>
                  <a:cubicBezTo>
                    <a:pt x="9775" y="14763"/>
                    <a:pt x="9650" y="14662"/>
                    <a:pt x="9600" y="14587"/>
                  </a:cubicBezTo>
                  <a:cubicBezTo>
                    <a:pt x="9549" y="14587"/>
                    <a:pt x="9374" y="14537"/>
                    <a:pt x="9299" y="14587"/>
                  </a:cubicBezTo>
                  <a:cubicBezTo>
                    <a:pt x="9199" y="14662"/>
                    <a:pt x="9148" y="14888"/>
                    <a:pt x="9073" y="14988"/>
                  </a:cubicBezTo>
                  <a:cubicBezTo>
                    <a:pt x="9073" y="15038"/>
                    <a:pt x="8973" y="15164"/>
                    <a:pt x="8923" y="15264"/>
                  </a:cubicBezTo>
                  <a:cubicBezTo>
                    <a:pt x="8848" y="15164"/>
                    <a:pt x="8572" y="14988"/>
                    <a:pt x="8472" y="14888"/>
                  </a:cubicBezTo>
                  <a:cubicBezTo>
                    <a:pt x="8397" y="14813"/>
                    <a:pt x="8346" y="14662"/>
                    <a:pt x="8296" y="14537"/>
                  </a:cubicBezTo>
                  <a:cubicBezTo>
                    <a:pt x="8246" y="14487"/>
                    <a:pt x="8171" y="14311"/>
                    <a:pt x="8071" y="14261"/>
                  </a:cubicBezTo>
                  <a:cubicBezTo>
                    <a:pt x="8021" y="14211"/>
                    <a:pt x="7895" y="14136"/>
                    <a:pt x="7895" y="14136"/>
                  </a:cubicBezTo>
                  <a:cubicBezTo>
                    <a:pt x="7795" y="14136"/>
                    <a:pt x="7720" y="14261"/>
                    <a:pt x="7670" y="14311"/>
                  </a:cubicBezTo>
                  <a:cubicBezTo>
                    <a:pt x="7620" y="14362"/>
                    <a:pt x="7569" y="14537"/>
                    <a:pt x="7494" y="14587"/>
                  </a:cubicBezTo>
                  <a:cubicBezTo>
                    <a:pt x="7394" y="14662"/>
                    <a:pt x="7168" y="14712"/>
                    <a:pt x="7043" y="14712"/>
                  </a:cubicBezTo>
                  <a:cubicBezTo>
                    <a:pt x="6943" y="14662"/>
                    <a:pt x="6767" y="14587"/>
                    <a:pt x="6667" y="14487"/>
                  </a:cubicBezTo>
                  <a:cubicBezTo>
                    <a:pt x="6542" y="14362"/>
                    <a:pt x="6492" y="14036"/>
                    <a:pt x="6442" y="13910"/>
                  </a:cubicBezTo>
                  <a:cubicBezTo>
                    <a:pt x="6316" y="13860"/>
                    <a:pt x="6141" y="13685"/>
                    <a:pt x="6041" y="13635"/>
                  </a:cubicBezTo>
                  <a:cubicBezTo>
                    <a:pt x="5990" y="13585"/>
                    <a:pt x="5815" y="13535"/>
                    <a:pt x="5690" y="13535"/>
                  </a:cubicBezTo>
                  <a:cubicBezTo>
                    <a:pt x="5589" y="13585"/>
                    <a:pt x="5464" y="13685"/>
                    <a:pt x="5414" y="13810"/>
                  </a:cubicBezTo>
                  <a:cubicBezTo>
                    <a:pt x="5414" y="13860"/>
                    <a:pt x="5464" y="13986"/>
                    <a:pt x="5414" y="14036"/>
                  </a:cubicBezTo>
                  <a:cubicBezTo>
                    <a:pt x="5364" y="14086"/>
                    <a:pt x="5239" y="14086"/>
                    <a:pt x="5239" y="14086"/>
                  </a:cubicBezTo>
                  <a:cubicBezTo>
                    <a:pt x="5188" y="14136"/>
                    <a:pt x="5138" y="14362"/>
                    <a:pt x="5088" y="14362"/>
                  </a:cubicBezTo>
                  <a:cubicBezTo>
                    <a:pt x="4963" y="14362"/>
                    <a:pt x="4863" y="14211"/>
                    <a:pt x="4787" y="14136"/>
                  </a:cubicBezTo>
                  <a:cubicBezTo>
                    <a:pt x="4737" y="14036"/>
                    <a:pt x="4737" y="13810"/>
                    <a:pt x="4687" y="13760"/>
                  </a:cubicBezTo>
                  <a:cubicBezTo>
                    <a:pt x="4637" y="13635"/>
                    <a:pt x="4462" y="13535"/>
                    <a:pt x="4412" y="13459"/>
                  </a:cubicBezTo>
                  <a:cubicBezTo>
                    <a:pt x="4336" y="13409"/>
                    <a:pt x="4186" y="13309"/>
                    <a:pt x="4061" y="13309"/>
                  </a:cubicBezTo>
                  <a:cubicBezTo>
                    <a:pt x="4011" y="13309"/>
                    <a:pt x="3885" y="13459"/>
                    <a:pt x="3785" y="13459"/>
                  </a:cubicBezTo>
                  <a:cubicBezTo>
                    <a:pt x="3735" y="13535"/>
                    <a:pt x="3509" y="13535"/>
                    <a:pt x="3434" y="13535"/>
                  </a:cubicBezTo>
                  <a:cubicBezTo>
                    <a:pt x="3334" y="13535"/>
                    <a:pt x="3209" y="13409"/>
                    <a:pt x="3158" y="13359"/>
                  </a:cubicBezTo>
                  <a:cubicBezTo>
                    <a:pt x="3108" y="13309"/>
                    <a:pt x="2983" y="13184"/>
                    <a:pt x="2983" y="13083"/>
                  </a:cubicBezTo>
                  <a:cubicBezTo>
                    <a:pt x="3058" y="13008"/>
                    <a:pt x="3209" y="12908"/>
                    <a:pt x="3209" y="12858"/>
                  </a:cubicBezTo>
                  <a:cubicBezTo>
                    <a:pt x="3209" y="12732"/>
                    <a:pt x="3158" y="12557"/>
                    <a:pt x="3108" y="12507"/>
                  </a:cubicBezTo>
                  <a:cubicBezTo>
                    <a:pt x="3058" y="12407"/>
                    <a:pt x="2883" y="12181"/>
                    <a:pt x="2757" y="12181"/>
                  </a:cubicBezTo>
                  <a:cubicBezTo>
                    <a:pt x="2657" y="12106"/>
                    <a:pt x="2482" y="12106"/>
                    <a:pt x="2432" y="12106"/>
                  </a:cubicBezTo>
                  <a:cubicBezTo>
                    <a:pt x="2306" y="12106"/>
                    <a:pt x="2081" y="12181"/>
                    <a:pt x="1980" y="12106"/>
                  </a:cubicBezTo>
                  <a:cubicBezTo>
                    <a:pt x="1930" y="12106"/>
                    <a:pt x="1755" y="12006"/>
                    <a:pt x="1705" y="11956"/>
                  </a:cubicBezTo>
                  <a:cubicBezTo>
                    <a:pt x="1630" y="11880"/>
                    <a:pt x="1630" y="11655"/>
                    <a:pt x="1579" y="11605"/>
                  </a:cubicBezTo>
                  <a:cubicBezTo>
                    <a:pt x="1479" y="11555"/>
                    <a:pt x="1304" y="11504"/>
                    <a:pt x="1254" y="11454"/>
                  </a:cubicBezTo>
                  <a:cubicBezTo>
                    <a:pt x="1178" y="11454"/>
                    <a:pt x="1028" y="11555"/>
                    <a:pt x="953" y="11555"/>
                  </a:cubicBezTo>
                  <a:cubicBezTo>
                    <a:pt x="853" y="11555"/>
                    <a:pt x="677" y="11555"/>
                    <a:pt x="577" y="11504"/>
                  </a:cubicBezTo>
                  <a:cubicBezTo>
                    <a:pt x="502" y="11379"/>
                    <a:pt x="401" y="11154"/>
                    <a:pt x="401" y="11053"/>
                  </a:cubicBezTo>
                  <a:cubicBezTo>
                    <a:pt x="351" y="11003"/>
                    <a:pt x="401" y="10828"/>
                    <a:pt x="351" y="10702"/>
                  </a:cubicBezTo>
                  <a:cubicBezTo>
                    <a:pt x="351" y="10602"/>
                    <a:pt x="276" y="10427"/>
                    <a:pt x="226" y="10326"/>
                  </a:cubicBezTo>
                  <a:cubicBezTo>
                    <a:pt x="176" y="10326"/>
                    <a:pt x="51" y="10251"/>
                    <a:pt x="51" y="10251"/>
                  </a:cubicBezTo>
                  <a:cubicBezTo>
                    <a:pt x="0" y="10201"/>
                    <a:pt x="0" y="10026"/>
                    <a:pt x="51" y="9976"/>
                  </a:cubicBezTo>
                  <a:cubicBezTo>
                    <a:pt x="51" y="9925"/>
                    <a:pt x="176" y="9800"/>
                    <a:pt x="276" y="9800"/>
                  </a:cubicBezTo>
                  <a:cubicBezTo>
                    <a:pt x="351" y="9750"/>
                    <a:pt x="577" y="9875"/>
                    <a:pt x="627" y="9875"/>
                  </a:cubicBezTo>
                  <a:cubicBezTo>
                    <a:pt x="727" y="9875"/>
                    <a:pt x="953" y="9875"/>
                    <a:pt x="1078" y="9800"/>
                  </a:cubicBezTo>
                  <a:cubicBezTo>
                    <a:pt x="1128" y="9750"/>
                    <a:pt x="1178" y="9650"/>
                    <a:pt x="1254" y="9575"/>
                  </a:cubicBezTo>
                  <a:cubicBezTo>
                    <a:pt x="1304" y="9524"/>
                    <a:pt x="1404" y="9424"/>
                    <a:pt x="1529" y="9349"/>
                  </a:cubicBezTo>
                  <a:cubicBezTo>
                    <a:pt x="1579" y="9299"/>
                    <a:pt x="1705" y="9249"/>
                    <a:pt x="1755" y="9249"/>
                  </a:cubicBezTo>
                  <a:cubicBezTo>
                    <a:pt x="1805" y="9249"/>
                    <a:pt x="1980" y="9349"/>
                    <a:pt x="2031" y="9424"/>
                  </a:cubicBezTo>
                  <a:cubicBezTo>
                    <a:pt x="2081" y="9424"/>
                    <a:pt x="2156" y="9650"/>
                    <a:pt x="2206" y="9700"/>
                  </a:cubicBezTo>
                  <a:cubicBezTo>
                    <a:pt x="2256" y="9700"/>
                    <a:pt x="2381" y="9750"/>
                    <a:pt x="2482" y="9750"/>
                  </a:cubicBezTo>
                  <a:cubicBezTo>
                    <a:pt x="2532" y="9750"/>
                    <a:pt x="2657" y="9750"/>
                    <a:pt x="2707" y="9700"/>
                  </a:cubicBezTo>
                  <a:cubicBezTo>
                    <a:pt x="2757" y="9650"/>
                    <a:pt x="2833" y="9474"/>
                    <a:pt x="2833" y="9424"/>
                  </a:cubicBezTo>
                  <a:cubicBezTo>
                    <a:pt x="2833" y="9299"/>
                    <a:pt x="2757" y="9123"/>
                    <a:pt x="2707" y="9073"/>
                  </a:cubicBezTo>
                  <a:cubicBezTo>
                    <a:pt x="2657" y="9023"/>
                    <a:pt x="2532" y="8898"/>
                    <a:pt x="2482" y="8848"/>
                  </a:cubicBezTo>
                  <a:cubicBezTo>
                    <a:pt x="2432" y="8798"/>
                    <a:pt x="2306" y="8748"/>
                    <a:pt x="2256" y="8672"/>
                  </a:cubicBezTo>
                  <a:cubicBezTo>
                    <a:pt x="2256" y="8622"/>
                    <a:pt x="2306" y="8522"/>
                    <a:pt x="2256" y="8397"/>
                  </a:cubicBezTo>
                  <a:cubicBezTo>
                    <a:pt x="2256" y="8296"/>
                    <a:pt x="2206" y="8071"/>
                    <a:pt x="2156" y="7996"/>
                  </a:cubicBezTo>
                  <a:cubicBezTo>
                    <a:pt x="2031" y="7895"/>
                    <a:pt x="1755" y="7845"/>
                    <a:pt x="1630" y="7770"/>
                  </a:cubicBezTo>
                  <a:cubicBezTo>
                    <a:pt x="1579" y="7720"/>
                    <a:pt x="1479" y="7620"/>
                    <a:pt x="1404" y="7544"/>
                  </a:cubicBezTo>
                  <a:cubicBezTo>
                    <a:pt x="1354" y="7494"/>
                    <a:pt x="1304" y="7319"/>
                    <a:pt x="1304" y="7219"/>
                  </a:cubicBezTo>
                  <a:cubicBezTo>
                    <a:pt x="1304" y="7093"/>
                    <a:pt x="1354" y="6943"/>
                    <a:pt x="1354" y="6868"/>
                  </a:cubicBezTo>
                  <a:cubicBezTo>
                    <a:pt x="1354" y="6768"/>
                    <a:pt x="1354" y="6592"/>
                    <a:pt x="1304" y="6492"/>
                  </a:cubicBezTo>
                  <a:cubicBezTo>
                    <a:pt x="1254" y="6442"/>
                    <a:pt x="1128" y="6367"/>
                    <a:pt x="1078" y="6316"/>
                  </a:cubicBezTo>
                  <a:cubicBezTo>
                    <a:pt x="1028" y="6316"/>
                    <a:pt x="903" y="6367"/>
                    <a:pt x="853" y="6316"/>
                  </a:cubicBezTo>
                  <a:cubicBezTo>
                    <a:pt x="802" y="6266"/>
                    <a:pt x="802" y="6141"/>
                    <a:pt x="802" y="6091"/>
                  </a:cubicBezTo>
                  <a:cubicBezTo>
                    <a:pt x="802" y="6041"/>
                    <a:pt x="903" y="5865"/>
                    <a:pt x="1028" y="5815"/>
                  </a:cubicBezTo>
                  <a:cubicBezTo>
                    <a:pt x="1078" y="5765"/>
                    <a:pt x="1304" y="5765"/>
                    <a:pt x="1354" y="5690"/>
                  </a:cubicBezTo>
                  <a:cubicBezTo>
                    <a:pt x="1404" y="5690"/>
                    <a:pt x="1529" y="5640"/>
                    <a:pt x="1579" y="5590"/>
                  </a:cubicBezTo>
                  <a:cubicBezTo>
                    <a:pt x="1579" y="5464"/>
                    <a:pt x="1404" y="5364"/>
                    <a:pt x="1354" y="5364"/>
                  </a:cubicBezTo>
                  <a:cubicBezTo>
                    <a:pt x="1304" y="5314"/>
                    <a:pt x="1128" y="5314"/>
                    <a:pt x="1078" y="5239"/>
                  </a:cubicBezTo>
                  <a:cubicBezTo>
                    <a:pt x="1028" y="5239"/>
                    <a:pt x="953" y="5138"/>
                    <a:pt x="903" y="5088"/>
                  </a:cubicBezTo>
                  <a:cubicBezTo>
                    <a:pt x="903" y="5013"/>
                    <a:pt x="953" y="4863"/>
                    <a:pt x="1028" y="4863"/>
                  </a:cubicBezTo>
                  <a:cubicBezTo>
                    <a:pt x="1078" y="4737"/>
                    <a:pt x="1354" y="4687"/>
                    <a:pt x="1479" y="4687"/>
                  </a:cubicBezTo>
                  <a:cubicBezTo>
                    <a:pt x="1630" y="4637"/>
                    <a:pt x="1855" y="4512"/>
                    <a:pt x="2031" y="4462"/>
                  </a:cubicBezTo>
                  <a:cubicBezTo>
                    <a:pt x="2081" y="4462"/>
                    <a:pt x="2206" y="4512"/>
                    <a:pt x="2256" y="4512"/>
                  </a:cubicBezTo>
                  <a:cubicBezTo>
                    <a:pt x="2432" y="4462"/>
                    <a:pt x="2657" y="4412"/>
                    <a:pt x="2707" y="4336"/>
                  </a:cubicBezTo>
                  <a:cubicBezTo>
                    <a:pt x="2757" y="4286"/>
                    <a:pt x="2757" y="4111"/>
                    <a:pt x="2833" y="4111"/>
                  </a:cubicBezTo>
                  <a:cubicBezTo>
                    <a:pt x="2833" y="4061"/>
                    <a:pt x="2933" y="4011"/>
                    <a:pt x="2983" y="3961"/>
                  </a:cubicBezTo>
                  <a:lnTo>
                    <a:pt x="2983" y="3660"/>
                  </a:lnTo>
                  <a:cubicBezTo>
                    <a:pt x="2933" y="3610"/>
                    <a:pt x="2833" y="3509"/>
                    <a:pt x="2833" y="3384"/>
                  </a:cubicBezTo>
                  <a:lnTo>
                    <a:pt x="2833" y="3159"/>
                  </a:lnTo>
                  <a:lnTo>
                    <a:pt x="2757" y="3159"/>
                  </a:lnTo>
                  <a:cubicBezTo>
                    <a:pt x="2833" y="3108"/>
                    <a:pt x="2983" y="3108"/>
                    <a:pt x="2983" y="3058"/>
                  </a:cubicBezTo>
                  <a:cubicBezTo>
                    <a:pt x="3058" y="2983"/>
                    <a:pt x="3108" y="2883"/>
                    <a:pt x="3158" y="2833"/>
                  </a:cubicBezTo>
                  <a:cubicBezTo>
                    <a:pt x="3209" y="2758"/>
                    <a:pt x="3384" y="2707"/>
                    <a:pt x="3434" y="2657"/>
                  </a:cubicBezTo>
                  <a:cubicBezTo>
                    <a:pt x="3509" y="2657"/>
                    <a:pt x="3660" y="2532"/>
                    <a:pt x="3735" y="2482"/>
                  </a:cubicBezTo>
                  <a:cubicBezTo>
                    <a:pt x="3785" y="2432"/>
                    <a:pt x="3835" y="2256"/>
                    <a:pt x="3835" y="2156"/>
                  </a:cubicBezTo>
                  <a:lnTo>
                    <a:pt x="3835" y="1880"/>
                  </a:lnTo>
                  <a:cubicBezTo>
                    <a:pt x="3835" y="1805"/>
                    <a:pt x="3885" y="1755"/>
                    <a:pt x="3960" y="1755"/>
                  </a:cubicBezTo>
                  <a:cubicBezTo>
                    <a:pt x="3960" y="1655"/>
                    <a:pt x="4011" y="1529"/>
                    <a:pt x="4061" y="1479"/>
                  </a:cubicBezTo>
                  <a:cubicBezTo>
                    <a:pt x="4111" y="1429"/>
                    <a:pt x="4236" y="1354"/>
                    <a:pt x="4286" y="1354"/>
                  </a:cubicBezTo>
                  <a:cubicBezTo>
                    <a:pt x="4412" y="1354"/>
                    <a:pt x="4562" y="1429"/>
                    <a:pt x="4637" y="1429"/>
                  </a:cubicBezTo>
                  <a:cubicBezTo>
                    <a:pt x="4687" y="1479"/>
                    <a:pt x="4787" y="1529"/>
                    <a:pt x="4863" y="1580"/>
                  </a:cubicBezTo>
                  <a:lnTo>
                    <a:pt x="5138" y="1580"/>
                  </a:lnTo>
                  <a:cubicBezTo>
                    <a:pt x="5188" y="1580"/>
                    <a:pt x="5364" y="1580"/>
                    <a:pt x="5414" y="1529"/>
                  </a:cubicBezTo>
                  <a:cubicBezTo>
                    <a:pt x="5414" y="1479"/>
                    <a:pt x="5464" y="1429"/>
                    <a:pt x="5539" y="1354"/>
                  </a:cubicBezTo>
                  <a:lnTo>
                    <a:pt x="5539" y="1078"/>
                  </a:lnTo>
                  <a:cubicBezTo>
                    <a:pt x="5539" y="1028"/>
                    <a:pt x="5640" y="978"/>
                    <a:pt x="5640" y="903"/>
                  </a:cubicBezTo>
                  <a:cubicBezTo>
                    <a:pt x="5690" y="853"/>
                    <a:pt x="5640" y="677"/>
                    <a:pt x="5690" y="577"/>
                  </a:cubicBezTo>
                  <a:cubicBezTo>
                    <a:pt x="5765" y="527"/>
                    <a:pt x="5865" y="452"/>
                    <a:pt x="5915" y="452"/>
                  </a:cubicBezTo>
                  <a:lnTo>
                    <a:pt x="6216" y="452"/>
                  </a:lnTo>
                  <a:cubicBezTo>
                    <a:pt x="6266" y="402"/>
                    <a:pt x="6316" y="402"/>
                    <a:pt x="6366" y="351"/>
                  </a:cubicBezTo>
                  <a:cubicBezTo>
                    <a:pt x="6442" y="301"/>
                    <a:pt x="6542" y="176"/>
                    <a:pt x="6592" y="176"/>
                  </a:cubicBezTo>
                  <a:cubicBezTo>
                    <a:pt x="6667" y="126"/>
                    <a:pt x="6818" y="176"/>
                    <a:pt x="6943" y="126"/>
                  </a:cubicBezTo>
                  <a:cubicBezTo>
                    <a:pt x="6993" y="126"/>
                    <a:pt x="7168" y="176"/>
                    <a:pt x="7219" y="126"/>
                  </a:cubicBezTo>
                  <a:cubicBezTo>
                    <a:pt x="7269" y="126"/>
                    <a:pt x="7344" y="76"/>
                    <a:pt x="7444" y="1"/>
                  </a:cubicBezTo>
                  <a:cubicBezTo>
                    <a:pt x="7444" y="126"/>
                    <a:pt x="7444" y="176"/>
                    <a:pt x="7494" y="226"/>
                  </a:cubicBezTo>
                  <a:cubicBezTo>
                    <a:pt x="7494" y="402"/>
                    <a:pt x="7620" y="752"/>
                    <a:pt x="7670" y="903"/>
                  </a:cubicBezTo>
                  <a:cubicBezTo>
                    <a:pt x="7720" y="1128"/>
                    <a:pt x="7945" y="1580"/>
                    <a:pt x="8071" y="1805"/>
                  </a:cubicBezTo>
                  <a:cubicBezTo>
                    <a:pt x="8171" y="1981"/>
                    <a:pt x="8397" y="2256"/>
                    <a:pt x="8472" y="2432"/>
                  </a:cubicBezTo>
                  <a:cubicBezTo>
                    <a:pt x="8572" y="2607"/>
                    <a:pt x="8697" y="2933"/>
                    <a:pt x="8747" y="3058"/>
                  </a:cubicBezTo>
                  <a:cubicBezTo>
                    <a:pt x="8848" y="3209"/>
                    <a:pt x="9073" y="3384"/>
                    <a:pt x="9148" y="3509"/>
                  </a:cubicBezTo>
                  <a:cubicBezTo>
                    <a:pt x="9249" y="3610"/>
                    <a:pt x="9424" y="3885"/>
                    <a:pt x="9474" y="3961"/>
                  </a:cubicBezTo>
                  <a:cubicBezTo>
                    <a:pt x="9650" y="4186"/>
                    <a:pt x="10001" y="4637"/>
                    <a:pt x="10151" y="4788"/>
                  </a:cubicBezTo>
                  <a:cubicBezTo>
                    <a:pt x="10376" y="5013"/>
                    <a:pt x="10828" y="5239"/>
                    <a:pt x="11053" y="5414"/>
                  </a:cubicBezTo>
                  <a:cubicBezTo>
                    <a:pt x="11178" y="5464"/>
                    <a:pt x="11354" y="5590"/>
                    <a:pt x="11454" y="5640"/>
                  </a:cubicBezTo>
                  <a:cubicBezTo>
                    <a:pt x="11579" y="5690"/>
                    <a:pt x="11805" y="5815"/>
                    <a:pt x="11905" y="5915"/>
                  </a:cubicBezTo>
                  <a:cubicBezTo>
                    <a:pt x="11955" y="5991"/>
                    <a:pt x="12031" y="6216"/>
                    <a:pt x="12081" y="6266"/>
                  </a:cubicBezTo>
                  <a:cubicBezTo>
                    <a:pt x="12181" y="6367"/>
                    <a:pt x="12356" y="6542"/>
                    <a:pt x="12482" y="6667"/>
                  </a:cubicBezTo>
                  <a:cubicBezTo>
                    <a:pt x="12582" y="6717"/>
                    <a:pt x="12757" y="6818"/>
                    <a:pt x="12858" y="6868"/>
                  </a:cubicBezTo>
                  <a:cubicBezTo>
                    <a:pt x="12983" y="6993"/>
                    <a:pt x="13083" y="7269"/>
                    <a:pt x="13209" y="7394"/>
                  </a:cubicBezTo>
                  <a:cubicBezTo>
                    <a:pt x="13309" y="7444"/>
                    <a:pt x="13534" y="7444"/>
                    <a:pt x="13610" y="7494"/>
                  </a:cubicBezTo>
                  <a:cubicBezTo>
                    <a:pt x="13760" y="7544"/>
                    <a:pt x="13986" y="7720"/>
                    <a:pt x="14161" y="7770"/>
                  </a:cubicBezTo>
                  <a:cubicBezTo>
                    <a:pt x="14211" y="7845"/>
                    <a:pt x="14387" y="7845"/>
                    <a:pt x="14512" y="7895"/>
                  </a:cubicBezTo>
                  <a:cubicBezTo>
                    <a:pt x="14562" y="7895"/>
                    <a:pt x="14788" y="7996"/>
                    <a:pt x="14888" y="7996"/>
                  </a:cubicBezTo>
                  <a:cubicBezTo>
                    <a:pt x="14888" y="8071"/>
                    <a:pt x="15013" y="7996"/>
                    <a:pt x="15063" y="7996"/>
                  </a:cubicBezTo>
                  <a:cubicBezTo>
                    <a:pt x="15113" y="8071"/>
                    <a:pt x="15189" y="8171"/>
                    <a:pt x="15189" y="8296"/>
                  </a:cubicBezTo>
                  <a:cubicBezTo>
                    <a:pt x="15189" y="8347"/>
                    <a:pt x="15113" y="8522"/>
                    <a:pt x="15113" y="8622"/>
                  </a:cubicBezTo>
                  <a:cubicBezTo>
                    <a:pt x="15063" y="8748"/>
                    <a:pt x="15063" y="9023"/>
                    <a:pt x="15113" y="9123"/>
                  </a:cubicBezTo>
                  <a:cubicBezTo>
                    <a:pt x="15189" y="9249"/>
                    <a:pt x="15339" y="9349"/>
                    <a:pt x="15414" y="9424"/>
                  </a:cubicBezTo>
                  <a:cubicBezTo>
                    <a:pt x="15514" y="9474"/>
                    <a:pt x="15740" y="9524"/>
                    <a:pt x="15865" y="9575"/>
                  </a:cubicBezTo>
                  <a:cubicBezTo>
                    <a:pt x="15865" y="9575"/>
                    <a:pt x="15915" y="9650"/>
                    <a:pt x="15915" y="9700"/>
                  </a:cubicBezTo>
                  <a:close/>
                </a:path>
              </a:pathLst>
            </a:custGeom>
            <a:solidFill>
              <a:srgbClr val="1C826A"/>
            </a:solidFill>
            <a:ln>
              <a:noFill/>
            </a:ln>
          </p:spPr>
          <p:txBody>
            <a:bodyPr spcFirstLastPara="1" wrap="square" lIns="121900" tIns="121900" rIns="121900" bIns="121900" anchor="ctr" anchorCtr="0">
              <a:noAutofit/>
            </a:bodyPr>
            <a:lstStyle/>
            <a:p>
              <a:endParaRPr sz="2400"/>
            </a:p>
          </p:txBody>
        </p:sp>
        <p:sp>
          <p:nvSpPr>
            <p:cNvPr id="291" name="Google Shape;348;p16">
              <a:extLst>
                <a:ext uri="{FF2B5EF4-FFF2-40B4-BE49-F238E27FC236}">
                  <a16:creationId xmlns:a16="http://schemas.microsoft.com/office/drawing/2014/main" id="{DF919918-5C09-70A4-6CFA-65E56069AB07}"/>
                </a:ext>
              </a:extLst>
            </p:cNvPr>
            <p:cNvSpPr/>
            <p:nvPr/>
          </p:nvSpPr>
          <p:spPr>
            <a:xfrm>
              <a:off x="2858917" y="2464876"/>
              <a:ext cx="444216" cy="426018"/>
            </a:xfrm>
            <a:custGeom>
              <a:avLst/>
              <a:gdLst/>
              <a:ahLst/>
              <a:cxnLst/>
              <a:rect l="l" t="t" r="r" b="b"/>
              <a:pathLst>
                <a:path w="15916" h="15264" fill="none" extrusionOk="0">
                  <a:moveTo>
                    <a:pt x="15915" y="9700"/>
                  </a:moveTo>
                  <a:cubicBezTo>
                    <a:pt x="15865" y="9750"/>
                    <a:pt x="15740" y="9750"/>
                    <a:pt x="15690" y="9800"/>
                  </a:cubicBezTo>
                  <a:cubicBezTo>
                    <a:pt x="15640" y="9875"/>
                    <a:pt x="15464" y="9976"/>
                    <a:pt x="15414" y="10026"/>
                  </a:cubicBezTo>
                  <a:cubicBezTo>
                    <a:pt x="15339" y="10201"/>
                    <a:pt x="15239" y="10477"/>
                    <a:pt x="15189" y="10602"/>
                  </a:cubicBezTo>
                  <a:cubicBezTo>
                    <a:pt x="15063" y="10702"/>
                    <a:pt x="14838" y="10878"/>
                    <a:pt x="14788" y="11003"/>
                  </a:cubicBezTo>
                  <a:cubicBezTo>
                    <a:pt x="14737" y="11103"/>
                    <a:pt x="14888" y="11379"/>
                    <a:pt x="14888" y="11504"/>
                  </a:cubicBezTo>
                  <a:cubicBezTo>
                    <a:pt x="14888" y="11605"/>
                    <a:pt x="14888" y="11880"/>
                    <a:pt x="14838" y="12006"/>
                  </a:cubicBezTo>
                  <a:cubicBezTo>
                    <a:pt x="14737" y="12106"/>
                    <a:pt x="14437" y="12181"/>
                    <a:pt x="14336" y="12281"/>
                  </a:cubicBezTo>
                  <a:cubicBezTo>
                    <a:pt x="14211" y="12407"/>
                    <a:pt x="14211" y="12783"/>
                    <a:pt x="14161" y="12908"/>
                  </a:cubicBezTo>
                  <a:cubicBezTo>
                    <a:pt x="14061" y="13133"/>
                    <a:pt x="13760" y="13459"/>
                    <a:pt x="13610" y="13535"/>
                  </a:cubicBezTo>
                  <a:cubicBezTo>
                    <a:pt x="13434" y="13635"/>
                    <a:pt x="13083" y="13585"/>
                    <a:pt x="12933" y="13535"/>
                  </a:cubicBezTo>
                  <a:cubicBezTo>
                    <a:pt x="12808" y="13535"/>
                    <a:pt x="12632" y="13359"/>
                    <a:pt x="12582" y="13234"/>
                  </a:cubicBezTo>
                  <a:cubicBezTo>
                    <a:pt x="12532" y="13133"/>
                    <a:pt x="12582" y="12858"/>
                    <a:pt x="12532" y="12732"/>
                  </a:cubicBezTo>
                  <a:cubicBezTo>
                    <a:pt x="12532" y="12632"/>
                    <a:pt x="12482" y="12407"/>
                    <a:pt x="12356" y="12331"/>
                  </a:cubicBezTo>
                  <a:cubicBezTo>
                    <a:pt x="12256" y="12281"/>
                    <a:pt x="12031" y="12281"/>
                    <a:pt x="11905" y="12281"/>
                  </a:cubicBezTo>
                  <a:cubicBezTo>
                    <a:pt x="11805" y="12331"/>
                    <a:pt x="11680" y="12557"/>
                    <a:pt x="11579" y="12507"/>
                  </a:cubicBezTo>
                  <a:cubicBezTo>
                    <a:pt x="11504" y="12507"/>
                    <a:pt x="11579" y="12331"/>
                    <a:pt x="11504" y="12331"/>
                  </a:cubicBezTo>
                  <a:cubicBezTo>
                    <a:pt x="11454" y="12281"/>
                    <a:pt x="11229" y="12281"/>
                    <a:pt x="11178" y="12331"/>
                  </a:cubicBezTo>
                  <a:cubicBezTo>
                    <a:pt x="11053" y="12331"/>
                    <a:pt x="10903" y="12407"/>
                    <a:pt x="10828" y="12457"/>
                  </a:cubicBezTo>
                  <a:cubicBezTo>
                    <a:pt x="10777" y="12557"/>
                    <a:pt x="10602" y="12732"/>
                    <a:pt x="10602" y="12858"/>
                  </a:cubicBezTo>
                  <a:cubicBezTo>
                    <a:pt x="10602" y="12958"/>
                    <a:pt x="10677" y="13184"/>
                    <a:pt x="10727" y="13309"/>
                  </a:cubicBezTo>
                  <a:cubicBezTo>
                    <a:pt x="10727" y="13359"/>
                    <a:pt x="10828" y="13459"/>
                    <a:pt x="10828" y="13585"/>
                  </a:cubicBezTo>
                  <a:cubicBezTo>
                    <a:pt x="10828" y="13635"/>
                    <a:pt x="10828" y="13760"/>
                    <a:pt x="10777" y="13810"/>
                  </a:cubicBezTo>
                  <a:cubicBezTo>
                    <a:pt x="10677" y="13860"/>
                    <a:pt x="10376" y="13685"/>
                    <a:pt x="10276" y="13760"/>
                  </a:cubicBezTo>
                  <a:cubicBezTo>
                    <a:pt x="10226" y="13860"/>
                    <a:pt x="10151" y="14086"/>
                    <a:pt x="10151" y="14211"/>
                  </a:cubicBezTo>
                  <a:cubicBezTo>
                    <a:pt x="10101" y="14311"/>
                    <a:pt x="10151" y="14487"/>
                    <a:pt x="10101" y="14587"/>
                  </a:cubicBezTo>
                  <a:cubicBezTo>
                    <a:pt x="10051" y="14662"/>
                    <a:pt x="9875" y="14763"/>
                    <a:pt x="9825" y="14763"/>
                  </a:cubicBezTo>
                  <a:cubicBezTo>
                    <a:pt x="9775" y="14763"/>
                    <a:pt x="9650" y="14662"/>
                    <a:pt x="9600" y="14587"/>
                  </a:cubicBezTo>
                  <a:cubicBezTo>
                    <a:pt x="9549" y="14587"/>
                    <a:pt x="9374" y="14537"/>
                    <a:pt x="9299" y="14587"/>
                  </a:cubicBezTo>
                  <a:cubicBezTo>
                    <a:pt x="9199" y="14662"/>
                    <a:pt x="9148" y="14888"/>
                    <a:pt x="9073" y="14988"/>
                  </a:cubicBezTo>
                  <a:cubicBezTo>
                    <a:pt x="9073" y="15038"/>
                    <a:pt x="8973" y="15164"/>
                    <a:pt x="8923" y="15264"/>
                  </a:cubicBezTo>
                  <a:cubicBezTo>
                    <a:pt x="8848" y="15164"/>
                    <a:pt x="8572" y="14988"/>
                    <a:pt x="8472" y="14888"/>
                  </a:cubicBezTo>
                  <a:cubicBezTo>
                    <a:pt x="8397" y="14813"/>
                    <a:pt x="8346" y="14662"/>
                    <a:pt x="8296" y="14537"/>
                  </a:cubicBezTo>
                  <a:cubicBezTo>
                    <a:pt x="8246" y="14487"/>
                    <a:pt x="8171" y="14311"/>
                    <a:pt x="8071" y="14261"/>
                  </a:cubicBezTo>
                  <a:cubicBezTo>
                    <a:pt x="8021" y="14211"/>
                    <a:pt x="7895" y="14136"/>
                    <a:pt x="7895" y="14136"/>
                  </a:cubicBezTo>
                  <a:cubicBezTo>
                    <a:pt x="7795" y="14136"/>
                    <a:pt x="7720" y="14261"/>
                    <a:pt x="7670" y="14311"/>
                  </a:cubicBezTo>
                  <a:cubicBezTo>
                    <a:pt x="7620" y="14362"/>
                    <a:pt x="7569" y="14537"/>
                    <a:pt x="7494" y="14587"/>
                  </a:cubicBezTo>
                  <a:cubicBezTo>
                    <a:pt x="7394" y="14662"/>
                    <a:pt x="7168" y="14712"/>
                    <a:pt x="7043" y="14712"/>
                  </a:cubicBezTo>
                  <a:cubicBezTo>
                    <a:pt x="6943" y="14662"/>
                    <a:pt x="6767" y="14587"/>
                    <a:pt x="6667" y="14487"/>
                  </a:cubicBezTo>
                  <a:cubicBezTo>
                    <a:pt x="6542" y="14362"/>
                    <a:pt x="6492" y="14036"/>
                    <a:pt x="6442" y="13910"/>
                  </a:cubicBezTo>
                  <a:cubicBezTo>
                    <a:pt x="6316" y="13860"/>
                    <a:pt x="6141" y="13685"/>
                    <a:pt x="6041" y="13635"/>
                  </a:cubicBezTo>
                  <a:cubicBezTo>
                    <a:pt x="5990" y="13585"/>
                    <a:pt x="5815" y="13535"/>
                    <a:pt x="5690" y="13535"/>
                  </a:cubicBezTo>
                  <a:cubicBezTo>
                    <a:pt x="5589" y="13585"/>
                    <a:pt x="5464" y="13685"/>
                    <a:pt x="5414" y="13810"/>
                  </a:cubicBezTo>
                  <a:cubicBezTo>
                    <a:pt x="5414" y="13860"/>
                    <a:pt x="5464" y="13986"/>
                    <a:pt x="5414" y="14036"/>
                  </a:cubicBezTo>
                  <a:cubicBezTo>
                    <a:pt x="5364" y="14086"/>
                    <a:pt x="5239" y="14086"/>
                    <a:pt x="5239" y="14086"/>
                  </a:cubicBezTo>
                  <a:cubicBezTo>
                    <a:pt x="5188" y="14136"/>
                    <a:pt x="5138" y="14362"/>
                    <a:pt x="5088" y="14362"/>
                  </a:cubicBezTo>
                  <a:cubicBezTo>
                    <a:pt x="4963" y="14362"/>
                    <a:pt x="4863" y="14211"/>
                    <a:pt x="4787" y="14136"/>
                  </a:cubicBezTo>
                  <a:cubicBezTo>
                    <a:pt x="4737" y="14036"/>
                    <a:pt x="4737" y="13810"/>
                    <a:pt x="4687" y="13760"/>
                  </a:cubicBezTo>
                  <a:cubicBezTo>
                    <a:pt x="4637" y="13635"/>
                    <a:pt x="4462" y="13535"/>
                    <a:pt x="4412" y="13459"/>
                  </a:cubicBezTo>
                  <a:cubicBezTo>
                    <a:pt x="4336" y="13409"/>
                    <a:pt x="4186" y="13309"/>
                    <a:pt x="4061" y="13309"/>
                  </a:cubicBezTo>
                  <a:cubicBezTo>
                    <a:pt x="4011" y="13309"/>
                    <a:pt x="3885" y="13459"/>
                    <a:pt x="3785" y="13459"/>
                  </a:cubicBezTo>
                  <a:cubicBezTo>
                    <a:pt x="3735" y="13535"/>
                    <a:pt x="3509" y="13535"/>
                    <a:pt x="3434" y="13535"/>
                  </a:cubicBezTo>
                  <a:cubicBezTo>
                    <a:pt x="3334" y="13535"/>
                    <a:pt x="3209" y="13409"/>
                    <a:pt x="3158" y="13359"/>
                  </a:cubicBezTo>
                  <a:cubicBezTo>
                    <a:pt x="3108" y="13309"/>
                    <a:pt x="2983" y="13184"/>
                    <a:pt x="2983" y="13083"/>
                  </a:cubicBezTo>
                  <a:cubicBezTo>
                    <a:pt x="3058" y="13008"/>
                    <a:pt x="3209" y="12908"/>
                    <a:pt x="3209" y="12858"/>
                  </a:cubicBezTo>
                  <a:cubicBezTo>
                    <a:pt x="3209" y="12732"/>
                    <a:pt x="3158" y="12557"/>
                    <a:pt x="3108" y="12507"/>
                  </a:cubicBezTo>
                  <a:cubicBezTo>
                    <a:pt x="3058" y="12407"/>
                    <a:pt x="2883" y="12181"/>
                    <a:pt x="2757" y="12181"/>
                  </a:cubicBezTo>
                  <a:cubicBezTo>
                    <a:pt x="2657" y="12106"/>
                    <a:pt x="2482" y="12106"/>
                    <a:pt x="2432" y="12106"/>
                  </a:cubicBezTo>
                  <a:cubicBezTo>
                    <a:pt x="2306" y="12106"/>
                    <a:pt x="2081" y="12181"/>
                    <a:pt x="1980" y="12106"/>
                  </a:cubicBezTo>
                  <a:cubicBezTo>
                    <a:pt x="1930" y="12106"/>
                    <a:pt x="1755" y="12006"/>
                    <a:pt x="1705" y="11956"/>
                  </a:cubicBezTo>
                  <a:cubicBezTo>
                    <a:pt x="1630" y="11880"/>
                    <a:pt x="1630" y="11655"/>
                    <a:pt x="1579" y="11605"/>
                  </a:cubicBezTo>
                  <a:cubicBezTo>
                    <a:pt x="1479" y="11555"/>
                    <a:pt x="1304" y="11504"/>
                    <a:pt x="1254" y="11454"/>
                  </a:cubicBezTo>
                  <a:cubicBezTo>
                    <a:pt x="1178" y="11454"/>
                    <a:pt x="1028" y="11555"/>
                    <a:pt x="953" y="11555"/>
                  </a:cubicBezTo>
                  <a:cubicBezTo>
                    <a:pt x="853" y="11555"/>
                    <a:pt x="677" y="11555"/>
                    <a:pt x="577" y="11504"/>
                  </a:cubicBezTo>
                  <a:cubicBezTo>
                    <a:pt x="502" y="11379"/>
                    <a:pt x="401" y="11154"/>
                    <a:pt x="401" y="11053"/>
                  </a:cubicBezTo>
                  <a:cubicBezTo>
                    <a:pt x="351" y="11003"/>
                    <a:pt x="401" y="10828"/>
                    <a:pt x="351" y="10702"/>
                  </a:cubicBezTo>
                  <a:cubicBezTo>
                    <a:pt x="351" y="10602"/>
                    <a:pt x="276" y="10427"/>
                    <a:pt x="226" y="10326"/>
                  </a:cubicBezTo>
                  <a:cubicBezTo>
                    <a:pt x="176" y="10326"/>
                    <a:pt x="51" y="10251"/>
                    <a:pt x="51" y="10251"/>
                  </a:cubicBezTo>
                  <a:cubicBezTo>
                    <a:pt x="0" y="10201"/>
                    <a:pt x="0" y="10026"/>
                    <a:pt x="51" y="9976"/>
                  </a:cubicBezTo>
                  <a:cubicBezTo>
                    <a:pt x="51" y="9925"/>
                    <a:pt x="176" y="9800"/>
                    <a:pt x="276" y="9800"/>
                  </a:cubicBezTo>
                  <a:cubicBezTo>
                    <a:pt x="351" y="9750"/>
                    <a:pt x="577" y="9875"/>
                    <a:pt x="627" y="9875"/>
                  </a:cubicBezTo>
                  <a:cubicBezTo>
                    <a:pt x="727" y="9875"/>
                    <a:pt x="953" y="9875"/>
                    <a:pt x="1078" y="9800"/>
                  </a:cubicBezTo>
                  <a:cubicBezTo>
                    <a:pt x="1128" y="9750"/>
                    <a:pt x="1178" y="9650"/>
                    <a:pt x="1254" y="9575"/>
                  </a:cubicBezTo>
                  <a:cubicBezTo>
                    <a:pt x="1304" y="9524"/>
                    <a:pt x="1404" y="9424"/>
                    <a:pt x="1529" y="9349"/>
                  </a:cubicBezTo>
                  <a:cubicBezTo>
                    <a:pt x="1579" y="9299"/>
                    <a:pt x="1705" y="9249"/>
                    <a:pt x="1755" y="9249"/>
                  </a:cubicBezTo>
                  <a:cubicBezTo>
                    <a:pt x="1805" y="9249"/>
                    <a:pt x="1980" y="9349"/>
                    <a:pt x="2031" y="9424"/>
                  </a:cubicBezTo>
                  <a:cubicBezTo>
                    <a:pt x="2081" y="9424"/>
                    <a:pt x="2156" y="9650"/>
                    <a:pt x="2206" y="9700"/>
                  </a:cubicBezTo>
                  <a:cubicBezTo>
                    <a:pt x="2256" y="9700"/>
                    <a:pt x="2381" y="9750"/>
                    <a:pt x="2482" y="9750"/>
                  </a:cubicBezTo>
                  <a:cubicBezTo>
                    <a:pt x="2532" y="9750"/>
                    <a:pt x="2657" y="9750"/>
                    <a:pt x="2707" y="9700"/>
                  </a:cubicBezTo>
                  <a:cubicBezTo>
                    <a:pt x="2757" y="9650"/>
                    <a:pt x="2833" y="9474"/>
                    <a:pt x="2833" y="9424"/>
                  </a:cubicBezTo>
                  <a:cubicBezTo>
                    <a:pt x="2833" y="9299"/>
                    <a:pt x="2757" y="9123"/>
                    <a:pt x="2707" y="9073"/>
                  </a:cubicBezTo>
                  <a:cubicBezTo>
                    <a:pt x="2657" y="9023"/>
                    <a:pt x="2532" y="8898"/>
                    <a:pt x="2482" y="8848"/>
                  </a:cubicBezTo>
                  <a:cubicBezTo>
                    <a:pt x="2432" y="8798"/>
                    <a:pt x="2306" y="8748"/>
                    <a:pt x="2256" y="8672"/>
                  </a:cubicBezTo>
                  <a:cubicBezTo>
                    <a:pt x="2256" y="8622"/>
                    <a:pt x="2306" y="8522"/>
                    <a:pt x="2256" y="8397"/>
                  </a:cubicBezTo>
                  <a:cubicBezTo>
                    <a:pt x="2256" y="8296"/>
                    <a:pt x="2206" y="8071"/>
                    <a:pt x="2156" y="7996"/>
                  </a:cubicBezTo>
                  <a:cubicBezTo>
                    <a:pt x="2031" y="7895"/>
                    <a:pt x="1755" y="7845"/>
                    <a:pt x="1630" y="7770"/>
                  </a:cubicBezTo>
                  <a:cubicBezTo>
                    <a:pt x="1579" y="7720"/>
                    <a:pt x="1479" y="7620"/>
                    <a:pt x="1404" y="7544"/>
                  </a:cubicBezTo>
                  <a:cubicBezTo>
                    <a:pt x="1354" y="7494"/>
                    <a:pt x="1304" y="7319"/>
                    <a:pt x="1304" y="7219"/>
                  </a:cubicBezTo>
                  <a:cubicBezTo>
                    <a:pt x="1304" y="7093"/>
                    <a:pt x="1354" y="6943"/>
                    <a:pt x="1354" y="6868"/>
                  </a:cubicBezTo>
                  <a:cubicBezTo>
                    <a:pt x="1354" y="6768"/>
                    <a:pt x="1354" y="6592"/>
                    <a:pt x="1304" y="6492"/>
                  </a:cubicBezTo>
                  <a:cubicBezTo>
                    <a:pt x="1254" y="6442"/>
                    <a:pt x="1128" y="6367"/>
                    <a:pt x="1078" y="6316"/>
                  </a:cubicBezTo>
                  <a:cubicBezTo>
                    <a:pt x="1028" y="6316"/>
                    <a:pt x="903" y="6367"/>
                    <a:pt x="853" y="6316"/>
                  </a:cubicBezTo>
                  <a:cubicBezTo>
                    <a:pt x="802" y="6266"/>
                    <a:pt x="802" y="6141"/>
                    <a:pt x="802" y="6091"/>
                  </a:cubicBezTo>
                  <a:cubicBezTo>
                    <a:pt x="802" y="6041"/>
                    <a:pt x="903" y="5865"/>
                    <a:pt x="1028" y="5815"/>
                  </a:cubicBezTo>
                  <a:cubicBezTo>
                    <a:pt x="1078" y="5765"/>
                    <a:pt x="1304" y="5765"/>
                    <a:pt x="1354" y="5690"/>
                  </a:cubicBezTo>
                  <a:cubicBezTo>
                    <a:pt x="1404" y="5690"/>
                    <a:pt x="1529" y="5640"/>
                    <a:pt x="1579" y="5590"/>
                  </a:cubicBezTo>
                  <a:cubicBezTo>
                    <a:pt x="1579" y="5464"/>
                    <a:pt x="1404" y="5364"/>
                    <a:pt x="1354" y="5364"/>
                  </a:cubicBezTo>
                  <a:cubicBezTo>
                    <a:pt x="1304" y="5314"/>
                    <a:pt x="1128" y="5314"/>
                    <a:pt x="1078" y="5239"/>
                  </a:cubicBezTo>
                  <a:cubicBezTo>
                    <a:pt x="1028" y="5239"/>
                    <a:pt x="953" y="5138"/>
                    <a:pt x="903" y="5088"/>
                  </a:cubicBezTo>
                  <a:cubicBezTo>
                    <a:pt x="903" y="5013"/>
                    <a:pt x="953" y="4863"/>
                    <a:pt x="1028" y="4863"/>
                  </a:cubicBezTo>
                  <a:cubicBezTo>
                    <a:pt x="1078" y="4737"/>
                    <a:pt x="1354" y="4687"/>
                    <a:pt x="1479" y="4687"/>
                  </a:cubicBezTo>
                  <a:cubicBezTo>
                    <a:pt x="1630" y="4637"/>
                    <a:pt x="1855" y="4512"/>
                    <a:pt x="2031" y="4462"/>
                  </a:cubicBezTo>
                  <a:cubicBezTo>
                    <a:pt x="2081" y="4462"/>
                    <a:pt x="2206" y="4512"/>
                    <a:pt x="2256" y="4512"/>
                  </a:cubicBezTo>
                  <a:cubicBezTo>
                    <a:pt x="2432" y="4462"/>
                    <a:pt x="2657" y="4412"/>
                    <a:pt x="2707" y="4336"/>
                  </a:cubicBezTo>
                  <a:cubicBezTo>
                    <a:pt x="2757" y="4286"/>
                    <a:pt x="2757" y="4111"/>
                    <a:pt x="2833" y="4111"/>
                  </a:cubicBezTo>
                  <a:cubicBezTo>
                    <a:pt x="2833" y="4061"/>
                    <a:pt x="2933" y="4011"/>
                    <a:pt x="2983" y="3961"/>
                  </a:cubicBezTo>
                  <a:lnTo>
                    <a:pt x="2983" y="3660"/>
                  </a:lnTo>
                  <a:cubicBezTo>
                    <a:pt x="2933" y="3610"/>
                    <a:pt x="2833" y="3509"/>
                    <a:pt x="2833" y="3384"/>
                  </a:cubicBezTo>
                  <a:lnTo>
                    <a:pt x="2833" y="3159"/>
                  </a:lnTo>
                  <a:lnTo>
                    <a:pt x="2757" y="3159"/>
                  </a:lnTo>
                  <a:cubicBezTo>
                    <a:pt x="2833" y="3108"/>
                    <a:pt x="2983" y="3108"/>
                    <a:pt x="2983" y="3058"/>
                  </a:cubicBezTo>
                  <a:cubicBezTo>
                    <a:pt x="3058" y="2983"/>
                    <a:pt x="3108" y="2883"/>
                    <a:pt x="3158" y="2833"/>
                  </a:cubicBezTo>
                  <a:cubicBezTo>
                    <a:pt x="3209" y="2758"/>
                    <a:pt x="3384" y="2707"/>
                    <a:pt x="3434" y="2657"/>
                  </a:cubicBezTo>
                  <a:cubicBezTo>
                    <a:pt x="3509" y="2657"/>
                    <a:pt x="3660" y="2532"/>
                    <a:pt x="3735" y="2482"/>
                  </a:cubicBezTo>
                  <a:cubicBezTo>
                    <a:pt x="3785" y="2432"/>
                    <a:pt x="3835" y="2256"/>
                    <a:pt x="3835" y="2156"/>
                  </a:cubicBezTo>
                  <a:lnTo>
                    <a:pt x="3835" y="1880"/>
                  </a:lnTo>
                  <a:cubicBezTo>
                    <a:pt x="3835" y="1805"/>
                    <a:pt x="3885" y="1755"/>
                    <a:pt x="3960" y="1755"/>
                  </a:cubicBezTo>
                  <a:cubicBezTo>
                    <a:pt x="3960" y="1655"/>
                    <a:pt x="4011" y="1529"/>
                    <a:pt x="4061" y="1479"/>
                  </a:cubicBezTo>
                  <a:cubicBezTo>
                    <a:pt x="4111" y="1429"/>
                    <a:pt x="4236" y="1354"/>
                    <a:pt x="4286" y="1354"/>
                  </a:cubicBezTo>
                  <a:cubicBezTo>
                    <a:pt x="4412" y="1354"/>
                    <a:pt x="4562" y="1429"/>
                    <a:pt x="4637" y="1429"/>
                  </a:cubicBezTo>
                  <a:cubicBezTo>
                    <a:pt x="4687" y="1479"/>
                    <a:pt x="4787" y="1529"/>
                    <a:pt x="4863" y="1580"/>
                  </a:cubicBezTo>
                  <a:lnTo>
                    <a:pt x="5138" y="1580"/>
                  </a:lnTo>
                  <a:cubicBezTo>
                    <a:pt x="5188" y="1580"/>
                    <a:pt x="5364" y="1580"/>
                    <a:pt x="5414" y="1529"/>
                  </a:cubicBezTo>
                  <a:cubicBezTo>
                    <a:pt x="5414" y="1479"/>
                    <a:pt x="5464" y="1429"/>
                    <a:pt x="5539" y="1354"/>
                  </a:cubicBezTo>
                  <a:lnTo>
                    <a:pt x="5539" y="1078"/>
                  </a:lnTo>
                  <a:cubicBezTo>
                    <a:pt x="5539" y="1028"/>
                    <a:pt x="5640" y="978"/>
                    <a:pt x="5640" y="903"/>
                  </a:cubicBezTo>
                  <a:cubicBezTo>
                    <a:pt x="5690" y="853"/>
                    <a:pt x="5640" y="677"/>
                    <a:pt x="5690" y="577"/>
                  </a:cubicBezTo>
                  <a:cubicBezTo>
                    <a:pt x="5765" y="527"/>
                    <a:pt x="5865" y="452"/>
                    <a:pt x="5915" y="452"/>
                  </a:cubicBezTo>
                  <a:lnTo>
                    <a:pt x="6216" y="452"/>
                  </a:lnTo>
                  <a:cubicBezTo>
                    <a:pt x="6266" y="402"/>
                    <a:pt x="6316" y="402"/>
                    <a:pt x="6366" y="351"/>
                  </a:cubicBezTo>
                  <a:cubicBezTo>
                    <a:pt x="6442" y="301"/>
                    <a:pt x="6542" y="176"/>
                    <a:pt x="6592" y="176"/>
                  </a:cubicBezTo>
                  <a:cubicBezTo>
                    <a:pt x="6667" y="126"/>
                    <a:pt x="6818" y="176"/>
                    <a:pt x="6943" y="126"/>
                  </a:cubicBezTo>
                  <a:cubicBezTo>
                    <a:pt x="6993" y="126"/>
                    <a:pt x="7168" y="176"/>
                    <a:pt x="7219" y="126"/>
                  </a:cubicBezTo>
                  <a:cubicBezTo>
                    <a:pt x="7269" y="126"/>
                    <a:pt x="7344" y="76"/>
                    <a:pt x="7444" y="1"/>
                  </a:cubicBezTo>
                  <a:cubicBezTo>
                    <a:pt x="7444" y="126"/>
                    <a:pt x="7444" y="176"/>
                    <a:pt x="7494" y="226"/>
                  </a:cubicBezTo>
                  <a:cubicBezTo>
                    <a:pt x="7494" y="402"/>
                    <a:pt x="7620" y="752"/>
                    <a:pt x="7670" y="903"/>
                  </a:cubicBezTo>
                  <a:cubicBezTo>
                    <a:pt x="7720" y="1128"/>
                    <a:pt x="7945" y="1580"/>
                    <a:pt x="8071" y="1805"/>
                  </a:cubicBezTo>
                  <a:cubicBezTo>
                    <a:pt x="8171" y="1981"/>
                    <a:pt x="8397" y="2256"/>
                    <a:pt x="8472" y="2432"/>
                  </a:cubicBezTo>
                  <a:cubicBezTo>
                    <a:pt x="8572" y="2607"/>
                    <a:pt x="8697" y="2933"/>
                    <a:pt x="8747" y="3058"/>
                  </a:cubicBezTo>
                  <a:cubicBezTo>
                    <a:pt x="8848" y="3209"/>
                    <a:pt x="9073" y="3384"/>
                    <a:pt x="9148" y="3509"/>
                  </a:cubicBezTo>
                  <a:cubicBezTo>
                    <a:pt x="9249" y="3610"/>
                    <a:pt x="9424" y="3885"/>
                    <a:pt x="9474" y="3961"/>
                  </a:cubicBezTo>
                  <a:cubicBezTo>
                    <a:pt x="9650" y="4186"/>
                    <a:pt x="10001" y="4637"/>
                    <a:pt x="10151" y="4788"/>
                  </a:cubicBezTo>
                  <a:cubicBezTo>
                    <a:pt x="10376" y="5013"/>
                    <a:pt x="10828" y="5239"/>
                    <a:pt x="11053" y="5414"/>
                  </a:cubicBezTo>
                  <a:cubicBezTo>
                    <a:pt x="11178" y="5464"/>
                    <a:pt x="11354" y="5590"/>
                    <a:pt x="11454" y="5640"/>
                  </a:cubicBezTo>
                  <a:cubicBezTo>
                    <a:pt x="11579" y="5690"/>
                    <a:pt x="11805" y="5815"/>
                    <a:pt x="11905" y="5915"/>
                  </a:cubicBezTo>
                  <a:cubicBezTo>
                    <a:pt x="11955" y="5991"/>
                    <a:pt x="12031" y="6216"/>
                    <a:pt x="12081" y="6266"/>
                  </a:cubicBezTo>
                  <a:cubicBezTo>
                    <a:pt x="12181" y="6367"/>
                    <a:pt x="12356" y="6542"/>
                    <a:pt x="12482" y="6667"/>
                  </a:cubicBezTo>
                  <a:cubicBezTo>
                    <a:pt x="12582" y="6717"/>
                    <a:pt x="12757" y="6818"/>
                    <a:pt x="12858" y="6868"/>
                  </a:cubicBezTo>
                  <a:cubicBezTo>
                    <a:pt x="12983" y="6993"/>
                    <a:pt x="13083" y="7269"/>
                    <a:pt x="13209" y="7394"/>
                  </a:cubicBezTo>
                  <a:cubicBezTo>
                    <a:pt x="13309" y="7444"/>
                    <a:pt x="13534" y="7444"/>
                    <a:pt x="13610" y="7494"/>
                  </a:cubicBezTo>
                  <a:cubicBezTo>
                    <a:pt x="13760" y="7544"/>
                    <a:pt x="13986" y="7720"/>
                    <a:pt x="14161" y="7770"/>
                  </a:cubicBezTo>
                  <a:cubicBezTo>
                    <a:pt x="14211" y="7845"/>
                    <a:pt x="14387" y="7845"/>
                    <a:pt x="14512" y="7895"/>
                  </a:cubicBezTo>
                  <a:cubicBezTo>
                    <a:pt x="14562" y="7895"/>
                    <a:pt x="14788" y="7996"/>
                    <a:pt x="14888" y="7996"/>
                  </a:cubicBezTo>
                  <a:cubicBezTo>
                    <a:pt x="14888" y="8071"/>
                    <a:pt x="15013" y="7996"/>
                    <a:pt x="15063" y="7996"/>
                  </a:cubicBezTo>
                  <a:cubicBezTo>
                    <a:pt x="15113" y="8071"/>
                    <a:pt x="15189" y="8171"/>
                    <a:pt x="15189" y="8296"/>
                  </a:cubicBezTo>
                  <a:cubicBezTo>
                    <a:pt x="15189" y="8347"/>
                    <a:pt x="15113" y="8522"/>
                    <a:pt x="15113" y="8622"/>
                  </a:cubicBezTo>
                  <a:cubicBezTo>
                    <a:pt x="15063" y="8748"/>
                    <a:pt x="15063" y="9023"/>
                    <a:pt x="15113" y="9123"/>
                  </a:cubicBezTo>
                  <a:cubicBezTo>
                    <a:pt x="15189" y="9249"/>
                    <a:pt x="15339" y="9349"/>
                    <a:pt x="15414" y="9424"/>
                  </a:cubicBezTo>
                  <a:cubicBezTo>
                    <a:pt x="15514" y="9474"/>
                    <a:pt x="15740" y="9524"/>
                    <a:pt x="15865" y="9575"/>
                  </a:cubicBezTo>
                  <a:cubicBezTo>
                    <a:pt x="15865" y="9575"/>
                    <a:pt x="15915" y="9650"/>
                    <a:pt x="15915" y="9700"/>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sp>
          <p:nvSpPr>
            <p:cNvPr id="292" name="Google Shape;349;p16">
              <a:extLst>
                <a:ext uri="{FF2B5EF4-FFF2-40B4-BE49-F238E27FC236}">
                  <a16:creationId xmlns:a16="http://schemas.microsoft.com/office/drawing/2014/main" id="{1B11B869-2551-F378-110D-8B259503C6FA}"/>
                </a:ext>
              </a:extLst>
            </p:cNvPr>
            <p:cNvSpPr/>
            <p:nvPr/>
          </p:nvSpPr>
          <p:spPr>
            <a:xfrm>
              <a:off x="2858917" y="2464876"/>
              <a:ext cx="444216" cy="426018"/>
            </a:xfrm>
            <a:custGeom>
              <a:avLst/>
              <a:gdLst/>
              <a:ahLst/>
              <a:cxnLst/>
              <a:rect l="l" t="t" r="r" b="b"/>
              <a:pathLst>
                <a:path w="15916" h="15264" extrusionOk="0">
                  <a:moveTo>
                    <a:pt x="7444" y="1"/>
                  </a:moveTo>
                  <a:cubicBezTo>
                    <a:pt x="7344" y="76"/>
                    <a:pt x="7269" y="126"/>
                    <a:pt x="7219" y="126"/>
                  </a:cubicBezTo>
                  <a:cubicBezTo>
                    <a:pt x="7202" y="143"/>
                    <a:pt x="7171" y="148"/>
                    <a:pt x="7136" y="148"/>
                  </a:cubicBezTo>
                  <a:cubicBezTo>
                    <a:pt x="7065" y="148"/>
                    <a:pt x="6976" y="126"/>
                    <a:pt x="6943" y="126"/>
                  </a:cubicBezTo>
                  <a:cubicBezTo>
                    <a:pt x="6880" y="151"/>
                    <a:pt x="6811" y="151"/>
                    <a:pt x="6749" y="151"/>
                  </a:cubicBezTo>
                  <a:cubicBezTo>
                    <a:pt x="6686" y="151"/>
                    <a:pt x="6630" y="151"/>
                    <a:pt x="6592" y="176"/>
                  </a:cubicBezTo>
                  <a:cubicBezTo>
                    <a:pt x="6542" y="176"/>
                    <a:pt x="6442" y="301"/>
                    <a:pt x="6366" y="351"/>
                  </a:cubicBezTo>
                  <a:cubicBezTo>
                    <a:pt x="6316" y="402"/>
                    <a:pt x="6266" y="402"/>
                    <a:pt x="6216" y="452"/>
                  </a:cubicBezTo>
                  <a:lnTo>
                    <a:pt x="5915" y="452"/>
                  </a:lnTo>
                  <a:cubicBezTo>
                    <a:pt x="5865" y="452"/>
                    <a:pt x="5765" y="527"/>
                    <a:pt x="5690" y="577"/>
                  </a:cubicBezTo>
                  <a:cubicBezTo>
                    <a:pt x="5640" y="677"/>
                    <a:pt x="5690" y="853"/>
                    <a:pt x="5640" y="903"/>
                  </a:cubicBezTo>
                  <a:cubicBezTo>
                    <a:pt x="5640" y="978"/>
                    <a:pt x="5539" y="1028"/>
                    <a:pt x="5539" y="1078"/>
                  </a:cubicBezTo>
                  <a:lnTo>
                    <a:pt x="5539" y="1354"/>
                  </a:lnTo>
                  <a:cubicBezTo>
                    <a:pt x="5464" y="1429"/>
                    <a:pt x="5414" y="1479"/>
                    <a:pt x="5414" y="1529"/>
                  </a:cubicBezTo>
                  <a:cubicBezTo>
                    <a:pt x="5364" y="1580"/>
                    <a:pt x="5188" y="1580"/>
                    <a:pt x="5138" y="1580"/>
                  </a:cubicBezTo>
                  <a:lnTo>
                    <a:pt x="4863" y="1580"/>
                  </a:lnTo>
                  <a:cubicBezTo>
                    <a:pt x="4787" y="1529"/>
                    <a:pt x="4687" y="1479"/>
                    <a:pt x="4637" y="1429"/>
                  </a:cubicBezTo>
                  <a:cubicBezTo>
                    <a:pt x="4562" y="1429"/>
                    <a:pt x="4412" y="1354"/>
                    <a:pt x="4286" y="1354"/>
                  </a:cubicBezTo>
                  <a:cubicBezTo>
                    <a:pt x="4236" y="1354"/>
                    <a:pt x="4111" y="1429"/>
                    <a:pt x="4061" y="1479"/>
                  </a:cubicBezTo>
                  <a:cubicBezTo>
                    <a:pt x="4011" y="1529"/>
                    <a:pt x="3960" y="1655"/>
                    <a:pt x="3960" y="1755"/>
                  </a:cubicBezTo>
                  <a:cubicBezTo>
                    <a:pt x="3885" y="1755"/>
                    <a:pt x="3835" y="1805"/>
                    <a:pt x="3835" y="1880"/>
                  </a:cubicBezTo>
                  <a:lnTo>
                    <a:pt x="3835" y="2156"/>
                  </a:lnTo>
                  <a:cubicBezTo>
                    <a:pt x="3835" y="2256"/>
                    <a:pt x="3785" y="2432"/>
                    <a:pt x="3735" y="2482"/>
                  </a:cubicBezTo>
                  <a:cubicBezTo>
                    <a:pt x="3660" y="2532"/>
                    <a:pt x="3509" y="2657"/>
                    <a:pt x="3434" y="2657"/>
                  </a:cubicBezTo>
                  <a:cubicBezTo>
                    <a:pt x="3384" y="2707"/>
                    <a:pt x="3209" y="2758"/>
                    <a:pt x="3158" y="2833"/>
                  </a:cubicBezTo>
                  <a:cubicBezTo>
                    <a:pt x="3108" y="2883"/>
                    <a:pt x="3058" y="2983"/>
                    <a:pt x="2983" y="3058"/>
                  </a:cubicBezTo>
                  <a:cubicBezTo>
                    <a:pt x="2983" y="3108"/>
                    <a:pt x="2833" y="3108"/>
                    <a:pt x="2757" y="3159"/>
                  </a:cubicBezTo>
                  <a:lnTo>
                    <a:pt x="2833" y="3159"/>
                  </a:lnTo>
                  <a:lnTo>
                    <a:pt x="2833" y="3384"/>
                  </a:lnTo>
                  <a:cubicBezTo>
                    <a:pt x="2833" y="3509"/>
                    <a:pt x="2933" y="3610"/>
                    <a:pt x="2983" y="3660"/>
                  </a:cubicBezTo>
                  <a:lnTo>
                    <a:pt x="2983" y="3961"/>
                  </a:lnTo>
                  <a:cubicBezTo>
                    <a:pt x="2933" y="4011"/>
                    <a:pt x="2833" y="4061"/>
                    <a:pt x="2833" y="4111"/>
                  </a:cubicBezTo>
                  <a:cubicBezTo>
                    <a:pt x="2757" y="4111"/>
                    <a:pt x="2757" y="4286"/>
                    <a:pt x="2707" y="4336"/>
                  </a:cubicBezTo>
                  <a:cubicBezTo>
                    <a:pt x="2657" y="4412"/>
                    <a:pt x="2432" y="4462"/>
                    <a:pt x="2256" y="4512"/>
                  </a:cubicBezTo>
                  <a:cubicBezTo>
                    <a:pt x="2206" y="4512"/>
                    <a:pt x="2081" y="4462"/>
                    <a:pt x="2031" y="4462"/>
                  </a:cubicBezTo>
                  <a:cubicBezTo>
                    <a:pt x="1855" y="4512"/>
                    <a:pt x="1630" y="4637"/>
                    <a:pt x="1479" y="4687"/>
                  </a:cubicBezTo>
                  <a:cubicBezTo>
                    <a:pt x="1354" y="4687"/>
                    <a:pt x="1078" y="4737"/>
                    <a:pt x="1028" y="4863"/>
                  </a:cubicBezTo>
                  <a:cubicBezTo>
                    <a:pt x="953" y="4863"/>
                    <a:pt x="903" y="5013"/>
                    <a:pt x="903" y="5088"/>
                  </a:cubicBezTo>
                  <a:cubicBezTo>
                    <a:pt x="953" y="5138"/>
                    <a:pt x="1028" y="5239"/>
                    <a:pt x="1078" y="5239"/>
                  </a:cubicBezTo>
                  <a:cubicBezTo>
                    <a:pt x="1128" y="5314"/>
                    <a:pt x="1304" y="5314"/>
                    <a:pt x="1354" y="5364"/>
                  </a:cubicBezTo>
                  <a:cubicBezTo>
                    <a:pt x="1404" y="5364"/>
                    <a:pt x="1579" y="5464"/>
                    <a:pt x="1579" y="5590"/>
                  </a:cubicBezTo>
                  <a:cubicBezTo>
                    <a:pt x="1529" y="5640"/>
                    <a:pt x="1404" y="5690"/>
                    <a:pt x="1354" y="5690"/>
                  </a:cubicBezTo>
                  <a:cubicBezTo>
                    <a:pt x="1304" y="5765"/>
                    <a:pt x="1078" y="5765"/>
                    <a:pt x="1028" y="5815"/>
                  </a:cubicBezTo>
                  <a:cubicBezTo>
                    <a:pt x="903" y="5865"/>
                    <a:pt x="802" y="6041"/>
                    <a:pt x="802" y="6091"/>
                  </a:cubicBezTo>
                  <a:cubicBezTo>
                    <a:pt x="802" y="6141"/>
                    <a:pt x="802" y="6266"/>
                    <a:pt x="853" y="6316"/>
                  </a:cubicBezTo>
                  <a:cubicBezTo>
                    <a:pt x="869" y="6333"/>
                    <a:pt x="894" y="6339"/>
                    <a:pt x="922" y="6339"/>
                  </a:cubicBezTo>
                  <a:cubicBezTo>
                    <a:pt x="978" y="6339"/>
                    <a:pt x="1045" y="6316"/>
                    <a:pt x="1078" y="6316"/>
                  </a:cubicBezTo>
                  <a:cubicBezTo>
                    <a:pt x="1128" y="6367"/>
                    <a:pt x="1254" y="6442"/>
                    <a:pt x="1304" y="6492"/>
                  </a:cubicBezTo>
                  <a:cubicBezTo>
                    <a:pt x="1354" y="6592"/>
                    <a:pt x="1354" y="6768"/>
                    <a:pt x="1354" y="6868"/>
                  </a:cubicBezTo>
                  <a:cubicBezTo>
                    <a:pt x="1354" y="6943"/>
                    <a:pt x="1304" y="7093"/>
                    <a:pt x="1304" y="7219"/>
                  </a:cubicBezTo>
                  <a:cubicBezTo>
                    <a:pt x="1304" y="7319"/>
                    <a:pt x="1354" y="7494"/>
                    <a:pt x="1404" y="7544"/>
                  </a:cubicBezTo>
                  <a:cubicBezTo>
                    <a:pt x="1479" y="7620"/>
                    <a:pt x="1579" y="7720"/>
                    <a:pt x="1630" y="7770"/>
                  </a:cubicBezTo>
                  <a:cubicBezTo>
                    <a:pt x="1755" y="7845"/>
                    <a:pt x="2031" y="7895"/>
                    <a:pt x="2156" y="7996"/>
                  </a:cubicBezTo>
                  <a:cubicBezTo>
                    <a:pt x="2206" y="8071"/>
                    <a:pt x="2256" y="8296"/>
                    <a:pt x="2256" y="8397"/>
                  </a:cubicBezTo>
                  <a:cubicBezTo>
                    <a:pt x="2306" y="8522"/>
                    <a:pt x="2256" y="8622"/>
                    <a:pt x="2256" y="8672"/>
                  </a:cubicBezTo>
                  <a:cubicBezTo>
                    <a:pt x="2306" y="8748"/>
                    <a:pt x="2432" y="8798"/>
                    <a:pt x="2482" y="8848"/>
                  </a:cubicBezTo>
                  <a:cubicBezTo>
                    <a:pt x="2532" y="8898"/>
                    <a:pt x="2657" y="9023"/>
                    <a:pt x="2707" y="9073"/>
                  </a:cubicBezTo>
                  <a:cubicBezTo>
                    <a:pt x="2757" y="9123"/>
                    <a:pt x="2833" y="9299"/>
                    <a:pt x="2833" y="9424"/>
                  </a:cubicBezTo>
                  <a:cubicBezTo>
                    <a:pt x="2833" y="9474"/>
                    <a:pt x="2757" y="9650"/>
                    <a:pt x="2707" y="9700"/>
                  </a:cubicBezTo>
                  <a:cubicBezTo>
                    <a:pt x="2657" y="9750"/>
                    <a:pt x="2532" y="9750"/>
                    <a:pt x="2482" y="9750"/>
                  </a:cubicBezTo>
                  <a:cubicBezTo>
                    <a:pt x="2381" y="9750"/>
                    <a:pt x="2256" y="9700"/>
                    <a:pt x="2206" y="9700"/>
                  </a:cubicBezTo>
                  <a:cubicBezTo>
                    <a:pt x="2156" y="9650"/>
                    <a:pt x="2081" y="9424"/>
                    <a:pt x="2031" y="9424"/>
                  </a:cubicBezTo>
                  <a:cubicBezTo>
                    <a:pt x="1980" y="9349"/>
                    <a:pt x="1805" y="9249"/>
                    <a:pt x="1755" y="9249"/>
                  </a:cubicBezTo>
                  <a:cubicBezTo>
                    <a:pt x="1705" y="9249"/>
                    <a:pt x="1579" y="9299"/>
                    <a:pt x="1529" y="9349"/>
                  </a:cubicBezTo>
                  <a:cubicBezTo>
                    <a:pt x="1404" y="9424"/>
                    <a:pt x="1304" y="9524"/>
                    <a:pt x="1254" y="9575"/>
                  </a:cubicBezTo>
                  <a:cubicBezTo>
                    <a:pt x="1178" y="9650"/>
                    <a:pt x="1128" y="9750"/>
                    <a:pt x="1078" y="9800"/>
                  </a:cubicBezTo>
                  <a:cubicBezTo>
                    <a:pt x="953" y="9875"/>
                    <a:pt x="727" y="9875"/>
                    <a:pt x="627" y="9875"/>
                  </a:cubicBezTo>
                  <a:cubicBezTo>
                    <a:pt x="585" y="9875"/>
                    <a:pt x="422" y="9788"/>
                    <a:pt x="325" y="9788"/>
                  </a:cubicBezTo>
                  <a:cubicBezTo>
                    <a:pt x="305" y="9788"/>
                    <a:pt x="289" y="9792"/>
                    <a:pt x="276" y="9800"/>
                  </a:cubicBezTo>
                  <a:cubicBezTo>
                    <a:pt x="176" y="9800"/>
                    <a:pt x="51" y="9925"/>
                    <a:pt x="51" y="9976"/>
                  </a:cubicBezTo>
                  <a:cubicBezTo>
                    <a:pt x="0" y="10026"/>
                    <a:pt x="0" y="10201"/>
                    <a:pt x="51" y="10251"/>
                  </a:cubicBezTo>
                  <a:cubicBezTo>
                    <a:pt x="51" y="10251"/>
                    <a:pt x="176" y="10326"/>
                    <a:pt x="226" y="10326"/>
                  </a:cubicBezTo>
                  <a:cubicBezTo>
                    <a:pt x="276" y="10427"/>
                    <a:pt x="351" y="10602"/>
                    <a:pt x="351" y="10702"/>
                  </a:cubicBezTo>
                  <a:cubicBezTo>
                    <a:pt x="401" y="10828"/>
                    <a:pt x="351" y="11003"/>
                    <a:pt x="401" y="11053"/>
                  </a:cubicBezTo>
                  <a:cubicBezTo>
                    <a:pt x="401" y="11154"/>
                    <a:pt x="502" y="11379"/>
                    <a:pt x="577" y="11504"/>
                  </a:cubicBezTo>
                  <a:cubicBezTo>
                    <a:pt x="677" y="11555"/>
                    <a:pt x="853" y="11555"/>
                    <a:pt x="953" y="11555"/>
                  </a:cubicBezTo>
                  <a:cubicBezTo>
                    <a:pt x="1028" y="11555"/>
                    <a:pt x="1178" y="11454"/>
                    <a:pt x="1254" y="11454"/>
                  </a:cubicBezTo>
                  <a:cubicBezTo>
                    <a:pt x="1304" y="11504"/>
                    <a:pt x="1479" y="11555"/>
                    <a:pt x="1579" y="11605"/>
                  </a:cubicBezTo>
                  <a:cubicBezTo>
                    <a:pt x="1630" y="11655"/>
                    <a:pt x="1630" y="11880"/>
                    <a:pt x="1705" y="11956"/>
                  </a:cubicBezTo>
                  <a:cubicBezTo>
                    <a:pt x="1755" y="12006"/>
                    <a:pt x="1930" y="12106"/>
                    <a:pt x="1980" y="12106"/>
                  </a:cubicBezTo>
                  <a:cubicBezTo>
                    <a:pt x="2014" y="12131"/>
                    <a:pt x="2061" y="12139"/>
                    <a:pt x="2114" y="12139"/>
                  </a:cubicBezTo>
                  <a:cubicBezTo>
                    <a:pt x="2220" y="12139"/>
                    <a:pt x="2348" y="12106"/>
                    <a:pt x="2432" y="12106"/>
                  </a:cubicBezTo>
                  <a:cubicBezTo>
                    <a:pt x="2482" y="12106"/>
                    <a:pt x="2657" y="12106"/>
                    <a:pt x="2757" y="12181"/>
                  </a:cubicBezTo>
                  <a:cubicBezTo>
                    <a:pt x="2883" y="12181"/>
                    <a:pt x="3058" y="12407"/>
                    <a:pt x="3108" y="12507"/>
                  </a:cubicBezTo>
                  <a:cubicBezTo>
                    <a:pt x="3158" y="12557"/>
                    <a:pt x="3209" y="12732"/>
                    <a:pt x="3209" y="12858"/>
                  </a:cubicBezTo>
                  <a:cubicBezTo>
                    <a:pt x="3209" y="12908"/>
                    <a:pt x="3058" y="13008"/>
                    <a:pt x="2983" y="13083"/>
                  </a:cubicBezTo>
                  <a:cubicBezTo>
                    <a:pt x="2983" y="13184"/>
                    <a:pt x="3108" y="13309"/>
                    <a:pt x="3158" y="13359"/>
                  </a:cubicBezTo>
                  <a:cubicBezTo>
                    <a:pt x="3209" y="13409"/>
                    <a:pt x="3334" y="13535"/>
                    <a:pt x="3434" y="13535"/>
                  </a:cubicBezTo>
                  <a:cubicBezTo>
                    <a:pt x="3509" y="13535"/>
                    <a:pt x="3735" y="13535"/>
                    <a:pt x="3785" y="13459"/>
                  </a:cubicBezTo>
                  <a:cubicBezTo>
                    <a:pt x="3885" y="13459"/>
                    <a:pt x="4011" y="13309"/>
                    <a:pt x="4061" y="13309"/>
                  </a:cubicBezTo>
                  <a:cubicBezTo>
                    <a:pt x="4186" y="13309"/>
                    <a:pt x="4336" y="13409"/>
                    <a:pt x="4412" y="13459"/>
                  </a:cubicBezTo>
                  <a:cubicBezTo>
                    <a:pt x="4462" y="13535"/>
                    <a:pt x="4637" y="13635"/>
                    <a:pt x="4687" y="13760"/>
                  </a:cubicBezTo>
                  <a:cubicBezTo>
                    <a:pt x="4737" y="13810"/>
                    <a:pt x="4737" y="14036"/>
                    <a:pt x="4787" y="14136"/>
                  </a:cubicBezTo>
                  <a:cubicBezTo>
                    <a:pt x="4863" y="14211"/>
                    <a:pt x="4963" y="14362"/>
                    <a:pt x="5088" y="14362"/>
                  </a:cubicBezTo>
                  <a:cubicBezTo>
                    <a:pt x="5138" y="14362"/>
                    <a:pt x="5188" y="14136"/>
                    <a:pt x="5239" y="14086"/>
                  </a:cubicBezTo>
                  <a:cubicBezTo>
                    <a:pt x="5239" y="14086"/>
                    <a:pt x="5364" y="14086"/>
                    <a:pt x="5414" y="14036"/>
                  </a:cubicBezTo>
                  <a:cubicBezTo>
                    <a:pt x="5464" y="13986"/>
                    <a:pt x="5414" y="13860"/>
                    <a:pt x="5414" y="13810"/>
                  </a:cubicBezTo>
                  <a:cubicBezTo>
                    <a:pt x="5464" y="13685"/>
                    <a:pt x="5589" y="13585"/>
                    <a:pt x="5690" y="13535"/>
                  </a:cubicBezTo>
                  <a:cubicBezTo>
                    <a:pt x="5815" y="13535"/>
                    <a:pt x="5990" y="13585"/>
                    <a:pt x="6041" y="13635"/>
                  </a:cubicBezTo>
                  <a:cubicBezTo>
                    <a:pt x="6141" y="13685"/>
                    <a:pt x="6316" y="13860"/>
                    <a:pt x="6442" y="13910"/>
                  </a:cubicBezTo>
                  <a:cubicBezTo>
                    <a:pt x="6492" y="14036"/>
                    <a:pt x="6542" y="14362"/>
                    <a:pt x="6667" y="14487"/>
                  </a:cubicBezTo>
                  <a:cubicBezTo>
                    <a:pt x="6767" y="14587"/>
                    <a:pt x="6943" y="14662"/>
                    <a:pt x="7043" y="14712"/>
                  </a:cubicBezTo>
                  <a:cubicBezTo>
                    <a:pt x="7168" y="14712"/>
                    <a:pt x="7394" y="14662"/>
                    <a:pt x="7494" y="14587"/>
                  </a:cubicBezTo>
                  <a:cubicBezTo>
                    <a:pt x="7569" y="14537"/>
                    <a:pt x="7620" y="14362"/>
                    <a:pt x="7670" y="14311"/>
                  </a:cubicBezTo>
                  <a:cubicBezTo>
                    <a:pt x="7720" y="14261"/>
                    <a:pt x="7795" y="14136"/>
                    <a:pt x="7895" y="14136"/>
                  </a:cubicBezTo>
                  <a:cubicBezTo>
                    <a:pt x="7895" y="14136"/>
                    <a:pt x="8021" y="14211"/>
                    <a:pt x="8071" y="14261"/>
                  </a:cubicBezTo>
                  <a:cubicBezTo>
                    <a:pt x="8171" y="14311"/>
                    <a:pt x="8246" y="14487"/>
                    <a:pt x="8296" y="14537"/>
                  </a:cubicBezTo>
                  <a:cubicBezTo>
                    <a:pt x="8346" y="14662"/>
                    <a:pt x="8397" y="14813"/>
                    <a:pt x="8472" y="14888"/>
                  </a:cubicBezTo>
                  <a:cubicBezTo>
                    <a:pt x="8572" y="14988"/>
                    <a:pt x="8848" y="15164"/>
                    <a:pt x="8923" y="15264"/>
                  </a:cubicBezTo>
                  <a:cubicBezTo>
                    <a:pt x="8973" y="15164"/>
                    <a:pt x="9073" y="15038"/>
                    <a:pt x="9073" y="14988"/>
                  </a:cubicBezTo>
                  <a:cubicBezTo>
                    <a:pt x="9148" y="14888"/>
                    <a:pt x="9199" y="14662"/>
                    <a:pt x="9299" y="14587"/>
                  </a:cubicBezTo>
                  <a:cubicBezTo>
                    <a:pt x="9324" y="14570"/>
                    <a:pt x="9360" y="14565"/>
                    <a:pt x="9399" y="14565"/>
                  </a:cubicBezTo>
                  <a:cubicBezTo>
                    <a:pt x="9477" y="14565"/>
                    <a:pt x="9566" y="14587"/>
                    <a:pt x="9600" y="14587"/>
                  </a:cubicBezTo>
                  <a:cubicBezTo>
                    <a:pt x="9650" y="14662"/>
                    <a:pt x="9775" y="14763"/>
                    <a:pt x="9825" y="14763"/>
                  </a:cubicBezTo>
                  <a:cubicBezTo>
                    <a:pt x="9875" y="14763"/>
                    <a:pt x="10051" y="14662"/>
                    <a:pt x="10101" y="14587"/>
                  </a:cubicBezTo>
                  <a:cubicBezTo>
                    <a:pt x="10151" y="14487"/>
                    <a:pt x="10101" y="14311"/>
                    <a:pt x="10151" y="14211"/>
                  </a:cubicBezTo>
                  <a:cubicBezTo>
                    <a:pt x="10151" y="14086"/>
                    <a:pt x="10226" y="13860"/>
                    <a:pt x="10276" y="13760"/>
                  </a:cubicBezTo>
                  <a:cubicBezTo>
                    <a:pt x="10294" y="13746"/>
                    <a:pt x="10319" y="13741"/>
                    <a:pt x="10348" y="13741"/>
                  </a:cubicBezTo>
                  <a:cubicBezTo>
                    <a:pt x="10458" y="13741"/>
                    <a:pt x="10630" y="13819"/>
                    <a:pt x="10730" y="13819"/>
                  </a:cubicBezTo>
                  <a:cubicBezTo>
                    <a:pt x="10748" y="13819"/>
                    <a:pt x="10765" y="13817"/>
                    <a:pt x="10777" y="13810"/>
                  </a:cubicBezTo>
                  <a:cubicBezTo>
                    <a:pt x="10828" y="13760"/>
                    <a:pt x="10828" y="13635"/>
                    <a:pt x="10828" y="13585"/>
                  </a:cubicBezTo>
                  <a:cubicBezTo>
                    <a:pt x="10828" y="13459"/>
                    <a:pt x="10727" y="13359"/>
                    <a:pt x="10727" y="13309"/>
                  </a:cubicBezTo>
                  <a:cubicBezTo>
                    <a:pt x="10677" y="13184"/>
                    <a:pt x="10602" y="12958"/>
                    <a:pt x="10602" y="12858"/>
                  </a:cubicBezTo>
                  <a:cubicBezTo>
                    <a:pt x="10602" y="12732"/>
                    <a:pt x="10777" y="12557"/>
                    <a:pt x="10828" y="12457"/>
                  </a:cubicBezTo>
                  <a:cubicBezTo>
                    <a:pt x="10903" y="12407"/>
                    <a:pt x="11053" y="12331"/>
                    <a:pt x="11178" y="12331"/>
                  </a:cubicBezTo>
                  <a:cubicBezTo>
                    <a:pt x="11204" y="12306"/>
                    <a:pt x="11272" y="12294"/>
                    <a:pt x="11341" y="12294"/>
                  </a:cubicBezTo>
                  <a:cubicBezTo>
                    <a:pt x="11410" y="12294"/>
                    <a:pt x="11479" y="12306"/>
                    <a:pt x="11504" y="12331"/>
                  </a:cubicBezTo>
                  <a:cubicBezTo>
                    <a:pt x="11579" y="12331"/>
                    <a:pt x="11504" y="12507"/>
                    <a:pt x="11579" y="12507"/>
                  </a:cubicBezTo>
                  <a:cubicBezTo>
                    <a:pt x="11589" y="12512"/>
                    <a:pt x="11600" y="12514"/>
                    <a:pt x="11610" y="12514"/>
                  </a:cubicBezTo>
                  <a:cubicBezTo>
                    <a:pt x="11704" y="12514"/>
                    <a:pt x="11815" y="12327"/>
                    <a:pt x="11905" y="12281"/>
                  </a:cubicBezTo>
                  <a:cubicBezTo>
                    <a:pt x="12031" y="12281"/>
                    <a:pt x="12256" y="12281"/>
                    <a:pt x="12356" y="12331"/>
                  </a:cubicBezTo>
                  <a:cubicBezTo>
                    <a:pt x="12482" y="12407"/>
                    <a:pt x="12532" y="12632"/>
                    <a:pt x="12532" y="12732"/>
                  </a:cubicBezTo>
                  <a:cubicBezTo>
                    <a:pt x="12582" y="12858"/>
                    <a:pt x="12532" y="13133"/>
                    <a:pt x="12582" y="13234"/>
                  </a:cubicBezTo>
                  <a:cubicBezTo>
                    <a:pt x="12632" y="13359"/>
                    <a:pt x="12808" y="13535"/>
                    <a:pt x="12933" y="13535"/>
                  </a:cubicBezTo>
                  <a:cubicBezTo>
                    <a:pt x="13020" y="13563"/>
                    <a:pt x="13173" y="13592"/>
                    <a:pt x="13322" y="13592"/>
                  </a:cubicBezTo>
                  <a:cubicBezTo>
                    <a:pt x="13430" y="13592"/>
                    <a:pt x="13535" y="13577"/>
                    <a:pt x="13610" y="13535"/>
                  </a:cubicBezTo>
                  <a:cubicBezTo>
                    <a:pt x="13760" y="13459"/>
                    <a:pt x="14061" y="13133"/>
                    <a:pt x="14161" y="12908"/>
                  </a:cubicBezTo>
                  <a:cubicBezTo>
                    <a:pt x="14211" y="12783"/>
                    <a:pt x="14211" y="12407"/>
                    <a:pt x="14336" y="12281"/>
                  </a:cubicBezTo>
                  <a:cubicBezTo>
                    <a:pt x="14437" y="12181"/>
                    <a:pt x="14737" y="12106"/>
                    <a:pt x="14838" y="12006"/>
                  </a:cubicBezTo>
                  <a:cubicBezTo>
                    <a:pt x="14888" y="11880"/>
                    <a:pt x="14888" y="11605"/>
                    <a:pt x="14888" y="11504"/>
                  </a:cubicBezTo>
                  <a:cubicBezTo>
                    <a:pt x="14888" y="11379"/>
                    <a:pt x="14737" y="11103"/>
                    <a:pt x="14788" y="11003"/>
                  </a:cubicBezTo>
                  <a:cubicBezTo>
                    <a:pt x="14838" y="10878"/>
                    <a:pt x="15063" y="10702"/>
                    <a:pt x="15189" y="10602"/>
                  </a:cubicBezTo>
                  <a:cubicBezTo>
                    <a:pt x="15239" y="10477"/>
                    <a:pt x="15339" y="10201"/>
                    <a:pt x="15414" y="10026"/>
                  </a:cubicBezTo>
                  <a:cubicBezTo>
                    <a:pt x="15464" y="9976"/>
                    <a:pt x="15640" y="9875"/>
                    <a:pt x="15690" y="9800"/>
                  </a:cubicBezTo>
                  <a:cubicBezTo>
                    <a:pt x="15740" y="9750"/>
                    <a:pt x="15865" y="9750"/>
                    <a:pt x="15915" y="9700"/>
                  </a:cubicBezTo>
                  <a:cubicBezTo>
                    <a:pt x="15915" y="9650"/>
                    <a:pt x="15865" y="9575"/>
                    <a:pt x="15865" y="9575"/>
                  </a:cubicBezTo>
                  <a:cubicBezTo>
                    <a:pt x="15740" y="9524"/>
                    <a:pt x="15514" y="9474"/>
                    <a:pt x="15414" y="9424"/>
                  </a:cubicBezTo>
                  <a:cubicBezTo>
                    <a:pt x="15339" y="9349"/>
                    <a:pt x="15189" y="9249"/>
                    <a:pt x="15113" y="9123"/>
                  </a:cubicBezTo>
                  <a:cubicBezTo>
                    <a:pt x="15063" y="9023"/>
                    <a:pt x="15063" y="8748"/>
                    <a:pt x="15113" y="8622"/>
                  </a:cubicBezTo>
                  <a:cubicBezTo>
                    <a:pt x="15113" y="8522"/>
                    <a:pt x="15189" y="8347"/>
                    <a:pt x="15189" y="8296"/>
                  </a:cubicBezTo>
                  <a:cubicBezTo>
                    <a:pt x="15189" y="8171"/>
                    <a:pt x="15113" y="8071"/>
                    <a:pt x="15063" y="7996"/>
                  </a:cubicBezTo>
                  <a:cubicBezTo>
                    <a:pt x="15030" y="7996"/>
                    <a:pt x="14963" y="8029"/>
                    <a:pt x="14922" y="8029"/>
                  </a:cubicBezTo>
                  <a:cubicBezTo>
                    <a:pt x="14902" y="8029"/>
                    <a:pt x="14888" y="8021"/>
                    <a:pt x="14888" y="7996"/>
                  </a:cubicBezTo>
                  <a:cubicBezTo>
                    <a:pt x="14788" y="7996"/>
                    <a:pt x="14562" y="7895"/>
                    <a:pt x="14512" y="7895"/>
                  </a:cubicBezTo>
                  <a:cubicBezTo>
                    <a:pt x="14387" y="7845"/>
                    <a:pt x="14211" y="7845"/>
                    <a:pt x="14161" y="7770"/>
                  </a:cubicBezTo>
                  <a:cubicBezTo>
                    <a:pt x="13986" y="7720"/>
                    <a:pt x="13760" y="7544"/>
                    <a:pt x="13610" y="7494"/>
                  </a:cubicBezTo>
                  <a:cubicBezTo>
                    <a:pt x="13534" y="7444"/>
                    <a:pt x="13309" y="7444"/>
                    <a:pt x="13209" y="7394"/>
                  </a:cubicBezTo>
                  <a:cubicBezTo>
                    <a:pt x="13083" y="7269"/>
                    <a:pt x="12983" y="6993"/>
                    <a:pt x="12858" y="6868"/>
                  </a:cubicBezTo>
                  <a:cubicBezTo>
                    <a:pt x="12757" y="6818"/>
                    <a:pt x="12582" y="6717"/>
                    <a:pt x="12482" y="6667"/>
                  </a:cubicBezTo>
                  <a:cubicBezTo>
                    <a:pt x="12356" y="6542"/>
                    <a:pt x="12181" y="6367"/>
                    <a:pt x="12081" y="6266"/>
                  </a:cubicBezTo>
                  <a:cubicBezTo>
                    <a:pt x="12031" y="6216"/>
                    <a:pt x="11955" y="5991"/>
                    <a:pt x="11905" y="5915"/>
                  </a:cubicBezTo>
                  <a:cubicBezTo>
                    <a:pt x="11805" y="5815"/>
                    <a:pt x="11579" y="5690"/>
                    <a:pt x="11454" y="5640"/>
                  </a:cubicBezTo>
                  <a:cubicBezTo>
                    <a:pt x="11354" y="5590"/>
                    <a:pt x="11178" y="5464"/>
                    <a:pt x="11053" y="5414"/>
                  </a:cubicBezTo>
                  <a:cubicBezTo>
                    <a:pt x="10828" y="5239"/>
                    <a:pt x="10376" y="5013"/>
                    <a:pt x="10151" y="4788"/>
                  </a:cubicBezTo>
                  <a:cubicBezTo>
                    <a:pt x="10001" y="4637"/>
                    <a:pt x="9650" y="4186"/>
                    <a:pt x="9474" y="3961"/>
                  </a:cubicBezTo>
                  <a:cubicBezTo>
                    <a:pt x="9424" y="3885"/>
                    <a:pt x="9249" y="3610"/>
                    <a:pt x="9148" y="3509"/>
                  </a:cubicBezTo>
                  <a:cubicBezTo>
                    <a:pt x="9073" y="3384"/>
                    <a:pt x="8848" y="3209"/>
                    <a:pt x="8747" y="3058"/>
                  </a:cubicBezTo>
                  <a:cubicBezTo>
                    <a:pt x="8697" y="2933"/>
                    <a:pt x="8572" y="2607"/>
                    <a:pt x="8472" y="2432"/>
                  </a:cubicBezTo>
                  <a:cubicBezTo>
                    <a:pt x="8397" y="2256"/>
                    <a:pt x="8171" y="1981"/>
                    <a:pt x="8071" y="1805"/>
                  </a:cubicBezTo>
                  <a:cubicBezTo>
                    <a:pt x="7945" y="1580"/>
                    <a:pt x="7720" y="1128"/>
                    <a:pt x="7670" y="903"/>
                  </a:cubicBezTo>
                  <a:cubicBezTo>
                    <a:pt x="7620" y="752"/>
                    <a:pt x="7494" y="402"/>
                    <a:pt x="7494" y="226"/>
                  </a:cubicBezTo>
                  <a:cubicBezTo>
                    <a:pt x="7444" y="176"/>
                    <a:pt x="7444" y="126"/>
                    <a:pt x="7444" y="1"/>
                  </a:cubicBezTo>
                  <a:close/>
                </a:path>
              </a:pathLst>
            </a:custGeom>
            <a:solidFill>
              <a:schemeClr val="bg1"/>
            </a:solidFill>
            <a:ln>
              <a:noFill/>
            </a:ln>
          </p:spPr>
          <p:txBody>
            <a:bodyPr spcFirstLastPara="1" wrap="square" lIns="121900" tIns="121900" rIns="121900" bIns="121900" anchor="ctr" anchorCtr="0">
              <a:noAutofit/>
            </a:bodyPr>
            <a:lstStyle/>
            <a:p>
              <a:endParaRPr sz="2400"/>
            </a:p>
          </p:txBody>
        </p:sp>
        <p:sp>
          <p:nvSpPr>
            <p:cNvPr id="293" name="Google Shape;350;p16">
              <a:extLst>
                <a:ext uri="{FF2B5EF4-FFF2-40B4-BE49-F238E27FC236}">
                  <a16:creationId xmlns:a16="http://schemas.microsoft.com/office/drawing/2014/main" id="{3A92524B-08C4-CF69-6267-550707B9C24A}"/>
                </a:ext>
              </a:extLst>
            </p:cNvPr>
            <p:cNvSpPr/>
            <p:nvPr/>
          </p:nvSpPr>
          <p:spPr>
            <a:xfrm>
              <a:off x="2858917" y="2464876"/>
              <a:ext cx="444216" cy="426018"/>
            </a:xfrm>
            <a:custGeom>
              <a:avLst/>
              <a:gdLst/>
              <a:ahLst/>
              <a:cxnLst/>
              <a:rect l="l" t="t" r="r" b="b"/>
              <a:pathLst>
                <a:path w="15916" h="15264" fill="none" extrusionOk="0">
                  <a:moveTo>
                    <a:pt x="15915" y="9700"/>
                  </a:moveTo>
                  <a:cubicBezTo>
                    <a:pt x="15865" y="9750"/>
                    <a:pt x="15740" y="9750"/>
                    <a:pt x="15690" y="9800"/>
                  </a:cubicBezTo>
                  <a:cubicBezTo>
                    <a:pt x="15640" y="9875"/>
                    <a:pt x="15464" y="9976"/>
                    <a:pt x="15414" y="10026"/>
                  </a:cubicBezTo>
                  <a:cubicBezTo>
                    <a:pt x="15339" y="10201"/>
                    <a:pt x="15239" y="10477"/>
                    <a:pt x="15189" y="10602"/>
                  </a:cubicBezTo>
                  <a:cubicBezTo>
                    <a:pt x="15063" y="10702"/>
                    <a:pt x="14838" y="10878"/>
                    <a:pt x="14788" y="11003"/>
                  </a:cubicBezTo>
                  <a:cubicBezTo>
                    <a:pt x="14737" y="11103"/>
                    <a:pt x="14888" y="11379"/>
                    <a:pt x="14888" y="11504"/>
                  </a:cubicBezTo>
                  <a:cubicBezTo>
                    <a:pt x="14888" y="11605"/>
                    <a:pt x="14888" y="11880"/>
                    <a:pt x="14838" y="12006"/>
                  </a:cubicBezTo>
                  <a:cubicBezTo>
                    <a:pt x="14737" y="12106"/>
                    <a:pt x="14437" y="12181"/>
                    <a:pt x="14336" y="12281"/>
                  </a:cubicBezTo>
                  <a:cubicBezTo>
                    <a:pt x="14211" y="12407"/>
                    <a:pt x="14211" y="12783"/>
                    <a:pt x="14161" y="12908"/>
                  </a:cubicBezTo>
                  <a:cubicBezTo>
                    <a:pt x="14061" y="13133"/>
                    <a:pt x="13760" y="13459"/>
                    <a:pt x="13610" y="13535"/>
                  </a:cubicBezTo>
                  <a:cubicBezTo>
                    <a:pt x="13434" y="13635"/>
                    <a:pt x="13083" y="13585"/>
                    <a:pt x="12933" y="13535"/>
                  </a:cubicBezTo>
                  <a:cubicBezTo>
                    <a:pt x="12808" y="13535"/>
                    <a:pt x="12632" y="13359"/>
                    <a:pt x="12582" y="13234"/>
                  </a:cubicBezTo>
                  <a:cubicBezTo>
                    <a:pt x="12532" y="13133"/>
                    <a:pt x="12582" y="12858"/>
                    <a:pt x="12532" y="12732"/>
                  </a:cubicBezTo>
                  <a:cubicBezTo>
                    <a:pt x="12532" y="12632"/>
                    <a:pt x="12482" y="12407"/>
                    <a:pt x="12356" y="12331"/>
                  </a:cubicBezTo>
                  <a:cubicBezTo>
                    <a:pt x="12256" y="12281"/>
                    <a:pt x="12031" y="12281"/>
                    <a:pt x="11905" y="12281"/>
                  </a:cubicBezTo>
                  <a:cubicBezTo>
                    <a:pt x="11805" y="12331"/>
                    <a:pt x="11680" y="12557"/>
                    <a:pt x="11579" y="12507"/>
                  </a:cubicBezTo>
                  <a:cubicBezTo>
                    <a:pt x="11504" y="12507"/>
                    <a:pt x="11579" y="12331"/>
                    <a:pt x="11504" y="12331"/>
                  </a:cubicBezTo>
                  <a:cubicBezTo>
                    <a:pt x="11454" y="12281"/>
                    <a:pt x="11229" y="12281"/>
                    <a:pt x="11178" y="12331"/>
                  </a:cubicBezTo>
                  <a:cubicBezTo>
                    <a:pt x="11053" y="12331"/>
                    <a:pt x="10903" y="12407"/>
                    <a:pt x="10828" y="12457"/>
                  </a:cubicBezTo>
                  <a:cubicBezTo>
                    <a:pt x="10777" y="12557"/>
                    <a:pt x="10602" y="12732"/>
                    <a:pt x="10602" y="12858"/>
                  </a:cubicBezTo>
                  <a:cubicBezTo>
                    <a:pt x="10602" y="12958"/>
                    <a:pt x="10677" y="13184"/>
                    <a:pt x="10727" y="13309"/>
                  </a:cubicBezTo>
                  <a:cubicBezTo>
                    <a:pt x="10727" y="13359"/>
                    <a:pt x="10828" y="13459"/>
                    <a:pt x="10828" y="13585"/>
                  </a:cubicBezTo>
                  <a:cubicBezTo>
                    <a:pt x="10828" y="13635"/>
                    <a:pt x="10828" y="13760"/>
                    <a:pt x="10777" y="13810"/>
                  </a:cubicBezTo>
                  <a:cubicBezTo>
                    <a:pt x="10677" y="13860"/>
                    <a:pt x="10376" y="13685"/>
                    <a:pt x="10276" y="13760"/>
                  </a:cubicBezTo>
                  <a:cubicBezTo>
                    <a:pt x="10226" y="13860"/>
                    <a:pt x="10151" y="14086"/>
                    <a:pt x="10151" y="14211"/>
                  </a:cubicBezTo>
                  <a:cubicBezTo>
                    <a:pt x="10101" y="14311"/>
                    <a:pt x="10151" y="14487"/>
                    <a:pt x="10101" y="14587"/>
                  </a:cubicBezTo>
                  <a:cubicBezTo>
                    <a:pt x="10051" y="14662"/>
                    <a:pt x="9875" y="14763"/>
                    <a:pt x="9825" y="14763"/>
                  </a:cubicBezTo>
                  <a:cubicBezTo>
                    <a:pt x="9775" y="14763"/>
                    <a:pt x="9650" y="14662"/>
                    <a:pt x="9600" y="14587"/>
                  </a:cubicBezTo>
                  <a:cubicBezTo>
                    <a:pt x="9549" y="14587"/>
                    <a:pt x="9374" y="14537"/>
                    <a:pt x="9299" y="14587"/>
                  </a:cubicBezTo>
                  <a:cubicBezTo>
                    <a:pt x="9199" y="14662"/>
                    <a:pt x="9148" y="14888"/>
                    <a:pt x="9073" y="14988"/>
                  </a:cubicBezTo>
                  <a:cubicBezTo>
                    <a:pt x="9073" y="15038"/>
                    <a:pt x="8973" y="15164"/>
                    <a:pt x="8923" y="15264"/>
                  </a:cubicBezTo>
                  <a:cubicBezTo>
                    <a:pt x="8848" y="15164"/>
                    <a:pt x="8572" y="14988"/>
                    <a:pt x="8472" y="14888"/>
                  </a:cubicBezTo>
                  <a:cubicBezTo>
                    <a:pt x="8397" y="14813"/>
                    <a:pt x="8346" y="14662"/>
                    <a:pt x="8296" y="14537"/>
                  </a:cubicBezTo>
                  <a:cubicBezTo>
                    <a:pt x="8246" y="14487"/>
                    <a:pt x="8171" y="14311"/>
                    <a:pt x="8071" y="14261"/>
                  </a:cubicBezTo>
                  <a:cubicBezTo>
                    <a:pt x="8021" y="14211"/>
                    <a:pt x="7895" y="14136"/>
                    <a:pt x="7895" y="14136"/>
                  </a:cubicBezTo>
                  <a:cubicBezTo>
                    <a:pt x="7795" y="14136"/>
                    <a:pt x="7720" y="14261"/>
                    <a:pt x="7670" y="14311"/>
                  </a:cubicBezTo>
                  <a:cubicBezTo>
                    <a:pt x="7620" y="14362"/>
                    <a:pt x="7569" y="14537"/>
                    <a:pt x="7494" y="14587"/>
                  </a:cubicBezTo>
                  <a:cubicBezTo>
                    <a:pt x="7394" y="14662"/>
                    <a:pt x="7168" y="14712"/>
                    <a:pt x="7043" y="14712"/>
                  </a:cubicBezTo>
                  <a:cubicBezTo>
                    <a:pt x="6943" y="14662"/>
                    <a:pt x="6767" y="14587"/>
                    <a:pt x="6667" y="14487"/>
                  </a:cubicBezTo>
                  <a:cubicBezTo>
                    <a:pt x="6542" y="14362"/>
                    <a:pt x="6492" y="14036"/>
                    <a:pt x="6442" y="13910"/>
                  </a:cubicBezTo>
                  <a:cubicBezTo>
                    <a:pt x="6316" y="13860"/>
                    <a:pt x="6141" y="13685"/>
                    <a:pt x="6041" y="13635"/>
                  </a:cubicBezTo>
                  <a:cubicBezTo>
                    <a:pt x="5990" y="13585"/>
                    <a:pt x="5815" y="13535"/>
                    <a:pt x="5690" y="13535"/>
                  </a:cubicBezTo>
                  <a:cubicBezTo>
                    <a:pt x="5589" y="13585"/>
                    <a:pt x="5464" y="13685"/>
                    <a:pt x="5414" y="13810"/>
                  </a:cubicBezTo>
                  <a:cubicBezTo>
                    <a:pt x="5414" y="13860"/>
                    <a:pt x="5464" y="13986"/>
                    <a:pt x="5414" y="14036"/>
                  </a:cubicBezTo>
                  <a:cubicBezTo>
                    <a:pt x="5364" y="14086"/>
                    <a:pt x="5239" y="14086"/>
                    <a:pt x="5239" y="14086"/>
                  </a:cubicBezTo>
                  <a:cubicBezTo>
                    <a:pt x="5188" y="14136"/>
                    <a:pt x="5138" y="14362"/>
                    <a:pt x="5088" y="14362"/>
                  </a:cubicBezTo>
                  <a:cubicBezTo>
                    <a:pt x="4963" y="14362"/>
                    <a:pt x="4863" y="14211"/>
                    <a:pt x="4787" y="14136"/>
                  </a:cubicBezTo>
                  <a:cubicBezTo>
                    <a:pt x="4737" y="14036"/>
                    <a:pt x="4737" y="13810"/>
                    <a:pt x="4687" y="13760"/>
                  </a:cubicBezTo>
                  <a:cubicBezTo>
                    <a:pt x="4637" y="13635"/>
                    <a:pt x="4462" y="13535"/>
                    <a:pt x="4412" y="13459"/>
                  </a:cubicBezTo>
                  <a:cubicBezTo>
                    <a:pt x="4336" y="13409"/>
                    <a:pt x="4186" y="13309"/>
                    <a:pt x="4061" y="13309"/>
                  </a:cubicBezTo>
                  <a:cubicBezTo>
                    <a:pt x="4011" y="13309"/>
                    <a:pt x="3885" y="13459"/>
                    <a:pt x="3785" y="13459"/>
                  </a:cubicBezTo>
                  <a:cubicBezTo>
                    <a:pt x="3735" y="13535"/>
                    <a:pt x="3509" y="13535"/>
                    <a:pt x="3434" y="13535"/>
                  </a:cubicBezTo>
                  <a:cubicBezTo>
                    <a:pt x="3334" y="13535"/>
                    <a:pt x="3209" y="13409"/>
                    <a:pt x="3158" y="13359"/>
                  </a:cubicBezTo>
                  <a:cubicBezTo>
                    <a:pt x="3108" y="13309"/>
                    <a:pt x="2983" y="13184"/>
                    <a:pt x="2983" y="13083"/>
                  </a:cubicBezTo>
                  <a:cubicBezTo>
                    <a:pt x="3058" y="13008"/>
                    <a:pt x="3209" y="12908"/>
                    <a:pt x="3209" y="12858"/>
                  </a:cubicBezTo>
                  <a:cubicBezTo>
                    <a:pt x="3209" y="12732"/>
                    <a:pt x="3158" y="12557"/>
                    <a:pt x="3108" y="12507"/>
                  </a:cubicBezTo>
                  <a:cubicBezTo>
                    <a:pt x="3058" y="12407"/>
                    <a:pt x="2883" y="12181"/>
                    <a:pt x="2757" y="12181"/>
                  </a:cubicBezTo>
                  <a:cubicBezTo>
                    <a:pt x="2657" y="12106"/>
                    <a:pt x="2482" y="12106"/>
                    <a:pt x="2432" y="12106"/>
                  </a:cubicBezTo>
                  <a:cubicBezTo>
                    <a:pt x="2306" y="12106"/>
                    <a:pt x="2081" y="12181"/>
                    <a:pt x="1980" y="12106"/>
                  </a:cubicBezTo>
                  <a:cubicBezTo>
                    <a:pt x="1930" y="12106"/>
                    <a:pt x="1755" y="12006"/>
                    <a:pt x="1705" y="11956"/>
                  </a:cubicBezTo>
                  <a:cubicBezTo>
                    <a:pt x="1630" y="11880"/>
                    <a:pt x="1630" y="11655"/>
                    <a:pt x="1579" y="11605"/>
                  </a:cubicBezTo>
                  <a:cubicBezTo>
                    <a:pt x="1479" y="11555"/>
                    <a:pt x="1304" y="11504"/>
                    <a:pt x="1254" y="11454"/>
                  </a:cubicBezTo>
                  <a:cubicBezTo>
                    <a:pt x="1178" y="11454"/>
                    <a:pt x="1028" y="11555"/>
                    <a:pt x="953" y="11555"/>
                  </a:cubicBezTo>
                  <a:cubicBezTo>
                    <a:pt x="853" y="11555"/>
                    <a:pt x="677" y="11555"/>
                    <a:pt x="577" y="11504"/>
                  </a:cubicBezTo>
                  <a:cubicBezTo>
                    <a:pt x="502" y="11379"/>
                    <a:pt x="401" y="11154"/>
                    <a:pt x="401" y="11053"/>
                  </a:cubicBezTo>
                  <a:cubicBezTo>
                    <a:pt x="351" y="11003"/>
                    <a:pt x="401" y="10828"/>
                    <a:pt x="351" y="10702"/>
                  </a:cubicBezTo>
                  <a:cubicBezTo>
                    <a:pt x="351" y="10602"/>
                    <a:pt x="276" y="10427"/>
                    <a:pt x="226" y="10326"/>
                  </a:cubicBezTo>
                  <a:cubicBezTo>
                    <a:pt x="176" y="10326"/>
                    <a:pt x="51" y="10251"/>
                    <a:pt x="51" y="10251"/>
                  </a:cubicBezTo>
                  <a:cubicBezTo>
                    <a:pt x="0" y="10201"/>
                    <a:pt x="0" y="10026"/>
                    <a:pt x="51" y="9976"/>
                  </a:cubicBezTo>
                  <a:cubicBezTo>
                    <a:pt x="51" y="9925"/>
                    <a:pt x="176" y="9800"/>
                    <a:pt x="276" y="9800"/>
                  </a:cubicBezTo>
                  <a:cubicBezTo>
                    <a:pt x="351" y="9750"/>
                    <a:pt x="577" y="9875"/>
                    <a:pt x="627" y="9875"/>
                  </a:cubicBezTo>
                  <a:cubicBezTo>
                    <a:pt x="727" y="9875"/>
                    <a:pt x="953" y="9875"/>
                    <a:pt x="1078" y="9800"/>
                  </a:cubicBezTo>
                  <a:cubicBezTo>
                    <a:pt x="1128" y="9750"/>
                    <a:pt x="1178" y="9650"/>
                    <a:pt x="1254" y="9575"/>
                  </a:cubicBezTo>
                  <a:cubicBezTo>
                    <a:pt x="1304" y="9524"/>
                    <a:pt x="1404" y="9424"/>
                    <a:pt x="1529" y="9349"/>
                  </a:cubicBezTo>
                  <a:cubicBezTo>
                    <a:pt x="1579" y="9299"/>
                    <a:pt x="1705" y="9249"/>
                    <a:pt x="1755" y="9249"/>
                  </a:cubicBezTo>
                  <a:cubicBezTo>
                    <a:pt x="1805" y="9249"/>
                    <a:pt x="1980" y="9349"/>
                    <a:pt x="2031" y="9424"/>
                  </a:cubicBezTo>
                  <a:cubicBezTo>
                    <a:pt x="2081" y="9424"/>
                    <a:pt x="2156" y="9650"/>
                    <a:pt x="2206" y="9700"/>
                  </a:cubicBezTo>
                  <a:cubicBezTo>
                    <a:pt x="2256" y="9700"/>
                    <a:pt x="2381" y="9750"/>
                    <a:pt x="2482" y="9750"/>
                  </a:cubicBezTo>
                  <a:cubicBezTo>
                    <a:pt x="2532" y="9750"/>
                    <a:pt x="2657" y="9750"/>
                    <a:pt x="2707" y="9700"/>
                  </a:cubicBezTo>
                  <a:cubicBezTo>
                    <a:pt x="2757" y="9650"/>
                    <a:pt x="2833" y="9474"/>
                    <a:pt x="2833" y="9424"/>
                  </a:cubicBezTo>
                  <a:cubicBezTo>
                    <a:pt x="2833" y="9299"/>
                    <a:pt x="2757" y="9123"/>
                    <a:pt x="2707" y="9073"/>
                  </a:cubicBezTo>
                  <a:cubicBezTo>
                    <a:pt x="2657" y="9023"/>
                    <a:pt x="2532" y="8898"/>
                    <a:pt x="2482" y="8848"/>
                  </a:cubicBezTo>
                  <a:cubicBezTo>
                    <a:pt x="2432" y="8798"/>
                    <a:pt x="2306" y="8748"/>
                    <a:pt x="2256" y="8672"/>
                  </a:cubicBezTo>
                  <a:cubicBezTo>
                    <a:pt x="2256" y="8622"/>
                    <a:pt x="2306" y="8522"/>
                    <a:pt x="2256" y="8397"/>
                  </a:cubicBezTo>
                  <a:cubicBezTo>
                    <a:pt x="2256" y="8296"/>
                    <a:pt x="2206" y="8071"/>
                    <a:pt x="2156" y="7996"/>
                  </a:cubicBezTo>
                  <a:cubicBezTo>
                    <a:pt x="2031" y="7895"/>
                    <a:pt x="1755" y="7845"/>
                    <a:pt x="1630" y="7770"/>
                  </a:cubicBezTo>
                  <a:cubicBezTo>
                    <a:pt x="1579" y="7720"/>
                    <a:pt x="1479" y="7620"/>
                    <a:pt x="1404" y="7544"/>
                  </a:cubicBezTo>
                  <a:cubicBezTo>
                    <a:pt x="1354" y="7494"/>
                    <a:pt x="1304" y="7319"/>
                    <a:pt x="1304" y="7219"/>
                  </a:cubicBezTo>
                  <a:cubicBezTo>
                    <a:pt x="1304" y="7093"/>
                    <a:pt x="1354" y="6943"/>
                    <a:pt x="1354" y="6868"/>
                  </a:cubicBezTo>
                  <a:cubicBezTo>
                    <a:pt x="1354" y="6768"/>
                    <a:pt x="1354" y="6592"/>
                    <a:pt x="1304" y="6492"/>
                  </a:cubicBezTo>
                  <a:cubicBezTo>
                    <a:pt x="1254" y="6442"/>
                    <a:pt x="1128" y="6367"/>
                    <a:pt x="1078" y="6316"/>
                  </a:cubicBezTo>
                  <a:cubicBezTo>
                    <a:pt x="1028" y="6316"/>
                    <a:pt x="903" y="6367"/>
                    <a:pt x="853" y="6316"/>
                  </a:cubicBezTo>
                  <a:cubicBezTo>
                    <a:pt x="802" y="6266"/>
                    <a:pt x="802" y="6141"/>
                    <a:pt x="802" y="6091"/>
                  </a:cubicBezTo>
                  <a:cubicBezTo>
                    <a:pt x="802" y="6041"/>
                    <a:pt x="903" y="5865"/>
                    <a:pt x="1028" y="5815"/>
                  </a:cubicBezTo>
                  <a:cubicBezTo>
                    <a:pt x="1078" y="5765"/>
                    <a:pt x="1304" y="5765"/>
                    <a:pt x="1354" y="5690"/>
                  </a:cubicBezTo>
                  <a:cubicBezTo>
                    <a:pt x="1404" y="5690"/>
                    <a:pt x="1529" y="5640"/>
                    <a:pt x="1579" y="5590"/>
                  </a:cubicBezTo>
                  <a:cubicBezTo>
                    <a:pt x="1579" y="5464"/>
                    <a:pt x="1404" y="5364"/>
                    <a:pt x="1354" y="5364"/>
                  </a:cubicBezTo>
                  <a:cubicBezTo>
                    <a:pt x="1304" y="5314"/>
                    <a:pt x="1128" y="5314"/>
                    <a:pt x="1078" y="5239"/>
                  </a:cubicBezTo>
                  <a:cubicBezTo>
                    <a:pt x="1028" y="5239"/>
                    <a:pt x="953" y="5138"/>
                    <a:pt x="903" y="5088"/>
                  </a:cubicBezTo>
                  <a:cubicBezTo>
                    <a:pt x="903" y="5013"/>
                    <a:pt x="953" y="4863"/>
                    <a:pt x="1028" y="4863"/>
                  </a:cubicBezTo>
                  <a:cubicBezTo>
                    <a:pt x="1078" y="4737"/>
                    <a:pt x="1354" y="4687"/>
                    <a:pt x="1479" y="4687"/>
                  </a:cubicBezTo>
                  <a:cubicBezTo>
                    <a:pt x="1630" y="4637"/>
                    <a:pt x="1855" y="4512"/>
                    <a:pt x="2031" y="4462"/>
                  </a:cubicBezTo>
                  <a:cubicBezTo>
                    <a:pt x="2081" y="4462"/>
                    <a:pt x="2206" y="4512"/>
                    <a:pt x="2256" y="4512"/>
                  </a:cubicBezTo>
                  <a:cubicBezTo>
                    <a:pt x="2432" y="4462"/>
                    <a:pt x="2657" y="4412"/>
                    <a:pt x="2707" y="4336"/>
                  </a:cubicBezTo>
                  <a:cubicBezTo>
                    <a:pt x="2757" y="4286"/>
                    <a:pt x="2757" y="4111"/>
                    <a:pt x="2833" y="4111"/>
                  </a:cubicBezTo>
                  <a:cubicBezTo>
                    <a:pt x="2833" y="4061"/>
                    <a:pt x="2933" y="4011"/>
                    <a:pt x="2983" y="3961"/>
                  </a:cubicBezTo>
                  <a:lnTo>
                    <a:pt x="2983" y="3660"/>
                  </a:lnTo>
                  <a:cubicBezTo>
                    <a:pt x="2933" y="3610"/>
                    <a:pt x="2833" y="3509"/>
                    <a:pt x="2833" y="3384"/>
                  </a:cubicBezTo>
                  <a:lnTo>
                    <a:pt x="2833" y="3159"/>
                  </a:lnTo>
                  <a:lnTo>
                    <a:pt x="2757" y="3159"/>
                  </a:lnTo>
                  <a:cubicBezTo>
                    <a:pt x="2833" y="3108"/>
                    <a:pt x="2983" y="3108"/>
                    <a:pt x="2983" y="3058"/>
                  </a:cubicBezTo>
                  <a:cubicBezTo>
                    <a:pt x="3058" y="2983"/>
                    <a:pt x="3108" y="2883"/>
                    <a:pt x="3158" y="2833"/>
                  </a:cubicBezTo>
                  <a:cubicBezTo>
                    <a:pt x="3209" y="2758"/>
                    <a:pt x="3384" y="2707"/>
                    <a:pt x="3434" y="2657"/>
                  </a:cubicBezTo>
                  <a:cubicBezTo>
                    <a:pt x="3509" y="2657"/>
                    <a:pt x="3660" y="2532"/>
                    <a:pt x="3735" y="2482"/>
                  </a:cubicBezTo>
                  <a:cubicBezTo>
                    <a:pt x="3785" y="2432"/>
                    <a:pt x="3835" y="2256"/>
                    <a:pt x="3835" y="2156"/>
                  </a:cubicBezTo>
                  <a:lnTo>
                    <a:pt x="3835" y="1880"/>
                  </a:lnTo>
                  <a:cubicBezTo>
                    <a:pt x="3835" y="1805"/>
                    <a:pt x="3885" y="1755"/>
                    <a:pt x="3960" y="1755"/>
                  </a:cubicBezTo>
                  <a:cubicBezTo>
                    <a:pt x="3960" y="1655"/>
                    <a:pt x="4011" y="1529"/>
                    <a:pt x="4061" y="1479"/>
                  </a:cubicBezTo>
                  <a:cubicBezTo>
                    <a:pt x="4111" y="1429"/>
                    <a:pt x="4236" y="1354"/>
                    <a:pt x="4286" y="1354"/>
                  </a:cubicBezTo>
                  <a:cubicBezTo>
                    <a:pt x="4412" y="1354"/>
                    <a:pt x="4562" y="1429"/>
                    <a:pt x="4637" y="1429"/>
                  </a:cubicBezTo>
                  <a:cubicBezTo>
                    <a:pt x="4687" y="1479"/>
                    <a:pt x="4787" y="1529"/>
                    <a:pt x="4863" y="1580"/>
                  </a:cubicBezTo>
                  <a:lnTo>
                    <a:pt x="5138" y="1580"/>
                  </a:lnTo>
                  <a:cubicBezTo>
                    <a:pt x="5188" y="1580"/>
                    <a:pt x="5364" y="1580"/>
                    <a:pt x="5414" y="1529"/>
                  </a:cubicBezTo>
                  <a:cubicBezTo>
                    <a:pt x="5414" y="1479"/>
                    <a:pt x="5464" y="1429"/>
                    <a:pt x="5539" y="1354"/>
                  </a:cubicBezTo>
                  <a:lnTo>
                    <a:pt x="5539" y="1078"/>
                  </a:lnTo>
                  <a:cubicBezTo>
                    <a:pt x="5539" y="1028"/>
                    <a:pt x="5640" y="978"/>
                    <a:pt x="5640" y="903"/>
                  </a:cubicBezTo>
                  <a:cubicBezTo>
                    <a:pt x="5690" y="853"/>
                    <a:pt x="5640" y="677"/>
                    <a:pt x="5690" y="577"/>
                  </a:cubicBezTo>
                  <a:cubicBezTo>
                    <a:pt x="5765" y="527"/>
                    <a:pt x="5865" y="452"/>
                    <a:pt x="5915" y="452"/>
                  </a:cubicBezTo>
                  <a:lnTo>
                    <a:pt x="6216" y="452"/>
                  </a:lnTo>
                  <a:cubicBezTo>
                    <a:pt x="6266" y="402"/>
                    <a:pt x="6316" y="402"/>
                    <a:pt x="6366" y="351"/>
                  </a:cubicBezTo>
                  <a:cubicBezTo>
                    <a:pt x="6442" y="301"/>
                    <a:pt x="6542" y="176"/>
                    <a:pt x="6592" y="176"/>
                  </a:cubicBezTo>
                  <a:cubicBezTo>
                    <a:pt x="6667" y="126"/>
                    <a:pt x="6818" y="176"/>
                    <a:pt x="6943" y="126"/>
                  </a:cubicBezTo>
                  <a:cubicBezTo>
                    <a:pt x="6993" y="126"/>
                    <a:pt x="7168" y="176"/>
                    <a:pt x="7219" y="126"/>
                  </a:cubicBezTo>
                  <a:cubicBezTo>
                    <a:pt x="7269" y="126"/>
                    <a:pt x="7344" y="76"/>
                    <a:pt x="7444" y="1"/>
                  </a:cubicBezTo>
                  <a:cubicBezTo>
                    <a:pt x="7444" y="126"/>
                    <a:pt x="7444" y="176"/>
                    <a:pt x="7494" y="226"/>
                  </a:cubicBezTo>
                  <a:cubicBezTo>
                    <a:pt x="7494" y="402"/>
                    <a:pt x="7620" y="752"/>
                    <a:pt x="7670" y="903"/>
                  </a:cubicBezTo>
                  <a:cubicBezTo>
                    <a:pt x="7720" y="1128"/>
                    <a:pt x="7945" y="1580"/>
                    <a:pt x="8071" y="1805"/>
                  </a:cubicBezTo>
                  <a:cubicBezTo>
                    <a:pt x="8171" y="1981"/>
                    <a:pt x="8397" y="2256"/>
                    <a:pt x="8472" y="2432"/>
                  </a:cubicBezTo>
                  <a:cubicBezTo>
                    <a:pt x="8572" y="2607"/>
                    <a:pt x="8697" y="2933"/>
                    <a:pt x="8747" y="3058"/>
                  </a:cubicBezTo>
                  <a:cubicBezTo>
                    <a:pt x="8848" y="3209"/>
                    <a:pt x="9073" y="3384"/>
                    <a:pt x="9148" y="3509"/>
                  </a:cubicBezTo>
                  <a:cubicBezTo>
                    <a:pt x="9249" y="3610"/>
                    <a:pt x="9424" y="3885"/>
                    <a:pt x="9474" y="3961"/>
                  </a:cubicBezTo>
                  <a:cubicBezTo>
                    <a:pt x="9650" y="4186"/>
                    <a:pt x="10001" y="4637"/>
                    <a:pt x="10151" y="4788"/>
                  </a:cubicBezTo>
                  <a:cubicBezTo>
                    <a:pt x="10376" y="5013"/>
                    <a:pt x="10828" y="5239"/>
                    <a:pt x="11053" y="5414"/>
                  </a:cubicBezTo>
                  <a:cubicBezTo>
                    <a:pt x="11178" y="5464"/>
                    <a:pt x="11354" y="5590"/>
                    <a:pt x="11454" y="5640"/>
                  </a:cubicBezTo>
                  <a:cubicBezTo>
                    <a:pt x="11579" y="5690"/>
                    <a:pt x="11805" y="5815"/>
                    <a:pt x="11905" y="5915"/>
                  </a:cubicBezTo>
                  <a:cubicBezTo>
                    <a:pt x="11955" y="5991"/>
                    <a:pt x="12031" y="6216"/>
                    <a:pt x="12081" y="6266"/>
                  </a:cubicBezTo>
                  <a:cubicBezTo>
                    <a:pt x="12181" y="6367"/>
                    <a:pt x="12356" y="6542"/>
                    <a:pt x="12482" y="6667"/>
                  </a:cubicBezTo>
                  <a:cubicBezTo>
                    <a:pt x="12582" y="6717"/>
                    <a:pt x="12757" y="6818"/>
                    <a:pt x="12858" y="6868"/>
                  </a:cubicBezTo>
                  <a:cubicBezTo>
                    <a:pt x="12983" y="6993"/>
                    <a:pt x="13083" y="7269"/>
                    <a:pt x="13209" y="7394"/>
                  </a:cubicBezTo>
                  <a:cubicBezTo>
                    <a:pt x="13309" y="7444"/>
                    <a:pt x="13534" y="7444"/>
                    <a:pt x="13610" y="7494"/>
                  </a:cubicBezTo>
                  <a:cubicBezTo>
                    <a:pt x="13760" y="7544"/>
                    <a:pt x="13986" y="7720"/>
                    <a:pt x="14161" y="7770"/>
                  </a:cubicBezTo>
                  <a:cubicBezTo>
                    <a:pt x="14211" y="7845"/>
                    <a:pt x="14387" y="7845"/>
                    <a:pt x="14512" y="7895"/>
                  </a:cubicBezTo>
                  <a:cubicBezTo>
                    <a:pt x="14562" y="7895"/>
                    <a:pt x="14788" y="7996"/>
                    <a:pt x="14888" y="7996"/>
                  </a:cubicBezTo>
                  <a:cubicBezTo>
                    <a:pt x="14888" y="8071"/>
                    <a:pt x="15013" y="7996"/>
                    <a:pt x="15063" y="7996"/>
                  </a:cubicBezTo>
                  <a:cubicBezTo>
                    <a:pt x="15113" y="8071"/>
                    <a:pt x="15189" y="8171"/>
                    <a:pt x="15189" y="8296"/>
                  </a:cubicBezTo>
                  <a:cubicBezTo>
                    <a:pt x="15189" y="8347"/>
                    <a:pt x="15113" y="8522"/>
                    <a:pt x="15113" y="8622"/>
                  </a:cubicBezTo>
                  <a:cubicBezTo>
                    <a:pt x="15063" y="8748"/>
                    <a:pt x="15063" y="9023"/>
                    <a:pt x="15113" y="9123"/>
                  </a:cubicBezTo>
                  <a:cubicBezTo>
                    <a:pt x="15189" y="9249"/>
                    <a:pt x="15339" y="9349"/>
                    <a:pt x="15414" y="9424"/>
                  </a:cubicBezTo>
                  <a:cubicBezTo>
                    <a:pt x="15514" y="9474"/>
                    <a:pt x="15740" y="9524"/>
                    <a:pt x="15865" y="9575"/>
                  </a:cubicBezTo>
                  <a:cubicBezTo>
                    <a:pt x="15865" y="9575"/>
                    <a:pt x="15915" y="9650"/>
                    <a:pt x="15915" y="9700"/>
                  </a:cubicBezTo>
                  <a:close/>
                </a:path>
              </a:pathLst>
            </a:custGeom>
            <a:noFill/>
            <a:ln w="7525" cap="flat" cmpd="sng">
              <a:solidFill>
                <a:srgbClr val="282120"/>
              </a:solidFill>
              <a:prstDash val="solid"/>
              <a:miter lim="25062"/>
              <a:headEnd type="none" w="sm" len="sm"/>
              <a:tailEnd type="none" w="sm" len="sm"/>
            </a:ln>
          </p:spPr>
          <p:txBody>
            <a:bodyPr spcFirstLastPara="1" wrap="square" lIns="121900" tIns="121900" rIns="121900" bIns="121900" anchor="ctr" anchorCtr="0">
              <a:noAutofit/>
            </a:bodyPr>
            <a:lstStyle/>
            <a:p>
              <a:endParaRPr sz="2400"/>
            </a:p>
          </p:txBody>
        </p:sp>
      </p:grpSp>
      <p:grpSp>
        <p:nvGrpSpPr>
          <p:cNvPr id="341" name="Group 340">
            <a:extLst>
              <a:ext uri="{FF2B5EF4-FFF2-40B4-BE49-F238E27FC236}">
                <a16:creationId xmlns:a16="http://schemas.microsoft.com/office/drawing/2014/main" id="{0A45DA0A-74BD-C0EB-8E8E-ECE0616A01B2}"/>
              </a:ext>
            </a:extLst>
          </p:cNvPr>
          <p:cNvGrpSpPr/>
          <p:nvPr/>
        </p:nvGrpSpPr>
        <p:grpSpPr>
          <a:xfrm>
            <a:off x="90489" y="925197"/>
            <a:ext cx="9356858" cy="2456835"/>
            <a:chOff x="305676" y="2362371"/>
            <a:chExt cx="11502693" cy="3046257"/>
          </a:xfrm>
        </p:grpSpPr>
        <p:sp>
          <p:nvSpPr>
            <p:cNvPr id="322" name="Arrow: Right 321">
              <a:extLst>
                <a:ext uri="{FF2B5EF4-FFF2-40B4-BE49-F238E27FC236}">
                  <a16:creationId xmlns:a16="http://schemas.microsoft.com/office/drawing/2014/main" id="{43B18763-5C68-DC3C-A3D8-1803972C3E01}"/>
                </a:ext>
              </a:extLst>
            </p:cNvPr>
            <p:cNvSpPr>
              <a:spLocks/>
            </p:cNvSpPr>
            <p:nvPr/>
          </p:nvSpPr>
          <p:spPr bwMode="auto">
            <a:xfrm>
              <a:off x="491685" y="3805397"/>
              <a:ext cx="11247120" cy="287337"/>
            </a:xfrm>
            <a:prstGeom prst="rightArrow">
              <a:avLst/>
            </a:prstGeom>
            <a:solidFill>
              <a:schemeClr val="bg2">
                <a:lumMod val="75000"/>
              </a:schemeClr>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marR="0" indent="0" algn="l" defTabSz="914400" rtl="0" eaLnBrk="1" fontAlgn="base" latinLnBrk="0" hangingPunct="1">
                <a:lnSpc>
                  <a:spcPct val="100000"/>
                </a:lnSpc>
                <a:spcBef>
                  <a:spcPts val="300"/>
                </a:spcBef>
                <a:spcAft>
                  <a:spcPct val="0"/>
                </a:spcAft>
                <a:buClrTx/>
                <a:buSzTx/>
                <a:buNone/>
                <a:tabLst/>
              </a:pPr>
              <a:endParaRPr kumimoji="0" lang="en-US" sz="1400" b="0" i="0" u="none" strike="noStrike" cap="none" normalizeH="0" baseline="0" dirty="0" err="1">
                <a:ln>
                  <a:noFill/>
                </a:ln>
                <a:solidFill>
                  <a:schemeClr val="bg1"/>
                </a:solidFill>
                <a:effectLst/>
                <a:latin typeface="+mn-lt"/>
              </a:endParaRPr>
            </a:p>
          </p:txBody>
        </p:sp>
        <p:sp>
          <p:nvSpPr>
            <p:cNvPr id="323" name="文本框 6">
              <a:extLst>
                <a:ext uri="{FF2B5EF4-FFF2-40B4-BE49-F238E27FC236}">
                  <a16:creationId xmlns:a16="http://schemas.microsoft.com/office/drawing/2014/main" id="{AAFA6800-A0BF-5419-8F69-7A3D2BCF1373}"/>
                </a:ext>
              </a:extLst>
            </p:cNvPr>
            <p:cNvSpPr txBox="1">
              <a:spLocks/>
            </p:cNvSpPr>
            <p:nvPr/>
          </p:nvSpPr>
          <p:spPr>
            <a:xfrm>
              <a:off x="1776002" y="4759884"/>
              <a:ext cx="2848217" cy="381616"/>
            </a:xfrm>
            <a:prstGeom prst="rect">
              <a:avLst/>
            </a:prstGeom>
            <a:noFill/>
          </p:spPr>
          <p:txBody>
            <a:bodyPr wrap="square" rtlCol="0">
              <a:spAutoFit/>
            </a:bodyPr>
            <a:lstStyle/>
            <a:p>
              <a:pPr marL="0" indent="0" algn="ctr">
                <a:buNone/>
              </a:pPr>
              <a:r>
                <a:rPr lang="en-US" sz="1400" dirty="0"/>
                <a:t>Apre la Divisione R&amp;S a Roma</a:t>
              </a:r>
              <a:endParaRPr lang="en-US" altLang="zh-CN" sz="1400" dirty="0"/>
            </a:p>
          </p:txBody>
        </p:sp>
        <p:sp>
          <p:nvSpPr>
            <p:cNvPr id="324" name="文本框 12">
              <a:extLst>
                <a:ext uri="{FF2B5EF4-FFF2-40B4-BE49-F238E27FC236}">
                  <a16:creationId xmlns:a16="http://schemas.microsoft.com/office/drawing/2014/main" id="{4CC43EFC-D900-4165-020F-D5C9FFABDC88}"/>
                </a:ext>
              </a:extLst>
            </p:cNvPr>
            <p:cNvSpPr txBox="1">
              <a:spLocks/>
            </p:cNvSpPr>
            <p:nvPr/>
          </p:nvSpPr>
          <p:spPr>
            <a:xfrm>
              <a:off x="305676" y="2362371"/>
              <a:ext cx="2079782" cy="648746"/>
            </a:xfrm>
            <a:prstGeom prst="rect">
              <a:avLst/>
            </a:prstGeom>
            <a:noFill/>
          </p:spPr>
          <p:txBody>
            <a:bodyPr wrap="square" rtlCol="0" anchor="b">
              <a:spAutoFit/>
            </a:bodyPr>
            <a:lstStyle/>
            <a:p>
              <a:pPr marL="0" indent="0" algn="ctr">
                <a:buNone/>
              </a:pPr>
              <a:r>
                <a:rPr lang="en-US" sz="1400" dirty="0"/>
                <a:t>Inizio delle</a:t>
              </a:r>
              <a:br>
                <a:rPr lang="en-US" sz="1400" dirty="0"/>
              </a:br>
              <a:r>
                <a:rPr lang="en-US" sz="1400" dirty="0"/>
                <a:t>attività</a:t>
              </a:r>
              <a:endParaRPr lang="en-US" altLang="zh-CN" sz="1400" dirty="0"/>
            </a:p>
          </p:txBody>
        </p:sp>
        <p:sp>
          <p:nvSpPr>
            <p:cNvPr id="325" name="文本框 18">
              <a:extLst>
                <a:ext uri="{FF2B5EF4-FFF2-40B4-BE49-F238E27FC236}">
                  <a16:creationId xmlns:a16="http://schemas.microsoft.com/office/drawing/2014/main" id="{F36C7C12-DB64-5E99-7CBD-D8A0864F9909}"/>
                </a:ext>
              </a:extLst>
            </p:cNvPr>
            <p:cNvSpPr txBox="1">
              <a:spLocks/>
            </p:cNvSpPr>
            <p:nvPr/>
          </p:nvSpPr>
          <p:spPr>
            <a:xfrm>
              <a:off x="3632383" y="2362373"/>
              <a:ext cx="2837002" cy="648746"/>
            </a:xfrm>
            <a:prstGeom prst="rect">
              <a:avLst/>
            </a:prstGeom>
            <a:noFill/>
          </p:spPr>
          <p:txBody>
            <a:bodyPr wrap="square" rtlCol="0" anchor="b">
              <a:spAutoFit/>
            </a:bodyPr>
            <a:lstStyle/>
            <a:p>
              <a:pPr marL="0" indent="0" algn="ctr" fontAlgn="base">
                <a:spcBef>
                  <a:spcPts val="300"/>
                </a:spcBef>
                <a:spcAft>
                  <a:spcPct val="0"/>
                </a:spcAft>
                <a:buNone/>
              </a:pPr>
              <a:r>
                <a:rPr lang="en-US" sz="1400" dirty="0"/>
                <a:t>Prima scheda prepagata al mondo</a:t>
              </a:r>
            </a:p>
          </p:txBody>
        </p:sp>
        <p:sp>
          <p:nvSpPr>
            <p:cNvPr id="326" name="文本框 22">
              <a:extLst>
                <a:ext uri="{FF2B5EF4-FFF2-40B4-BE49-F238E27FC236}">
                  <a16:creationId xmlns:a16="http://schemas.microsoft.com/office/drawing/2014/main" id="{E21856F7-6356-07D5-36E5-1AE53B5AA62C}"/>
                </a:ext>
              </a:extLst>
            </p:cNvPr>
            <p:cNvSpPr txBox="1">
              <a:spLocks/>
            </p:cNvSpPr>
            <p:nvPr/>
          </p:nvSpPr>
          <p:spPr>
            <a:xfrm>
              <a:off x="5589819" y="4759881"/>
              <a:ext cx="2608670" cy="648746"/>
            </a:xfrm>
            <a:prstGeom prst="rect">
              <a:avLst/>
            </a:prstGeom>
            <a:noFill/>
          </p:spPr>
          <p:txBody>
            <a:bodyPr wrap="square" rtlCol="0">
              <a:spAutoFit/>
            </a:bodyPr>
            <a:lstStyle/>
            <a:p>
              <a:pPr marL="0" indent="0" algn="ctr">
                <a:buNone/>
              </a:pPr>
              <a:r>
                <a:rPr lang="en-US" sz="1400" dirty="0"/>
                <a:t>Prima telefonata al mondo UMTS</a:t>
              </a:r>
              <a:endParaRPr lang="en-US" altLang="zh-CN" sz="1400" dirty="0"/>
            </a:p>
          </p:txBody>
        </p:sp>
        <p:sp>
          <p:nvSpPr>
            <p:cNvPr id="327" name="文本框 37">
              <a:extLst>
                <a:ext uri="{FF2B5EF4-FFF2-40B4-BE49-F238E27FC236}">
                  <a16:creationId xmlns:a16="http://schemas.microsoft.com/office/drawing/2014/main" id="{2AD6DB22-A106-71B2-F89C-F812D6F94395}"/>
                </a:ext>
              </a:extLst>
            </p:cNvPr>
            <p:cNvSpPr txBox="1">
              <a:spLocks/>
            </p:cNvSpPr>
            <p:nvPr/>
          </p:nvSpPr>
          <p:spPr>
            <a:xfrm>
              <a:off x="9366214" y="4759882"/>
              <a:ext cx="2442155" cy="648746"/>
            </a:xfrm>
            <a:prstGeom prst="rect">
              <a:avLst/>
            </a:prstGeom>
            <a:noFill/>
          </p:spPr>
          <p:txBody>
            <a:bodyPr wrap="square" rtlCol="0">
              <a:spAutoFit/>
            </a:bodyPr>
            <a:lstStyle/>
            <a:p>
              <a:pPr marL="0" indent="0" algn="ctr">
                <a:buNone/>
              </a:pPr>
              <a:r>
                <a:rPr lang="en-US" sz="1400" dirty="0"/>
                <a:t>Prima demo del 5G in Italia</a:t>
              </a:r>
              <a:endParaRPr lang="en-US" altLang="zh-CN" sz="1400" dirty="0"/>
            </a:p>
          </p:txBody>
        </p:sp>
        <p:sp>
          <p:nvSpPr>
            <p:cNvPr id="328" name="文本框 41">
              <a:extLst>
                <a:ext uri="{FF2B5EF4-FFF2-40B4-BE49-F238E27FC236}">
                  <a16:creationId xmlns:a16="http://schemas.microsoft.com/office/drawing/2014/main" id="{74480614-1430-26DA-DD22-39BBE20F5663}"/>
                </a:ext>
              </a:extLst>
            </p:cNvPr>
            <p:cNvSpPr txBox="1">
              <a:spLocks/>
            </p:cNvSpPr>
            <p:nvPr/>
          </p:nvSpPr>
          <p:spPr>
            <a:xfrm>
              <a:off x="7309550" y="2362372"/>
              <a:ext cx="2875907" cy="648746"/>
            </a:xfrm>
            <a:prstGeom prst="rect">
              <a:avLst/>
            </a:prstGeom>
            <a:noFill/>
          </p:spPr>
          <p:txBody>
            <a:bodyPr wrap="square" rtlCol="0" anchor="b">
              <a:spAutoFit/>
            </a:bodyPr>
            <a:lstStyle/>
            <a:p>
              <a:pPr marL="0" indent="0" algn="ctr">
                <a:buNone/>
              </a:pPr>
              <a:r>
                <a:rPr lang="en-US" sz="1400" dirty="0"/>
                <a:t>Record del mondo</a:t>
              </a:r>
              <a:br>
                <a:rPr lang="en-US" sz="1400" dirty="0"/>
              </a:br>
              <a:r>
                <a:rPr lang="en-US" sz="1400" dirty="0"/>
                <a:t>1 Terabit</a:t>
              </a:r>
              <a:endParaRPr lang="en-US" altLang="zh-CN" sz="1400" dirty="0"/>
            </a:p>
          </p:txBody>
        </p:sp>
        <p:sp>
          <p:nvSpPr>
            <p:cNvPr id="329" name="文本框 9">
              <a:extLst>
                <a:ext uri="{FF2B5EF4-FFF2-40B4-BE49-F238E27FC236}">
                  <a16:creationId xmlns:a16="http://schemas.microsoft.com/office/drawing/2014/main" id="{76973FF0-0083-B32A-00BF-11BEDC854949}"/>
                </a:ext>
              </a:extLst>
            </p:cNvPr>
            <p:cNvSpPr txBox="1">
              <a:spLocks/>
            </p:cNvSpPr>
            <p:nvPr/>
          </p:nvSpPr>
          <p:spPr>
            <a:xfrm>
              <a:off x="938124" y="3537585"/>
              <a:ext cx="822960" cy="822960"/>
            </a:xfrm>
            <a:prstGeom prst="ellipse">
              <a:avLst/>
            </a:prstGeom>
            <a:solidFill>
              <a:schemeClr val="accent1"/>
            </a:solidFill>
          </p:spPr>
          <p:txBody>
            <a:bodyPr wrap="square" lIns="0" tIns="0" rIns="0" bIns="0" rtlCol="0" anchor="ctr">
              <a:noAutofit/>
            </a:bodyPr>
            <a:lstStyle/>
            <a:p>
              <a:pPr marL="0" indent="0" algn="ctr">
                <a:buNone/>
              </a:pPr>
              <a:r>
                <a:rPr lang="en-US" altLang="zh-CN" sz="1400" dirty="0">
                  <a:solidFill>
                    <a:schemeClr val="bg1"/>
                  </a:solidFill>
                </a:rPr>
                <a:t>1918</a:t>
              </a:r>
            </a:p>
          </p:txBody>
        </p:sp>
        <p:sp>
          <p:nvSpPr>
            <p:cNvPr id="330" name="文本框 11">
              <a:extLst>
                <a:ext uri="{FF2B5EF4-FFF2-40B4-BE49-F238E27FC236}">
                  <a16:creationId xmlns:a16="http://schemas.microsoft.com/office/drawing/2014/main" id="{53BAACE8-8976-0871-56FA-2050E8EBA0F1}"/>
                </a:ext>
              </a:extLst>
            </p:cNvPr>
            <p:cNvSpPr txBox="1">
              <a:spLocks/>
            </p:cNvSpPr>
            <p:nvPr/>
          </p:nvSpPr>
          <p:spPr>
            <a:xfrm>
              <a:off x="2787591" y="3537585"/>
              <a:ext cx="822960" cy="822960"/>
            </a:xfrm>
            <a:prstGeom prst="ellipse">
              <a:avLst/>
            </a:prstGeom>
            <a:solidFill>
              <a:schemeClr val="accent1"/>
            </a:solidFill>
          </p:spPr>
          <p:txBody>
            <a:bodyPr wrap="square" lIns="0" tIns="0" rIns="0" bIns="0" rtlCol="0" anchor="ctr">
              <a:noAutofit/>
            </a:bodyPr>
            <a:lstStyle/>
            <a:p>
              <a:pPr marL="0" indent="0" algn="ctr">
                <a:buNone/>
              </a:pPr>
              <a:r>
                <a:rPr lang="en-US" altLang="zh-CN" sz="1400" dirty="0">
                  <a:solidFill>
                    <a:schemeClr val="bg1"/>
                  </a:solidFill>
                </a:rPr>
                <a:t>1978</a:t>
              </a:r>
            </a:p>
          </p:txBody>
        </p:sp>
        <p:sp>
          <p:nvSpPr>
            <p:cNvPr id="331" name="文本框 19">
              <a:extLst>
                <a:ext uri="{FF2B5EF4-FFF2-40B4-BE49-F238E27FC236}">
                  <a16:creationId xmlns:a16="http://schemas.microsoft.com/office/drawing/2014/main" id="{BB0AB9F5-E89C-6DBE-7427-B4867CF00C9F}"/>
                </a:ext>
              </a:extLst>
            </p:cNvPr>
            <p:cNvSpPr txBox="1">
              <a:spLocks/>
            </p:cNvSpPr>
            <p:nvPr/>
          </p:nvSpPr>
          <p:spPr>
            <a:xfrm>
              <a:off x="4637058" y="3537585"/>
              <a:ext cx="822960" cy="822960"/>
            </a:xfrm>
            <a:prstGeom prst="ellipse">
              <a:avLst/>
            </a:prstGeom>
            <a:solidFill>
              <a:schemeClr val="accent1"/>
            </a:solidFill>
          </p:spPr>
          <p:txBody>
            <a:bodyPr wrap="square" lIns="0" tIns="0" rIns="0" bIns="0" rtlCol="0" anchor="ctr">
              <a:noAutofit/>
            </a:bodyPr>
            <a:lstStyle/>
            <a:p>
              <a:pPr marL="0" indent="0" algn="ctr">
                <a:buNone/>
              </a:pPr>
              <a:r>
                <a:rPr lang="en-US" altLang="zh-CN" sz="1400" dirty="0">
                  <a:solidFill>
                    <a:schemeClr val="bg1"/>
                  </a:solidFill>
                </a:rPr>
                <a:t>1996</a:t>
              </a:r>
            </a:p>
          </p:txBody>
        </p:sp>
        <p:sp>
          <p:nvSpPr>
            <p:cNvPr id="332" name="文本框 21">
              <a:extLst>
                <a:ext uri="{FF2B5EF4-FFF2-40B4-BE49-F238E27FC236}">
                  <a16:creationId xmlns:a16="http://schemas.microsoft.com/office/drawing/2014/main" id="{AB3F8F90-6DA1-8195-7256-5C8A58D85F08}"/>
                </a:ext>
              </a:extLst>
            </p:cNvPr>
            <p:cNvSpPr txBox="1">
              <a:spLocks/>
            </p:cNvSpPr>
            <p:nvPr/>
          </p:nvSpPr>
          <p:spPr>
            <a:xfrm>
              <a:off x="6482674" y="3537585"/>
              <a:ext cx="822960" cy="822960"/>
            </a:xfrm>
            <a:prstGeom prst="ellipse">
              <a:avLst/>
            </a:prstGeom>
            <a:solidFill>
              <a:schemeClr val="accent1"/>
            </a:solidFill>
          </p:spPr>
          <p:txBody>
            <a:bodyPr wrap="square" lIns="0" tIns="0" rIns="0" bIns="0" rtlCol="0" anchor="ctr">
              <a:noAutofit/>
            </a:bodyPr>
            <a:lstStyle/>
            <a:p>
              <a:pPr marL="0" indent="0" algn="ctr">
                <a:buNone/>
              </a:pPr>
              <a:r>
                <a:rPr lang="en-US" altLang="zh-CN" sz="1400" dirty="0">
                  <a:solidFill>
                    <a:schemeClr val="bg1"/>
                  </a:solidFill>
                </a:rPr>
                <a:t>2002</a:t>
              </a:r>
            </a:p>
          </p:txBody>
        </p:sp>
        <p:sp>
          <p:nvSpPr>
            <p:cNvPr id="333" name="文本框 28">
              <a:extLst>
                <a:ext uri="{FF2B5EF4-FFF2-40B4-BE49-F238E27FC236}">
                  <a16:creationId xmlns:a16="http://schemas.microsoft.com/office/drawing/2014/main" id="{CE71EAA8-C7C9-70DB-D70F-5D650511FD80}"/>
                </a:ext>
              </a:extLst>
            </p:cNvPr>
            <p:cNvSpPr txBox="1">
              <a:spLocks/>
            </p:cNvSpPr>
            <p:nvPr/>
          </p:nvSpPr>
          <p:spPr>
            <a:xfrm>
              <a:off x="8335992" y="3537585"/>
              <a:ext cx="822960" cy="822960"/>
            </a:xfrm>
            <a:prstGeom prst="ellipse">
              <a:avLst/>
            </a:prstGeom>
            <a:solidFill>
              <a:srgbClr val="AF78D2"/>
            </a:solidFill>
          </p:spPr>
          <p:txBody>
            <a:bodyPr wrap="square" lIns="0" tIns="0" rIns="0" bIns="0" rtlCol="0" anchor="ctr">
              <a:noAutofit/>
            </a:bodyPr>
            <a:lstStyle/>
            <a:p>
              <a:pPr marL="0" indent="0" algn="ctr">
                <a:buNone/>
              </a:pPr>
              <a:r>
                <a:rPr lang="en-US" altLang="zh-CN" sz="1600" b="1" dirty="0">
                  <a:solidFill>
                    <a:schemeClr val="bg1"/>
                  </a:solidFill>
                </a:rPr>
                <a:t>2013</a:t>
              </a:r>
            </a:p>
          </p:txBody>
        </p:sp>
        <p:sp>
          <p:nvSpPr>
            <p:cNvPr id="334" name="文本框 31">
              <a:extLst>
                <a:ext uri="{FF2B5EF4-FFF2-40B4-BE49-F238E27FC236}">
                  <a16:creationId xmlns:a16="http://schemas.microsoft.com/office/drawing/2014/main" id="{3C49B945-F888-8430-8E48-60C4DF265791}"/>
                </a:ext>
              </a:extLst>
            </p:cNvPr>
            <p:cNvSpPr txBox="1">
              <a:spLocks/>
            </p:cNvSpPr>
            <p:nvPr/>
          </p:nvSpPr>
          <p:spPr>
            <a:xfrm>
              <a:off x="10175812" y="3537585"/>
              <a:ext cx="822960" cy="822960"/>
            </a:xfrm>
            <a:prstGeom prst="ellipse">
              <a:avLst/>
            </a:prstGeom>
            <a:solidFill>
              <a:srgbClr val="AF78D2"/>
            </a:solidFill>
          </p:spPr>
          <p:txBody>
            <a:bodyPr wrap="square" lIns="0" tIns="0" rIns="0" bIns="0" rtlCol="0" anchor="ctr">
              <a:noAutofit/>
            </a:bodyPr>
            <a:lstStyle/>
            <a:p>
              <a:pPr marL="0" indent="0" algn="ctr">
                <a:buNone/>
              </a:pPr>
              <a:r>
                <a:rPr lang="en-US" altLang="zh-CN" sz="1600" b="1" dirty="0">
                  <a:solidFill>
                    <a:schemeClr val="bg1"/>
                  </a:solidFill>
                </a:rPr>
                <a:t>2017</a:t>
              </a:r>
            </a:p>
          </p:txBody>
        </p:sp>
        <p:cxnSp>
          <p:nvCxnSpPr>
            <p:cNvPr id="335" name="Straight Connector 334">
              <a:extLst>
                <a:ext uri="{FF2B5EF4-FFF2-40B4-BE49-F238E27FC236}">
                  <a16:creationId xmlns:a16="http://schemas.microsoft.com/office/drawing/2014/main" id="{F1ECAF39-E3CA-B3FF-4445-D273215E2D01}"/>
                </a:ext>
              </a:extLst>
            </p:cNvPr>
            <p:cNvCxnSpPr>
              <a:cxnSpLocks/>
              <a:stCxn id="329" idx="0"/>
              <a:endCxn id="324" idx="2"/>
            </p:cNvCxnSpPr>
            <p:nvPr/>
          </p:nvCxnSpPr>
          <p:spPr bwMode="auto">
            <a:xfrm flipH="1" flipV="1">
              <a:off x="1345567" y="3011118"/>
              <a:ext cx="4036" cy="526468"/>
            </a:xfrm>
            <a:prstGeom prst="line">
              <a:avLst/>
            </a:prstGeom>
            <a:solidFill>
              <a:schemeClr val="accent1"/>
            </a:solidFill>
            <a:ln w="12700" cap="flat" cmpd="sng" algn="ctr">
              <a:solidFill>
                <a:schemeClr val="tx1"/>
              </a:solidFill>
              <a:prstDash val="solid"/>
              <a:round/>
              <a:headEnd type="none" w="med" len="med"/>
              <a:tailEnd type="none"/>
            </a:ln>
            <a:effectLst/>
          </p:spPr>
        </p:cxnSp>
        <p:cxnSp>
          <p:nvCxnSpPr>
            <p:cNvPr id="336" name="Straight Connector 335">
              <a:extLst>
                <a:ext uri="{FF2B5EF4-FFF2-40B4-BE49-F238E27FC236}">
                  <a16:creationId xmlns:a16="http://schemas.microsoft.com/office/drawing/2014/main" id="{C52B509E-2B41-10DD-EC7B-5F6BDC46AEED}"/>
                </a:ext>
              </a:extLst>
            </p:cNvPr>
            <p:cNvCxnSpPr>
              <a:cxnSpLocks/>
              <a:stCxn id="331" idx="0"/>
              <a:endCxn id="325" idx="2"/>
            </p:cNvCxnSpPr>
            <p:nvPr/>
          </p:nvCxnSpPr>
          <p:spPr bwMode="auto">
            <a:xfrm flipV="1">
              <a:off x="5048538" y="3011119"/>
              <a:ext cx="2347" cy="526466"/>
            </a:xfrm>
            <a:prstGeom prst="line">
              <a:avLst/>
            </a:prstGeom>
            <a:solidFill>
              <a:schemeClr val="accent1"/>
            </a:solidFill>
            <a:ln w="12700" cap="flat" cmpd="sng" algn="ctr">
              <a:solidFill>
                <a:schemeClr val="tx1"/>
              </a:solidFill>
              <a:prstDash val="solid"/>
              <a:round/>
              <a:headEnd type="none" w="med" len="med"/>
              <a:tailEnd type="none"/>
            </a:ln>
            <a:effectLst/>
          </p:spPr>
        </p:cxnSp>
        <p:cxnSp>
          <p:nvCxnSpPr>
            <p:cNvPr id="337" name="Straight Connector 336">
              <a:extLst>
                <a:ext uri="{FF2B5EF4-FFF2-40B4-BE49-F238E27FC236}">
                  <a16:creationId xmlns:a16="http://schemas.microsoft.com/office/drawing/2014/main" id="{F886D017-10AB-9F95-2836-8E4F246C74C9}"/>
                </a:ext>
              </a:extLst>
            </p:cNvPr>
            <p:cNvCxnSpPr>
              <a:cxnSpLocks/>
              <a:stCxn id="333" idx="0"/>
              <a:endCxn id="328" idx="2"/>
            </p:cNvCxnSpPr>
            <p:nvPr/>
          </p:nvCxnSpPr>
          <p:spPr bwMode="auto">
            <a:xfrm flipV="1">
              <a:off x="8747472" y="3011118"/>
              <a:ext cx="33" cy="526466"/>
            </a:xfrm>
            <a:prstGeom prst="line">
              <a:avLst/>
            </a:prstGeom>
            <a:solidFill>
              <a:schemeClr val="accent1"/>
            </a:solidFill>
            <a:ln w="12700" cap="flat" cmpd="sng" algn="ctr">
              <a:solidFill>
                <a:schemeClr val="tx1"/>
              </a:solidFill>
              <a:prstDash val="solid"/>
              <a:round/>
              <a:headEnd type="none" w="med" len="med"/>
              <a:tailEnd type="none"/>
            </a:ln>
            <a:effectLst/>
          </p:spPr>
        </p:cxnSp>
        <p:cxnSp>
          <p:nvCxnSpPr>
            <p:cNvPr id="338" name="Straight Connector 337">
              <a:extLst>
                <a:ext uri="{FF2B5EF4-FFF2-40B4-BE49-F238E27FC236}">
                  <a16:creationId xmlns:a16="http://schemas.microsoft.com/office/drawing/2014/main" id="{2EEE9CE8-313A-6082-1225-620E0D79CEB1}"/>
                </a:ext>
              </a:extLst>
            </p:cNvPr>
            <p:cNvCxnSpPr>
              <a:cxnSpLocks/>
              <a:stCxn id="330" idx="4"/>
              <a:endCxn id="323" idx="0"/>
            </p:cNvCxnSpPr>
            <p:nvPr/>
          </p:nvCxnSpPr>
          <p:spPr bwMode="auto">
            <a:xfrm>
              <a:off x="3199071" y="4360545"/>
              <a:ext cx="1040" cy="399339"/>
            </a:xfrm>
            <a:prstGeom prst="line">
              <a:avLst/>
            </a:prstGeom>
            <a:solidFill>
              <a:schemeClr val="accent1"/>
            </a:solidFill>
            <a:ln w="12700" cap="flat" cmpd="sng" algn="ctr">
              <a:solidFill>
                <a:schemeClr val="tx1"/>
              </a:solidFill>
              <a:prstDash val="solid"/>
              <a:round/>
              <a:headEnd type="none" w="med" len="med"/>
              <a:tailEnd type="none"/>
            </a:ln>
            <a:effectLst/>
          </p:spPr>
        </p:cxnSp>
        <p:cxnSp>
          <p:nvCxnSpPr>
            <p:cNvPr id="339" name="Straight Connector 338">
              <a:extLst>
                <a:ext uri="{FF2B5EF4-FFF2-40B4-BE49-F238E27FC236}">
                  <a16:creationId xmlns:a16="http://schemas.microsoft.com/office/drawing/2014/main" id="{AB2A9432-A215-34B2-2FD3-B4D81748368D}"/>
                </a:ext>
              </a:extLst>
            </p:cNvPr>
            <p:cNvCxnSpPr>
              <a:cxnSpLocks/>
              <a:stCxn id="332" idx="4"/>
              <a:endCxn id="326" idx="0"/>
            </p:cNvCxnSpPr>
            <p:nvPr/>
          </p:nvCxnSpPr>
          <p:spPr bwMode="auto">
            <a:xfrm>
              <a:off x="6894154" y="4360545"/>
              <a:ext cx="1" cy="399336"/>
            </a:xfrm>
            <a:prstGeom prst="line">
              <a:avLst/>
            </a:prstGeom>
            <a:solidFill>
              <a:schemeClr val="accent1"/>
            </a:solidFill>
            <a:ln w="12700" cap="flat" cmpd="sng" algn="ctr">
              <a:solidFill>
                <a:schemeClr val="tx1"/>
              </a:solidFill>
              <a:prstDash val="solid"/>
              <a:round/>
              <a:headEnd type="none" w="med" len="med"/>
              <a:tailEnd type="none"/>
            </a:ln>
            <a:effectLst/>
          </p:spPr>
        </p:cxnSp>
        <p:cxnSp>
          <p:nvCxnSpPr>
            <p:cNvPr id="340" name="Straight Connector 339">
              <a:extLst>
                <a:ext uri="{FF2B5EF4-FFF2-40B4-BE49-F238E27FC236}">
                  <a16:creationId xmlns:a16="http://schemas.microsoft.com/office/drawing/2014/main" id="{427EFAC9-B54B-925F-C9F0-3B0307CF0EBC}"/>
                </a:ext>
              </a:extLst>
            </p:cNvPr>
            <p:cNvCxnSpPr>
              <a:cxnSpLocks/>
              <a:stCxn id="334" idx="4"/>
              <a:endCxn id="327" idx="0"/>
            </p:cNvCxnSpPr>
            <p:nvPr/>
          </p:nvCxnSpPr>
          <p:spPr bwMode="auto">
            <a:xfrm>
              <a:off x="10587292" y="4360544"/>
              <a:ext cx="0" cy="399338"/>
            </a:xfrm>
            <a:prstGeom prst="line">
              <a:avLst/>
            </a:prstGeom>
            <a:solidFill>
              <a:schemeClr val="accent1"/>
            </a:solidFill>
            <a:ln w="12700" cap="flat" cmpd="sng" algn="ctr">
              <a:solidFill>
                <a:schemeClr val="tx1"/>
              </a:solidFill>
              <a:prstDash val="solid"/>
              <a:round/>
              <a:headEnd type="none" w="med" len="med"/>
              <a:tailEnd type="none"/>
            </a:ln>
            <a:effectLst/>
          </p:spPr>
        </p:cxnSp>
        <p:sp>
          <p:nvSpPr>
            <p:cNvPr id="359" name="文本框 9">
              <a:extLst>
                <a:ext uri="{FF2B5EF4-FFF2-40B4-BE49-F238E27FC236}">
                  <a16:creationId xmlns:a16="http://schemas.microsoft.com/office/drawing/2014/main" id="{D0AFC9DE-5BEB-C779-453F-CFEA73CFBCD3}"/>
                </a:ext>
              </a:extLst>
            </p:cNvPr>
            <p:cNvSpPr txBox="1">
              <a:spLocks/>
            </p:cNvSpPr>
            <p:nvPr/>
          </p:nvSpPr>
          <p:spPr>
            <a:xfrm>
              <a:off x="939077" y="3537585"/>
              <a:ext cx="822960" cy="822959"/>
            </a:xfrm>
            <a:prstGeom prst="ellipse">
              <a:avLst/>
            </a:prstGeom>
            <a:solidFill>
              <a:srgbClr val="AF78D2"/>
            </a:solidFill>
          </p:spPr>
          <p:txBody>
            <a:bodyPr wrap="square" lIns="0" tIns="0" rIns="0" bIns="0" rtlCol="0" anchor="ctr">
              <a:noAutofit/>
            </a:bodyPr>
            <a:lstStyle/>
            <a:p>
              <a:pPr marL="0" indent="0" algn="ctr">
                <a:buNone/>
              </a:pPr>
              <a:r>
                <a:rPr lang="en-US" altLang="zh-CN" sz="1600" b="1" dirty="0">
                  <a:solidFill>
                    <a:schemeClr val="bg1"/>
                  </a:solidFill>
                </a:rPr>
                <a:t>1918</a:t>
              </a:r>
            </a:p>
          </p:txBody>
        </p:sp>
        <p:sp>
          <p:nvSpPr>
            <p:cNvPr id="360" name="文本框 11">
              <a:extLst>
                <a:ext uri="{FF2B5EF4-FFF2-40B4-BE49-F238E27FC236}">
                  <a16:creationId xmlns:a16="http://schemas.microsoft.com/office/drawing/2014/main" id="{872C5D1C-57F7-95EB-6EA1-14E34844DFD3}"/>
                </a:ext>
              </a:extLst>
            </p:cNvPr>
            <p:cNvSpPr txBox="1">
              <a:spLocks/>
            </p:cNvSpPr>
            <p:nvPr/>
          </p:nvSpPr>
          <p:spPr>
            <a:xfrm>
              <a:off x="2788545" y="3537585"/>
              <a:ext cx="822960" cy="822959"/>
            </a:xfrm>
            <a:prstGeom prst="ellipse">
              <a:avLst/>
            </a:prstGeom>
            <a:solidFill>
              <a:srgbClr val="AF78D2"/>
            </a:solidFill>
          </p:spPr>
          <p:txBody>
            <a:bodyPr wrap="square" lIns="0" tIns="0" rIns="0" bIns="0" rtlCol="0" anchor="ctr">
              <a:noAutofit/>
            </a:bodyPr>
            <a:lstStyle/>
            <a:p>
              <a:pPr marL="0" indent="0" algn="ctr">
                <a:buNone/>
              </a:pPr>
              <a:r>
                <a:rPr lang="en-US" altLang="zh-CN" sz="1600" b="1" dirty="0">
                  <a:solidFill>
                    <a:schemeClr val="bg1"/>
                  </a:solidFill>
                </a:rPr>
                <a:t>1978</a:t>
              </a:r>
            </a:p>
          </p:txBody>
        </p:sp>
        <p:sp>
          <p:nvSpPr>
            <p:cNvPr id="361" name="文本框 19">
              <a:extLst>
                <a:ext uri="{FF2B5EF4-FFF2-40B4-BE49-F238E27FC236}">
                  <a16:creationId xmlns:a16="http://schemas.microsoft.com/office/drawing/2014/main" id="{3DF69B4D-9E04-4CFB-6612-9C204773B07D}"/>
                </a:ext>
              </a:extLst>
            </p:cNvPr>
            <p:cNvSpPr txBox="1">
              <a:spLocks/>
            </p:cNvSpPr>
            <p:nvPr/>
          </p:nvSpPr>
          <p:spPr>
            <a:xfrm>
              <a:off x="4638012" y="3537585"/>
              <a:ext cx="822960" cy="822959"/>
            </a:xfrm>
            <a:prstGeom prst="ellipse">
              <a:avLst/>
            </a:prstGeom>
            <a:solidFill>
              <a:srgbClr val="AF78D2"/>
            </a:solidFill>
          </p:spPr>
          <p:txBody>
            <a:bodyPr wrap="square" lIns="0" tIns="0" rIns="0" bIns="0" rtlCol="0" anchor="ctr">
              <a:noAutofit/>
            </a:bodyPr>
            <a:lstStyle/>
            <a:p>
              <a:pPr marL="0" indent="0" algn="ctr">
                <a:buNone/>
              </a:pPr>
              <a:r>
                <a:rPr lang="en-US" altLang="zh-CN" sz="1600" b="1" dirty="0">
                  <a:solidFill>
                    <a:schemeClr val="bg1"/>
                  </a:solidFill>
                </a:rPr>
                <a:t>1996</a:t>
              </a:r>
            </a:p>
          </p:txBody>
        </p:sp>
        <p:sp>
          <p:nvSpPr>
            <p:cNvPr id="362" name="文本框 21">
              <a:extLst>
                <a:ext uri="{FF2B5EF4-FFF2-40B4-BE49-F238E27FC236}">
                  <a16:creationId xmlns:a16="http://schemas.microsoft.com/office/drawing/2014/main" id="{6ACE679B-EDDC-4E04-C601-EC04F8112F2A}"/>
                </a:ext>
              </a:extLst>
            </p:cNvPr>
            <p:cNvSpPr txBox="1">
              <a:spLocks/>
            </p:cNvSpPr>
            <p:nvPr/>
          </p:nvSpPr>
          <p:spPr>
            <a:xfrm>
              <a:off x="6483627" y="3537585"/>
              <a:ext cx="822960" cy="822959"/>
            </a:xfrm>
            <a:prstGeom prst="ellipse">
              <a:avLst/>
            </a:prstGeom>
            <a:solidFill>
              <a:srgbClr val="AF78D2"/>
            </a:solidFill>
          </p:spPr>
          <p:txBody>
            <a:bodyPr wrap="square" lIns="0" tIns="0" rIns="0" bIns="0" rtlCol="0" anchor="ctr">
              <a:noAutofit/>
            </a:bodyPr>
            <a:lstStyle/>
            <a:p>
              <a:pPr marL="0" indent="0" algn="ctr">
                <a:buNone/>
              </a:pPr>
              <a:r>
                <a:rPr lang="en-US" altLang="zh-CN" sz="1600" b="1" dirty="0">
                  <a:solidFill>
                    <a:schemeClr val="bg1"/>
                  </a:solidFill>
                </a:rPr>
                <a:t>2002</a:t>
              </a:r>
            </a:p>
          </p:txBody>
        </p:sp>
      </p:grpSp>
      <p:sp>
        <p:nvSpPr>
          <p:cNvPr id="7" name="Freeform 14">
            <a:extLst>
              <a:ext uri="{FF2B5EF4-FFF2-40B4-BE49-F238E27FC236}">
                <a16:creationId xmlns:a16="http://schemas.microsoft.com/office/drawing/2014/main" id="{70E4ECCD-BF80-BACA-2850-C270AA0210C3}"/>
              </a:ext>
            </a:extLst>
          </p:cNvPr>
          <p:cNvSpPr>
            <a:spLocks noChangeAspect="1"/>
          </p:cNvSpPr>
          <p:nvPr/>
        </p:nvSpPr>
        <p:spPr bwMode="auto">
          <a:xfrm>
            <a:off x="4017605" y="4239220"/>
            <a:ext cx="1220620" cy="1073220"/>
          </a:xfrm>
          <a:prstGeom prst="hexagon">
            <a:avLst/>
          </a:prstGeom>
          <a:solidFill>
            <a:srgbClr val="0082F0"/>
          </a:solidFill>
          <a:ln w="12700" cap="flat" cmpd="sng" algn="ctr">
            <a:noFill/>
            <a:prstDash val="solid"/>
            <a:round/>
            <a:headEnd type="none" w="med" len="med"/>
            <a:tailEnd type="none" w="med" len="med"/>
          </a:ln>
        </p:spPr>
        <p:txBody>
          <a:bodyPr lIns="0" tIns="0" rIns="0" bIns="0" anchor="ctr"/>
          <a:lstStyle>
            <a:lvl1pPr eaLnBrk="0" hangingPunct="0">
              <a:defRPr sz="2000">
                <a:solidFill>
                  <a:schemeClr val="tx1"/>
                </a:solidFill>
                <a:latin typeface="Arial" charset="0"/>
                <a:cs typeface="Arial" charset="0"/>
              </a:defRPr>
            </a:lvl1pPr>
            <a:lvl2pPr marL="742950" indent="-285750" eaLnBrk="0" hangingPunct="0">
              <a:defRPr sz="2000">
                <a:solidFill>
                  <a:schemeClr val="tx1"/>
                </a:solidFill>
                <a:latin typeface="Arial" charset="0"/>
                <a:cs typeface="Arial" charset="0"/>
              </a:defRPr>
            </a:lvl2pPr>
            <a:lvl3pPr marL="1143000" indent="-228600" eaLnBrk="0" hangingPunct="0">
              <a:defRPr sz="2000">
                <a:solidFill>
                  <a:schemeClr val="tx1"/>
                </a:solidFill>
                <a:latin typeface="Arial" charset="0"/>
                <a:cs typeface="Arial" charset="0"/>
              </a:defRPr>
            </a:lvl3pPr>
            <a:lvl4pPr marL="1600200" indent="-228600" eaLnBrk="0" hangingPunct="0">
              <a:defRPr sz="2000">
                <a:solidFill>
                  <a:schemeClr val="tx1"/>
                </a:solidFill>
                <a:latin typeface="Arial" charset="0"/>
                <a:cs typeface="Arial" charset="0"/>
              </a:defRPr>
            </a:lvl4pPr>
            <a:lvl5pPr marL="2057400" indent="-228600" eaLnBrk="0" hangingPunct="0">
              <a:defRPr sz="2000">
                <a:solidFill>
                  <a:schemeClr val="tx1"/>
                </a:solidFill>
                <a:latin typeface="Arial" charset="0"/>
                <a:cs typeface="Arial" charset="0"/>
              </a:defRPr>
            </a:lvl5pPr>
            <a:lvl6pPr marL="2514600" indent="-228600" eaLnBrk="0" fontAlgn="base" hangingPunct="0">
              <a:spcBef>
                <a:spcPct val="0"/>
              </a:spcBef>
              <a:spcAft>
                <a:spcPct val="0"/>
              </a:spcAft>
              <a:defRPr sz="2000">
                <a:solidFill>
                  <a:schemeClr val="tx1"/>
                </a:solidFill>
                <a:latin typeface="Arial" charset="0"/>
                <a:cs typeface="Arial" charset="0"/>
              </a:defRPr>
            </a:lvl6pPr>
            <a:lvl7pPr marL="2971800" indent="-228600" eaLnBrk="0" fontAlgn="base" hangingPunct="0">
              <a:spcBef>
                <a:spcPct val="0"/>
              </a:spcBef>
              <a:spcAft>
                <a:spcPct val="0"/>
              </a:spcAft>
              <a:defRPr sz="2000">
                <a:solidFill>
                  <a:schemeClr val="tx1"/>
                </a:solidFill>
                <a:latin typeface="Arial" charset="0"/>
                <a:cs typeface="Arial" charset="0"/>
              </a:defRPr>
            </a:lvl7pPr>
            <a:lvl8pPr marL="3429000" indent="-228600" eaLnBrk="0" fontAlgn="base" hangingPunct="0">
              <a:spcBef>
                <a:spcPct val="0"/>
              </a:spcBef>
              <a:spcAft>
                <a:spcPct val="0"/>
              </a:spcAft>
              <a:defRPr sz="2000">
                <a:solidFill>
                  <a:schemeClr val="tx1"/>
                </a:solidFill>
                <a:latin typeface="Arial" charset="0"/>
                <a:cs typeface="Arial" charset="0"/>
              </a:defRPr>
            </a:lvl8pPr>
            <a:lvl9pPr marL="3886200" indent="-228600" eaLnBrk="0" fontAlgn="base" hangingPunct="0">
              <a:spcBef>
                <a:spcPct val="0"/>
              </a:spcBef>
              <a:spcAft>
                <a:spcPct val="0"/>
              </a:spcAft>
              <a:defRPr sz="2000">
                <a:solidFill>
                  <a:schemeClr val="tx1"/>
                </a:solidFill>
                <a:latin typeface="Arial" charset="0"/>
                <a:cs typeface="Arial" charset="0"/>
              </a:defRPr>
            </a:lvl9pPr>
          </a:lstStyle>
          <a:p>
            <a:pPr marL="0" indent="0" algn="ctr">
              <a:buNone/>
            </a:pPr>
            <a:r>
              <a:rPr lang="en-US" sz="2400" b="1" dirty="0">
                <a:solidFill>
                  <a:schemeClr val="bg1"/>
                </a:solidFill>
                <a:latin typeface="+mn-lt"/>
                <a:ea typeface="Ericsson Hilda" pitchFamily="4" charset="0"/>
                <a:cs typeface="Ericsson Hilda Light"/>
              </a:rPr>
              <a:t>2100+</a:t>
            </a:r>
          </a:p>
          <a:p>
            <a:pPr marL="0" indent="0" algn="ctr">
              <a:buNone/>
            </a:pPr>
            <a:endParaRPr lang="en-US" sz="100" b="1" dirty="0">
              <a:solidFill>
                <a:schemeClr val="bg1"/>
              </a:solidFill>
              <a:ea typeface="Ericsson Hilda" pitchFamily="4" charset="0"/>
              <a:cs typeface="Ericsson Hilda Light"/>
            </a:endParaRPr>
          </a:p>
        </p:txBody>
      </p:sp>
      <p:sp>
        <p:nvSpPr>
          <p:cNvPr id="21" name="TextBox 20">
            <a:extLst>
              <a:ext uri="{FF2B5EF4-FFF2-40B4-BE49-F238E27FC236}">
                <a16:creationId xmlns:a16="http://schemas.microsoft.com/office/drawing/2014/main" id="{26E6891B-F6B4-E712-5C98-58310F5138E6}"/>
              </a:ext>
            </a:extLst>
          </p:cNvPr>
          <p:cNvSpPr txBox="1"/>
          <p:nvPr/>
        </p:nvSpPr>
        <p:spPr>
          <a:xfrm>
            <a:off x="2528903" y="5349307"/>
            <a:ext cx="4043487" cy="1015663"/>
          </a:xfrm>
          <a:prstGeom prst="rect">
            <a:avLst/>
          </a:prstGeom>
          <a:noFill/>
        </p:spPr>
        <p:txBody>
          <a:bodyPr wrap="square">
            <a:spAutoFit/>
          </a:bodyPr>
          <a:lstStyle/>
          <a:p>
            <a:pPr marL="0" indent="0" algn="ctr">
              <a:buNone/>
            </a:pPr>
            <a:r>
              <a:rPr lang="en-US" sz="1500" dirty="0" err="1">
                <a:solidFill>
                  <a:srgbClr val="002060"/>
                </a:solidFill>
                <a:ea typeface="Ericsson Hilda" pitchFamily="4" charset="0"/>
                <a:cs typeface="Ericsson Hilda Light"/>
              </a:rPr>
              <a:t>Professionisti</a:t>
            </a:r>
            <a:br>
              <a:rPr lang="en-US" sz="1500" dirty="0">
                <a:solidFill>
                  <a:srgbClr val="002060"/>
                </a:solidFill>
                <a:ea typeface="Ericsson Hilda" pitchFamily="4" charset="0"/>
                <a:cs typeface="Ericsson Hilda Light"/>
              </a:rPr>
            </a:br>
            <a:r>
              <a:rPr lang="en-US" sz="1500" dirty="0">
                <a:solidFill>
                  <a:srgbClr val="002060"/>
                </a:solidFill>
                <a:ea typeface="Ericsson Hilda" pitchFamily="4" charset="0"/>
                <a:cs typeface="Ericsson Hilda Light"/>
              </a:rPr>
              <a:t>Mercato</a:t>
            </a:r>
            <a:br>
              <a:rPr lang="en-US" sz="1500" dirty="0">
                <a:solidFill>
                  <a:srgbClr val="002060"/>
                </a:solidFill>
                <a:ea typeface="Ericsson Hilda" pitchFamily="4" charset="0"/>
                <a:cs typeface="Ericsson Hilda Light"/>
              </a:rPr>
            </a:br>
            <a:r>
              <a:rPr lang="en-US" sz="1500" dirty="0">
                <a:solidFill>
                  <a:srgbClr val="002060"/>
                </a:solidFill>
                <a:ea typeface="Ericsson Hilda" pitchFamily="4" charset="0"/>
                <a:cs typeface="Ericsson Hilda Light"/>
              </a:rPr>
              <a:t>R&amp;D</a:t>
            </a:r>
            <a:br>
              <a:rPr lang="en-US" sz="1500" dirty="0">
                <a:solidFill>
                  <a:srgbClr val="002060"/>
                </a:solidFill>
                <a:ea typeface="Ericsson Hilda" pitchFamily="4" charset="0"/>
                <a:cs typeface="Ericsson Hilda Light"/>
              </a:rPr>
            </a:br>
            <a:r>
              <a:rPr lang="en-US" sz="1500" dirty="0">
                <a:solidFill>
                  <a:srgbClr val="002060"/>
                </a:solidFill>
                <a:ea typeface="Ericsson Hilda" pitchFamily="4" charset="0"/>
                <a:cs typeface="Ericsson Hilda Light"/>
              </a:rPr>
              <a:t>Near-shore center</a:t>
            </a:r>
          </a:p>
        </p:txBody>
      </p:sp>
      <p:sp>
        <p:nvSpPr>
          <p:cNvPr id="22" name="Freeform 14">
            <a:extLst>
              <a:ext uri="{FF2B5EF4-FFF2-40B4-BE49-F238E27FC236}">
                <a16:creationId xmlns:a16="http://schemas.microsoft.com/office/drawing/2014/main" id="{7A500007-1E73-87CE-A091-3C161F34D837}"/>
              </a:ext>
            </a:extLst>
          </p:cNvPr>
          <p:cNvSpPr>
            <a:spLocks noChangeAspect="1"/>
          </p:cNvSpPr>
          <p:nvPr/>
        </p:nvSpPr>
        <p:spPr bwMode="auto">
          <a:xfrm>
            <a:off x="5639484" y="4229815"/>
            <a:ext cx="1220620" cy="1073220"/>
          </a:xfrm>
          <a:prstGeom prst="hexagon">
            <a:avLst/>
          </a:prstGeom>
          <a:solidFill>
            <a:srgbClr val="0082F0"/>
          </a:solidFill>
          <a:ln w="12700" cap="flat" cmpd="sng" algn="ctr">
            <a:noFill/>
            <a:prstDash val="solid"/>
            <a:round/>
            <a:headEnd type="none" w="med" len="med"/>
            <a:tailEnd type="none" w="med" len="med"/>
          </a:ln>
        </p:spPr>
        <p:txBody>
          <a:bodyPr lIns="0" tIns="0" rIns="0" bIns="0" anchor="ctr"/>
          <a:lstStyle>
            <a:lvl1pPr eaLnBrk="0" hangingPunct="0">
              <a:defRPr sz="2000">
                <a:solidFill>
                  <a:schemeClr val="tx1"/>
                </a:solidFill>
                <a:latin typeface="Arial" charset="0"/>
                <a:cs typeface="Arial" charset="0"/>
              </a:defRPr>
            </a:lvl1pPr>
            <a:lvl2pPr marL="742950" indent="-285750" eaLnBrk="0" hangingPunct="0">
              <a:defRPr sz="2000">
                <a:solidFill>
                  <a:schemeClr val="tx1"/>
                </a:solidFill>
                <a:latin typeface="Arial" charset="0"/>
                <a:cs typeface="Arial" charset="0"/>
              </a:defRPr>
            </a:lvl2pPr>
            <a:lvl3pPr marL="1143000" indent="-228600" eaLnBrk="0" hangingPunct="0">
              <a:defRPr sz="2000">
                <a:solidFill>
                  <a:schemeClr val="tx1"/>
                </a:solidFill>
                <a:latin typeface="Arial" charset="0"/>
                <a:cs typeface="Arial" charset="0"/>
              </a:defRPr>
            </a:lvl3pPr>
            <a:lvl4pPr marL="1600200" indent="-228600" eaLnBrk="0" hangingPunct="0">
              <a:defRPr sz="2000">
                <a:solidFill>
                  <a:schemeClr val="tx1"/>
                </a:solidFill>
                <a:latin typeface="Arial" charset="0"/>
                <a:cs typeface="Arial" charset="0"/>
              </a:defRPr>
            </a:lvl4pPr>
            <a:lvl5pPr marL="2057400" indent="-228600" eaLnBrk="0" hangingPunct="0">
              <a:defRPr sz="2000">
                <a:solidFill>
                  <a:schemeClr val="tx1"/>
                </a:solidFill>
                <a:latin typeface="Arial" charset="0"/>
                <a:cs typeface="Arial" charset="0"/>
              </a:defRPr>
            </a:lvl5pPr>
            <a:lvl6pPr marL="2514600" indent="-228600" eaLnBrk="0" fontAlgn="base" hangingPunct="0">
              <a:spcBef>
                <a:spcPct val="0"/>
              </a:spcBef>
              <a:spcAft>
                <a:spcPct val="0"/>
              </a:spcAft>
              <a:defRPr sz="2000">
                <a:solidFill>
                  <a:schemeClr val="tx1"/>
                </a:solidFill>
                <a:latin typeface="Arial" charset="0"/>
                <a:cs typeface="Arial" charset="0"/>
              </a:defRPr>
            </a:lvl6pPr>
            <a:lvl7pPr marL="2971800" indent="-228600" eaLnBrk="0" fontAlgn="base" hangingPunct="0">
              <a:spcBef>
                <a:spcPct val="0"/>
              </a:spcBef>
              <a:spcAft>
                <a:spcPct val="0"/>
              </a:spcAft>
              <a:defRPr sz="2000">
                <a:solidFill>
                  <a:schemeClr val="tx1"/>
                </a:solidFill>
                <a:latin typeface="Arial" charset="0"/>
                <a:cs typeface="Arial" charset="0"/>
              </a:defRPr>
            </a:lvl7pPr>
            <a:lvl8pPr marL="3429000" indent="-228600" eaLnBrk="0" fontAlgn="base" hangingPunct="0">
              <a:spcBef>
                <a:spcPct val="0"/>
              </a:spcBef>
              <a:spcAft>
                <a:spcPct val="0"/>
              </a:spcAft>
              <a:defRPr sz="2000">
                <a:solidFill>
                  <a:schemeClr val="tx1"/>
                </a:solidFill>
                <a:latin typeface="Arial" charset="0"/>
                <a:cs typeface="Arial" charset="0"/>
              </a:defRPr>
            </a:lvl8pPr>
            <a:lvl9pPr marL="3886200" indent="-228600" eaLnBrk="0" fontAlgn="base" hangingPunct="0">
              <a:spcBef>
                <a:spcPct val="0"/>
              </a:spcBef>
              <a:spcAft>
                <a:spcPct val="0"/>
              </a:spcAft>
              <a:defRPr sz="2000">
                <a:solidFill>
                  <a:schemeClr val="tx1"/>
                </a:solidFill>
                <a:latin typeface="Arial" charset="0"/>
                <a:cs typeface="Arial" charset="0"/>
              </a:defRPr>
            </a:lvl9pPr>
          </a:lstStyle>
          <a:p>
            <a:pPr marL="0" indent="0" algn="ctr">
              <a:buNone/>
            </a:pPr>
            <a:r>
              <a:rPr lang="it-IT" sz="2800" b="1" dirty="0">
                <a:solidFill>
                  <a:schemeClr val="bg1"/>
                </a:solidFill>
                <a:latin typeface="+mn-lt"/>
                <a:ea typeface="Ericsson Hilda" pitchFamily="4" charset="0"/>
                <a:cs typeface="Ericsson Hilda Light"/>
              </a:rPr>
              <a:t>3</a:t>
            </a:r>
            <a:endParaRPr lang="it-IT" sz="2000" b="1" dirty="0">
              <a:solidFill>
                <a:schemeClr val="bg1"/>
              </a:solidFill>
              <a:latin typeface="+mn-lt"/>
              <a:ea typeface="Ericsson Hilda" pitchFamily="4" charset="0"/>
              <a:cs typeface="Ericsson Hilda Light"/>
            </a:endParaRPr>
          </a:p>
          <a:p>
            <a:pPr marL="0" indent="0" algn="ctr">
              <a:buNone/>
            </a:pPr>
            <a:endParaRPr lang="en-US" sz="100" b="1" dirty="0">
              <a:solidFill>
                <a:schemeClr val="bg1"/>
              </a:solidFill>
              <a:ea typeface="Ericsson Hilda" pitchFamily="4" charset="0"/>
              <a:cs typeface="Ericsson Hilda Light"/>
            </a:endParaRPr>
          </a:p>
        </p:txBody>
      </p:sp>
      <p:sp>
        <p:nvSpPr>
          <p:cNvPr id="25" name="TextBox 24">
            <a:extLst>
              <a:ext uri="{FF2B5EF4-FFF2-40B4-BE49-F238E27FC236}">
                <a16:creationId xmlns:a16="http://schemas.microsoft.com/office/drawing/2014/main" id="{F672294D-C5E1-1C55-A569-BA7F2C92EFF5}"/>
              </a:ext>
            </a:extLst>
          </p:cNvPr>
          <p:cNvSpPr txBox="1"/>
          <p:nvPr/>
        </p:nvSpPr>
        <p:spPr>
          <a:xfrm>
            <a:off x="4991995" y="5390416"/>
            <a:ext cx="2419895" cy="1015663"/>
          </a:xfrm>
          <a:prstGeom prst="rect">
            <a:avLst/>
          </a:prstGeom>
          <a:noFill/>
        </p:spPr>
        <p:txBody>
          <a:bodyPr wrap="square">
            <a:spAutoFit/>
          </a:bodyPr>
          <a:lstStyle/>
          <a:p>
            <a:pPr marL="0" indent="0" algn="ctr">
              <a:buNone/>
            </a:pPr>
            <a:r>
              <a:rPr lang="it-IT" sz="1500" dirty="0">
                <a:solidFill>
                  <a:srgbClr val="002060"/>
                </a:solidFill>
              </a:rPr>
              <a:t>Centri </a:t>
            </a:r>
            <a:r>
              <a:rPr lang="it-IT" sz="1500">
                <a:solidFill>
                  <a:srgbClr val="002060"/>
                </a:solidFill>
              </a:rPr>
              <a:t>R&amp;D</a:t>
            </a:r>
            <a:br>
              <a:rPr lang="it-IT" sz="1500" dirty="0">
                <a:solidFill>
                  <a:srgbClr val="002060"/>
                </a:solidFill>
              </a:rPr>
            </a:br>
            <a:r>
              <a:rPr lang="it-IT" sz="1500" dirty="0">
                <a:solidFill>
                  <a:srgbClr val="002060"/>
                </a:solidFill>
              </a:rPr>
              <a:t>Genova</a:t>
            </a:r>
            <a:br>
              <a:rPr lang="it-IT" sz="1500" dirty="0">
                <a:solidFill>
                  <a:srgbClr val="002060"/>
                </a:solidFill>
              </a:rPr>
            </a:br>
            <a:r>
              <a:rPr lang="it-IT" sz="1500" dirty="0">
                <a:solidFill>
                  <a:srgbClr val="002060"/>
                </a:solidFill>
              </a:rPr>
              <a:t>Pagani</a:t>
            </a:r>
            <a:br>
              <a:rPr lang="it-IT" sz="1500" dirty="0">
                <a:solidFill>
                  <a:srgbClr val="002060"/>
                </a:solidFill>
              </a:rPr>
            </a:br>
            <a:r>
              <a:rPr lang="it-IT" sz="1500" dirty="0">
                <a:solidFill>
                  <a:srgbClr val="002060"/>
                </a:solidFill>
              </a:rPr>
              <a:t>Pisa</a:t>
            </a:r>
          </a:p>
        </p:txBody>
      </p:sp>
      <p:sp>
        <p:nvSpPr>
          <p:cNvPr id="27" name="Freeform 14">
            <a:extLst>
              <a:ext uri="{FF2B5EF4-FFF2-40B4-BE49-F238E27FC236}">
                <a16:creationId xmlns:a16="http://schemas.microsoft.com/office/drawing/2014/main" id="{9DE4CEA8-14CB-C545-4066-612052EE9DE4}"/>
              </a:ext>
            </a:extLst>
          </p:cNvPr>
          <p:cNvSpPr>
            <a:spLocks noChangeAspect="1"/>
          </p:cNvSpPr>
          <p:nvPr/>
        </p:nvSpPr>
        <p:spPr bwMode="auto">
          <a:xfrm>
            <a:off x="7235442" y="4265954"/>
            <a:ext cx="1216414" cy="1069522"/>
          </a:xfrm>
          <a:prstGeom prst="hexagon">
            <a:avLst/>
          </a:prstGeom>
          <a:solidFill>
            <a:srgbClr val="0082F0"/>
          </a:solidFill>
          <a:ln w="12700" cap="flat" cmpd="sng" algn="ctr">
            <a:noFill/>
            <a:prstDash val="solid"/>
            <a:round/>
            <a:headEnd type="none" w="med" len="med"/>
            <a:tailEnd type="none" w="med" len="med"/>
          </a:ln>
        </p:spPr>
        <p:txBody>
          <a:bodyPr lIns="0" tIns="0" rIns="0" bIns="0" anchor="ctr"/>
          <a:lstStyle>
            <a:lvl1pPr eaLnBrk="0" hangingPunct="0">
              <a:defRPr sz="2000">
                <a:solidFill>
                  <a:schemeClr val="tx1"/>
                </a:solidFill>
                <a:latin typeface="Arial" charset="0"/>
                <a:cs typeface="Arial" charset="0"/>
              </a:defRPr>
            </a:lvl1pPr>
            <a:lvl2pPr marL="742950" indent="-285750" eaLnBrk="0" hangingPunct="0">
              <a:defRPr sz="2000">
                <a:solidFill>
                  <a:schemeClr val="tx1"/>
                </a:solidFill>
                <a:latin typeface="Arial" charset="0"/>
                <a:cs typeface="Arial" charset="0"/>
              </a:defRPr>
            </a:lvl2pPr>
            <a:lvl3pPr marL="1143000" indent="-228600" eaLnBrk="0" hangingPunct="0">
              <a:defRPr sz="2000">
                <a:solidFill>
                  <a:schemeClr val="tx1"/>
                </a:solidFill>
                <a:latin typeface="Arial" charset="0"/>
                <a:cs typeface="Arial" charset="0"/>
              </a:defRPr>
            </a:lvl3pPr>
            <a:lvl4pPr marL="1600200" indent="-228600" eaLnBrk="0" hangingPunct="0">
              <a:defRPr sz="2000">
                <a:solidFill>
                  <a:schemeClr val="tx1"/>
                </a:solidFill>
                <a:latin typeface="Arial" charset="0"/>
                <a:cs typeface="Arial" charset="0"/>
              </a:defRPr>
            </a:lvl4pPr>
            <a:lvl5pPr marL="2057400" indent="-228600" eaLnBrk="0" hangingPunct="0">
              <a:defRPr sz="2000">
                <a:solidFill>
                  <a:schemeClr val="tx1"/>
                </a:solidFill>
                <a:latin typeface="Arial" charset="0"/>
                <a:cs typeface="Arial" charset="0"/>
              </a:defRPr>
            </a:lvl5pPr>
            <a:lvl6pPr marL="2514600" indent="-228600" eaLnBrk="0" fontAlgn="base" hangingPunct="0">
              <a:spcBef>
                <a:spcPct val="0"/>
              </a:spcBef>
              <a:spcAft>
                <a:spcPct val="0"/>
              </a:spcAft>
              <a:defRPr sz="2000">
                <a:solidFill>
                  <a:schemeClr val="tx1"/>
                </a:solidFill>
                <a:latin typeface="Arial" charset="0"/>
                <a:cs typeface="Arial" charset="0"/>
              </a:defRPr>
            </a:lvl6pPr>
            <a:lvl7pPr marL="2971800" indent="-228600" eaLnBrk="0" fontAlgn="base" hangingPunct="0">
              <a:spcBef>
                <a:spcPct val="0"/>
              </a:spcBef>
              <a:spcAft>
                <a:spcPct val="0"/>
              </a:spcAft>
              <a:defRPr sz="2000">
                <a:solidFill>
                  <a:schemeClr val="tx1"/>
                </a:solidFill>
                <a:latin typeface="Arial" charset="0"/>
                <a:cs typeface="Arial" charset="0"/>
              </a:defRPr>
            </a:lvl7pPr>
            <a:lvl8pPr marL="3429000" indent="-228600" eaLnBrk="0" fontAlgn="base" hangingPunct="0">
              <a:spcBef>
                <a:spcPct val="0"/>
              </a:spcBef>
              <a:spcAft>
                <a:spcPct val="0"/>
              </a:spcAft>
              <a:defRPr sz="2000">
                <a:solidFill>
                  <a:schemeClr val="tx1"/>
                </a:solidFill>
                <a:latin typeface="Arial" charset="0"/>
                <a:cs typeface="Arial" charset="0"/>
              </a:defRPr>
            </a:lvl8pPr>
            <a:lvl9pPr marL="3886200" indent="-228600" eaLnBrk="0" fontAlgn="base" hangingPunct="0">
              <a:spcBef>
                <a:spcPct val="0"/>
              </a:spcBef>
              <a:spcAft>
                <a:spcPct val="0"/>
              </a:spcAft>
              <a:defRPr sz="2000">
                <a:solidFill>
                  <a:schemeClr val="tx1"/>
                </a:solidFill>
                <a:latin typeface="Arial" charset="0"/>
                <a:cs typeface="Arial" charset="0"/>
              </a:defRPr>
            </a:lvl9pPr>
          </a:lstStyle>
          <a:p>
            <a:pPr marL="0" indent="0" algn="ctr">
              <a:buNone/>
            </a:pPr>
            <a:r>
              <a:rPr lang="it-IT" sz="2800" b="1" dirty="0">
                <a:solidFill>
                  <a:schemeClr val="bg1"/>
                </a:solidFill>
                <a:latin typeface="+mn-lt"/>
                <a:ea typeface="Ericsson Hilda" pitchFamily="4" charset="0"/>
                <a:cs typeface="Ericsson Hilda Light"/>
              </a:rPr>
              <a:t>45</a:t>
            </a:r>
            <a:endParaRPr lang="it-IT" sz="2000" b="1" dirty="0">
              <a:solidFill>
                <a:schemeClr val="bg1"/>
              </a:solidFill>
              <a:latin typeface="+mn-lt"/>
              <a:ea typeface="Ericsson Hilda" pitchFamily="4" charset="0"/>
              <a:cs typeface="Ericsson Hilda Light"/>
            </a:endParaRPr>
          </a:p>
          <a:p>
            <a:pPr marL="0" indent="0" algn="ctr">
              <a:buNone/>
            </a:pPr>
            <a:endParaRPr lang="en-US" sz="100" b="1" dirty="0">
              <a:solidFill>
                <a:schemeClr val="bg1"/>
              </a:solidFill>
              <a:ea typeface="Ericsson Hilda" pitchFamily="4" charset="0"/>
              <a:cs typeface="Ericsson Hilda Light"/>
            </a:endParaRPr>
          </a:p>
        </p:txBody>
      </p:sp>
      <p:sp>
        <p:nvSpPr>
          <p:cNvPr id="33" name="Freeform 14">
            <a:extLst>
              <a:ext uri="{FF2B5EF4-FFF2-40B4-BE49-F238E27FC236}">
                <a16:creationId xmlns:a16="http://schemas.microsoft.com/office/drawing/2014/main" id="{DF193F12-ADFD-42F3-6751-7E63E6507841}"/>
              </a:ext>
            </a:extLst>
          </p:cNvPr>
          <p:cNvSpPr>
            <a:spLocks noChangeAspect="1"/>
          </p:cNvSpPr>
          <p:nvPr/>
        </p:nvSpPr>
        <p:spPr bwMode="auto">
          <a:xfrm>
            <a:off x="8857321" y="4264453"/>
            <a:ext cx="1216414" cy="1069522"/>
          </a:xfrm>
          <a:prstGeom prst="hexagon">
            <a:avLst/>
          </a:prstGeom>
          <a:solidFill>
            <a:srgbClr val="0082F0"/>
          </a:solidFill>
          <a:ln w="12700" cap="flat" cmpd="sng" algn="ctr">
            <a:noFill/>
            <a:prstDash val="solid"/>
            <a:round/>
            <a:headEnd type="none" w="med" len="med"/>
            <a:tailEnd type="none" w="med" len="med"/>
          </a:ln>
        </p:spPr>
        <p:txBody>
          <a:bodyPr lIns="0" tIns="0" rIns="0" bIns="0" anchor="ctr"/>
          <a:lstStyle>
            <a:lvl1pPr eaLnBrk="0" hangingPunct="0">
              <a:defRPr sz="2000">
                <a:solidFill>
                  <a:schemeClr val="tx1"/>
                </a:solidFill>
                <a:latin typeface="Arial" charset="0"/>
                <a:cs typeface="Arial" charset="0"/>
              </a:defRPr>
            </a:lvl1pPr>
            <a:lvl2pPr marL="742950" indent="-285750" eaLnBrk="0" hangingPunct="0">
              <a:defRPr sz="2000">
                <a:solidFill>
                  <a:schemeClr val="tx1"/>
                </a:solidFill>
                <a:latin typeface="Arial" charset="0"/>
                <a:cs typeface="Arial" charset="0"/>
              </a:defRPr>
            </a:lvl2pPr>
            <a:lvl3pPr marL="1143000" indent="-228600" eaLnBrk="0" hangingPunct="0">
              <a:defRPr sz="2000">
                <a:solidFill>
                  <a:schemeClr val="tx1"/>
                </a:solidFill>
                <a:latin typeface="Arial" charset="0"/>
                <a:cs typeface="Arial" charset="0"/>
              </a:defRPr>
            </a:lvl3pPr>
            <a:lvl4pPr marL="1600200" indent="-228600" eaLnBrk="0" hangingPunct="0">
              <a:defRPr sz="2000">
                <a:solidFill>
                  <a:schemeClr val="tx1"/>
                </a:solidFill>
                <a:latin typeface="Arial" charset="0"/>
                <a:cs typeface="Arial" charset="0"/>
              </a:defRPr>
            </a:lvl4pPr>
            <a:lvl5pPr marL="2057400" indent="-228600" eaLnBrk="0" hangingPunct="0">
              <a:defRPr sz="2000">
                <a:solidFill>
                  <a:schemeClr val="tx1"/>
                </a:solidFill>
                <a:latin typeface="Arial" charset="0"/>
                <a:cs typeface="Arial" charset="0"/>
              </a:defRPr>
            </a:lvl5pPr>
            <a:lvl6pPr marL="2514600" indent="-228600" eaLnBrk="0" fontAlgn="base" hangingPunct="0">
              <a:spcBef>
                <a:spcPct val="0"/>
              </a:spcBef>
              <a:spcAft>
                <a:spcPct val="0"/>
              </a:spcAft>
              <a:defRPr sz="2000">
                <a:solidFill>
                  <a:schemeClr val="tx1"/>
                </a:solidFill>
                <a:latin typeface="Arial" charset="0"/>
                <a:cs typeface="Arial" charset="0"/>
              </a:defRPr>
            </a:lvl6pPr>
            <a:lvl7pPr marL="2971800" indent="-228600" eaLnBrk="0" fontAlgn="base" hangingPunct="0">
              <a:spcBef>
                <a:spcPct val="0"/>
              </a:spcBef>
              <a:spcAft>
                <a:spcPct val="0"/>
              </a:spcAft>
              <a:defRPr sz="2000">
                <a:solidFill>
                  <a:schemeClr val="tx1"/>
                </a:solidFill>
                <a:latin typeface="Arial" charset="0"/>
                <a:cs typeface="Arial" charset="0"/>
              </a:defRPr>
            </a:lvl7pPr>
            <a:lvl8pPr marL="3429000" indent="-228600" eaLnBrk="0" fontAlgn="base" hangingPunct="0">
              <a:spcBef>
                <a:spcPct val="0"/>
              </a:spcBef>
              <a:spcAft>
                <a:spcPct val="0"/>
              </a:spcAft>
              <a:defRPr sz="2000">
                <a:solidFill>
                  <a:schemeClr val="tx1"/>
                </a:solidFill>
                <a:latin typeface="Arial" charset="0"/>
                <a:cs typeface="Arial" charset="0"/>
              </a:defRPr>
            </a:lvl8pPr>
            <a:lvl9pPr marL="3886200" indent="-228600" eaLnBrk="0" fontAlgn="base" hangingPunct="0">
              <a:spcBef>
                <a:spcPct val="0"/>
              </a:spcBef>
              <a:spcAft>
                <a:spcPct val="0"/>
              </a:spcAft>
              <a:defRPr sz="2000">
                <a:solidFill>
                  <a:schemeClr val="tx1"/>
                </a:solidFill>
                <a:latin typeface="Arial" charset="0"/>
                <a:cs typeface="Arial" charset="0"/>
              </a:defRPr>
            </a:lvl9pPr>
          </a:lstStyle>
          <a:p>
            <a:pPr algn="ctr"/>
            <a:r>
              <a:rPr lang="it-IT" sz="2800" b="1" dirty="0">
                <a:solidFill>
                  <a:schemeClr val="bg1"/>
                </a:solidFill>
                <a:latin typeface="+mn-lt"/>
              </a:rPr>
              <a:t>700</a:t>
            </a:r>
          </a:p>
          <a:p>
            <a:pPr marL="0" indent="0" algn="ctr">
              <a:buNone/>
            </a:pPr>
            <a:endParaRPr lang="en-US" sz="100" b="1" dirty="0">
              <a:solidFill>
                <a:schemeClr val="bg1"/>
              </a:solidFill>
              <a:ea typeface="Ericsson Hilda" pitchFamily="4" charset="0"/>
              <a:cs typeface="Ericsson Hilda Light"/>
            </a:endParaRPr>
          </a:p>
        </p:txBody>
      </p:sp>
      <p:sp>
        <p:nvSpPr>
          <p:cNvPr id="34" name="Freeform 14">
            <a:extLst>
              <a:ext uri="{FF2B5EF4-FFF2-40B4-BE49-F238E27FC236}">
                <a16:creationId xmlns:a16="http://schemas.microsoft.com/office/drawing/2014/main" id="{F28E670B-E08E-EACF-CEAC-837E325D11D4}"/>
              </a:ext>
            </a:extLst>
          </p:cNvPr>
          <p:cNvSpPr>
            <a:spLocks noChangeAspect="1"/>
          </p:cNvSpPr>
          <p:nvPr/>
        </p:nvSpPr>
        <p:spPr bwMode="auto">
          <a:xfrm>
            <a:off x="10446525" y="4279516"/>
            <a:ext cx="1216414" cy="1069522"/>
          </a:xfrm>
          <a:prstGeom prst="hexagon">
            <a:avLst/>
          </a:prstGeom>
          <a:solidFill>
            <a:srgbClr val="0082F0"/>
          </a:solidFill>
          <a:ln w="12700" cap="flat" cmpd="sng" algn="ctr">
            <a:noFill/>
            <a:prstDash val="solid"/>
            <a:round/>
            <a:headEnd type="none" w="med" len="med"/>
            <a:tailEnd type="none" w="med" len="med"/>
          </a:ln>
        </p:spPr>
        <p:txBody>
          <a:bodyPr lIns="0" tIns="0" rIns="0" bIns="0" anchor="ctr"/>
          <a:lstStyle>
            <a:lvl1pPr eaLnBrk="0" hangingPunct="0">
              <a:defRPr sz="2000">
                <a:solidFill>
                  <a:schemeClr val="tx1"/>
                </a:solidFill>
                <a:latin typeface="Arial" charset="0"/>
                <a:cs typeface="Arial" charset="0"/>
              </a:defRPr>
            </a:lvl1pPr>
            <a:lvl2pPr marL="742950" indent="-285750" eaLnBrk="0" hangingPunct="0">
              <a:defRPr sz="2000">
                <a:solidFill>
                  <a:schemeClr val="tx1"/>
                </a:solidFill>
                <a:latin typeface="Arial" charset="0"/>
                <a:cs typeface="Arial" charset="0"/>
              </a:defRPr>
            </a:lvl2pPr>
            <a:lvl3pPr marL="1143000" indent="-228600" eaLnBrk="0" hangingPunct="0">
              <a:defRPr sz="2000">
                <a:solidFill>
                  <a:schemeClr val="tx1"/>
                </a:solidFill>
                <a:latin typeface="Arial" charset="0"/>
                <a:cs typeface="Arial" charset="0"/>
              </a:defRPr>
            </a:lvl3pPr>
            <a:lvl4pPr marL="1600200" indent="-228600" eaLnBrk="0" hangingPunct="0">
              <a:defRPr sz="2000">
                <a:solidFill>
                  <a:schemeClr val="tx1"/>
                </a:solidFill>
                <a:latin typeface="Arial" charset="0"/>
                <a:cs typeface="Arial" charset="0"/>
              </a:defRPr>
            </a:lvl4pPr>
            <a:lvl5pPr marL="2057400" indent="-228600" eaLnBrk="0" hangingPunct="0">
              <a:defRPr sz="2000">
                <a:solidFill>
                  <a:schemeClr val="tx1"/>
                </a:solidFill>
                <a:latin typeface="Arial" charset="0"/>
                <a:cs typeface="Arial" charset="0"/>
              </a:defRPr>
            </a:lvl5pPr>
            <a:lvl6pPr marL="2514600" indent="-228600" eaLnBrk="0" fontAlgn="base" hangingPunct="0">
              <a:spcBef>
                <a:spcPct val="0"/>
              </a:spcBef>
              <a:spcAft>
                <a:spcPct val="0"/>
              </a:spcAft>
              <a:defRPr sz="2000">
                <a:solidFill>
                  <a:schemeClr val="tx1"/>
                </a:solidFill>
                <a:latin typeface="Arial" charset="0"/>
                <a:cs typeface="Arial" charset="0"/>
              </a:defRPr>
            </a:lvl6pPr>
            <a:lvl7pPr marL="2971800" indent="-228600" eaLnBrk="0" fontAlgn="base" hangingPunct="0">
              <a:spcBef>
                <a:spcPct val="0"/>
              </a:spcBef>
              <a:spcAft>
                <a:spcPct val="0"/>
              </a:spcAft>
              <a:defRPr sz="2000">
                <a:solidFill>
                  <a:schemeClr val="tx1"/>
                </a:solidFill>
                <a:latin typeface="Arial" charset="0"/>
                <a:cs typeface="Arial" charset="0"/>
              </a:defRPr>
            </a:lvl7pPr>
            <a:lvl8pPr marL="3429000" indent="-228600" eaLnBrk="0" fontAlgn="base" hangingPunct="0">
              <a:spcBef>
                <a:spcPct val="0"/>
              </a:spcBef>
              <a:spcAft>
                <a:spcPct val="0"/>
              </a:spcAft>
              <a:defRPr sz="2000">
                <a:solidFill>
                  <a:schemeClr val="tx1"/>
                </a:solidFill>
                <a:latin typeface="Arial" charset="0"/>
                <a:cs typeface="Arial" charset="0"/>
              </a:defRPr>
            </a:lvl8pPr>
            <a:lvl9pPr marL="3886200" indent="-228600" eaLnBrk="0" fontAlgn="base" hangingPunct="0">
              <a:spcBef>
                <a:spcPct val="0"/>
              </a:spcBef>
              <a:spcAft>
                <a:spcPct val="0"/>
              </a:spcAft>
              <a:defRPr sz="2000">
                <a:solidFill>
                  <a:schemeClr val="tx1"/>
                </a:solidFill>
                <a:latin typeface="Arial" charset="0"/>
                <a:cs typeface="Arial" charset="0"/>
              </a:defRPr>
            </a:lvl9pPr>
          </a:lstStyle>
          <a:p>
            <a:pPr algn="ctr"/>
            <a:r>
              <a:rPr lang="en-US" sz="2800" b="1" dirty="0">
                <a:solidFill>
                  <a:schemeClr val="bg1"/>
                </a:solidFill>
                <a:latin typeface="+mn-lt"/>
              </a:rPr>
              <a:t>850</a:t>
            </a:r>
          </a:p>
          <a:p>
            <a:pPr marL="0" indent="0" algn="ctr">
              <a:buNone/>
            </a:pPr>
            <a:endParaRPr lang="en-US" sz="100" b="1" dirty="0">
              <a:solidFill>
                <a:schemeClr val="bg1"/>
              </a:solidFill>
              <a:ea typeface="Ericsson Hilda" pitchFamily="4" charset="0"/>
              <a:cs typeface="Ericsson Hilda Light"/>
            </a:endParaRPr>
          </a:p>
        </p:txBody>
      </p:sp>
      <p:sp>
        <p:nvSpPr>
          <p:cNvPr id="38" name="TextBox 37">
            <a:extLst>
              <a:ext uri="{FF2B5EF4-FFF2-40B4-BE49-F238E27FC236}">
                <a16:creationId xmlns:a16="http://schemas.microsoft.com/office/drawing/2014/main" id="{52519BF9-7E03-28AF-E02F-7BBE74B52FCE}"/>
              </a:ext>
            </a:extLst>
          </p:cNvPr>
          <p:cNvSpPr txBox="1"/>
          <p:nvPr/>
        </p:nvSpPr>
        <p:spPr>
          <a:xfrm>
            <a:off x="6759725" y="5395651"/>
            <a:ext cx="2136912" cy="553998"/>
          </a:xfrm>
          <a:prstGeom prst="rect">
            <a:avLst/>
          </a:prstGeom>
          <a:noFill/>
        </p:spPr>
        <p:txBody>
          <a:bodyPr wrap="square">
            <a:spAutoFit/>
          </a:bodyPr>
          <a:lstStyle/>
          <a:p>
            <a:pPr marL="0" indent="0" algn="ctr">
              <a:buNone/>
            </a:pPr>
            <a:r>
              <a:rPr lang="it-IT" sz="1500" dirty="0">
                <a:solidFill>
                  <a:srgbClr val="002060"/>
                </a:solidFill>
              </a:rPr>
              <a:t>Anni di Ricerca</a:t>
            </a:r>
            <a:br>
              <a:rPr lang="it-IT" sz="1500" dirty="0">
                <a:solidFill>
                  <a:srgbClr val="002060"/>
                </a:solidFill>
              </a:rPr>
            </a:br>
            <a:r>
              <a:rPr lang="it-IT" sz="1500" dirty="0">
                <a:solidFill>
                  <a:srgbClr val="002060"/>
                </a:solidFill>
              </a:rPr>
              <a:t>e Sviluppo</a:t>
            </a:r>
          </a:p>
        </p:txBody>
      </p:sp>
      <p:sp>
        <p:nvSpPr>
          <p:cNvPr id="40" name="TextBox 39">
            <a:extLst>
              <a:ext uri="{FF2B5EF4-FFF2-40B4-BE49-F238E27FC236}">
                <a16:creationId xmlns:a16="http://schemas.microsoft.com/office/drawing/2014/main" id="{9C65DDF0-DA7A-77E3-25B5-4E0995E77878}"/>
              </a:ext>
            </a:extLst>
          </p:cNvPr>
          <p:cNvSpPr txBox="1"/>
          <p:nvPr/>
        </p:nvSpPr>
        <p:spPr>
          <a:xfrm>
            <a:off x="8691352" y="5428228"/>
            <a:ext cx="1548352" cy="323165"/>
          </a:xfrm>
          <a:prstGeom prst="rect">
            <a:avLst/>
          </a:prstGeom>
          <a:noFill/>
        </p:spPr>
        <p:txBody>
          <a:bodyPr wrap="square">
            <a:spAutoFit/>
          </a:bodyPr>
          <a:lstStyle/>
          <a:p>
            <a:pPr algn="ctr"/>
            <a:r>
              <a:rPr lang="it-IT" sz="1500" dirty="0">
                <a:solidFill>
                  <a:srgbClr val="002060"/>
                </a:solidFill>
              </a:rPr>
              <a:t>Ricercatori</a:t>
            </a:r>
          </a:p>
        </p:txBody>
      </p:sp>
      <p:sp>
        <p:nvSpPr>
          <p:cNvPr id="41" name="TextBox 40">
            <a:extLst>
              <a:ext uri="{FF2B5EF4-FFF2-40B4-BE49-F238E27FC236}">
                <a16:creationId xmlns:a16="http://schemas.microsoft.com/office/drawing/2014/main" id="{89794C9E-9B51-AF0B-4154-E06BF83B0384}"/>
              </a:ext>
            </a:extLst>
          </p:cNvPr>
          <p:cNvSpPr txBox="1"/>
          <p:nvPr/>
        </p:nvSpPr>
        <p:spPr>
          <a:xfrm>
            <a:off x="10397623" y="5445129"/>
            <a:ext cx="1248825" cy="323165"/>
          </a:xfrm>
          <a:prstGeom prst="rect">
            <a:avLst/>
          </a:prstGeom>
          <a:noFill/>
        </p:spPr>
        <p:txBody>
          <a:bodyPr wrap="square">
            <a:spAutoFit/>
          </a:bodyPr>
          <a:lstStyle/>
          <a:p>
            <a:pPr algn="ctr"/>
            <a:r>
              <a:rPr lang="it-IT" sz="1500" dirty="0">
                <a:solidFill>
                  <a:srgbClr val="002060"/>
                </a:solidFill>
              </a:rPr>
              <a:t>Brevetti</a:t>
            </a:r>
          </a:p>
        </p:txBody>
      </p:sp>
      <p:sp>
        <p:nvSpPr>
          <p:cNvPr id="157" name="Oval 156">
            <a:extLst>
              <a:ext uri="{FF2B5EF4-FFF2-40B4-BE49-F238E27FC236}">
                <a16:creationId xmlns:a16="http://schemas.microsoft.com/office/drawing/2014/main" id="{D2BD697F-C72A-EA23-1D4E-21EE5FD00335}"/>
              </a:ext>
            </a:extLst>
          </p:cNvPr>
          <p:cNvSpPr/>
          <p:nvPr/>
        </p:nvSpPr>
        <p:spPr>
          <a:xfrm>
            <a:off x="4607103" y="3953719"/>
            <a:ext cx="687781" cy="628479"/>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pic>
        <p:nvPicPr>
          <p:cNvPr id="81" name="Graphic 80" descr="Office worker male with solid fill">
            <a:extLst>
              <a:ext uri="{FF2B5EF4-FFF2-40B4-BE49-F238E27FC236}">
                <a16:creationId xmlns:a16="http://schemas.microsoft.com/office/drawing/2014/main" id="{B60E027A-E4C9-D03C-941A-4F4402EA3EF9}"/>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4637502" y="3979788"/>
            <a:ext cx="572008" cy="572008"/>
          </a:xfrm>
          <a:prstGeom prst="rect">
            <a:avLst/>
          </a:prstGeom>
        </p:spPr>
      </p:pic>
      <p:sp>
        <p:nvSpPr>
          <p:cNvPr id="159" name="Oval 158">
            <a:extLst>
              <a:ext uri="{FF2B5EF4-FFF2-40B4-BE49-F238E27FC236}">
                <a16:creationId xmlns:a16="http://schemas.microsoft.com/office/drawing/2014/main" id="{F66C9CE9-C03F-BA6C-72CF-B891048866DB}"/>
              </a:ext>
            </a:extLst>
          </p:cNvPr>
          <p:cNvSpPr/>
          <p:nvPr/>
        </p:nvSpPr>
        <p:spPr>
          <a:xfrm>
            <a:off x="6233290" y="3982811"/>
            <a:ext cx="687781" cy="628479"/>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pic>
        <p:nvPicPr>
          <p:cNvPr id="54" name="Graphic 53" descr="Good Idea with solid fill">
            <a:extLst>
              <a:ext uri="{FF2B5EF4-FFF2-40B4-BE49-F238E27FC236}">
                <a16:creationId xmlns:a16="http://schemas.microsoft.com/office/drawing/2014/main" id="{A96F0CD8-B7EF-9EF2-5553-90351C86935F}"/>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6295400" y="3944652"/>
            <a:ext cx="616488" cy="616488"/>
          </a:xfrm>
          <a:prstGeom prst="rect">
            <a:avLst/>
          </a:prstGeom>
        </p:spPr>
      </p:pic>
      <p:sp>
        <p:nvSpPr>
          <p:cNvPr id="162" name="Oval 161">
            <a:extLst>
              <a:ext uri="{FF2B5EF4-FFF2-40B4-BE49-F238E27FC236}">
                <a16:creationId xmlns:a16="http://schemas.microsoft.com/office/drawing/2014/main" id="{A48D69BB-509A-3EA1-C70F-472FC7A88242}"/>
              </a:ext>
            </a:extLst>
          </p:cNvPr>
          <p:cNvSpPr/>
          <p:nvPr/>
        </p:nvSpPr>
        <p:spPr>
          <a:xfrm>
            <a:off x="7774369" y="3997340"/>
            <a:ext cx="687781" cy="628479"/>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163" name="Oval 162">
            <a:extLst>
              <a:ext uri="{FF2B5EF4-FFF2-40B4-BE49-F238E27FC236}">
                <a16:creationId xmlns:a16="http://schemas.microsoft.com/office/drawing/2014/main" id="{A2EEC5B1-61C2-511E-A338-B3AA54B2062A}"/>
              </a:ext>
            </a:extLst>
          </p:cNvPr>
          <p:cNvSpPr/>
          <p:nvPr/>
        </p:nvSpPr>
        <p:spPr>
          <a:xfrm>
            <a:off x="9503843" y="4027597"/>
            <a:ext cx="687781" cy="628479"/>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164" name="Oval 163">
            <a:extLst>
              <a:ext uri="{FF2B5EF4-FFF2-40B4-BE49-F238E27FC236}">
                <a16:creationId xmlns:a16="http://schemas.microsoft.com/office/drawing/2014/main" id="{2B5CB0FA-8879-2D54-6805-B5AC84C03219}"/>
              </a:ext>
            </a:extLst>
          </p:cNvPr>
          <p:cNvSpPr/>
          <p:nvPr/>
        </p:nvSpPr>
        <p:spPr>
          <a:xfrm>
            <a:off x="11074288" y="4053036"/>
            <a:ext cx="687781" cy="628479"/>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pic>
        <p:nvPicPr>
          <p:cNvPr id="44" name="Graphic 43" descr="Ribbon with solid fill">
            <a:extLst>
              <a:ext uri="{FF2B5EF4-FFF2-40B4-BE49-F238E27FC236}">
                <a16:creationId xmlns:a16="http://schemas.microsoft.com/office/drawing/2014/main" id="{75E00E00-9E3C-9763-9999-075485F8DC09}"/>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11106821" y="4024910"/>
            <a:ext cx="631819" cy="631819"/>
          </a:xfrm>
          <a:prstGeom prst="rect">
            <a:avLst/>
          </a:prstGeom>
        </p:spPr>
      </p:pic>
      <p:pic>
        <p:nvPicPr>
          <p:cNvPr id="57" name="Graphic 56" descr="Group brainstorm with solid fill">
            <a:extLst>
              <a:ext uri="{FF2B5EF4-FFF2-40B4-BE49-F238E27FC236}">
                <a16:creationId xmlns:a16="http://schemas.microsoft.com/office/drawing/2014/main" id="{5B24C0F0-C24D-C0EC-3784-458B5FCCFEBA}"/>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9455765" y="3799705"/>
            <a:ext cx="783939" cy="783939"/>
          </a:xfrm>
          <a:prstGeom prst="rect">
            <a:avLst/>
          </a:prstGeom>
        </p:spPr>
      </p:pic>
      <p:pic>
        <p:nvPicPr>
          <p:cNvPr id="105" name="Graphic 104" descr="Research with solid fill">
            <a:extLst>
              <a:ext uri="{FF2B5EF4-FFF2-40B4-BE49-F238E27FC236}">
                <a16:creationId xmlns:a16="http://schemas.microsoft.com/office/drawing/2014/main" id="{4F11FED0-F191-45F0-942E-EDFB31F4CFE0}"/>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7829620" y="4024910"/>
            <a:ext cx="548641" cy="548641"/>
          </a:xfrm>
          <a:prstGeom prst="rect">
            <a:avLst/>
          </a:prstGeom>
        </p:spPr>
      </p:pic>
      <p:pic>
        <p:nvPicPr>
          <p:cNvPr id="165" name="Picture 164">
            <a:extLst>
              <a:ext uri="{FF2B5EF4-FFF2-40B4-BE49-F238E27FC236}">
                <a16:creationId xmlns:a16="http://schemas.microsoft.com/office/drawing/2014/main" id="{2A1C4CD4-F720-06CA-98CA-9D457DBBBD73}"/>
              </a:ext>
            </a:extLst>
          </p:cNvPr>
          <p:cNvPicPr>
            <a:picLocks noChangeAspect="1"/>
          </p:cNvPicPr>
          <p:nvPr/>
        </p:nvPicPr>
        <p:blipFill>
          <a:blip r:embed="rId14"/>
          <a:stretch>
            <a:fillRect/>
          </a:stretch>
        </p:blipFill>
        <p:spPr>
          <a:xfrm>
            <a:off x="9734730" y="801104"/>
            <a:ext cx="2349063" cy="1286533"/>
          </a:xfrm>
          <a:prstGeom prst="roundRect">
            <a:avLst>
              <a:gd name="adj" fmla="val 8594"/>
            </a:avLst>
          </a:prstGeom>
          <a:solidFill>
            <a:srgbClr val="FFFFFF">
              <a:shade val="85000"/>
            </a:srgbClr>
          </a:solidFill>
          <a:ln>
            <a:noFill/>
          </a:ln>
          <a:effectLst/>
        </p:spPr>
      </p:pic>
      <p:pic>
        <p:nvPicPr>
          <p:cNvPr id="169" name="Picture 168">
            <a:extLst>
              <a:ext uri="{FF2B5EF4-FFF2-40B4-BE49-F238E27FC236}">
                <a16:creationId xmlns:a16="http://schemas.microsoft.com/office/drawing/2014/main" id="{1373BAE0-2D9F-4887-63BE-851322C66501}"/>
              </a:ext>
            </a:extLst>
          </p:cNvPr>
          <p:cNvPicPr>
            <a:picLocks noChangeAspect="1"/>
          </p:cNvPicPr>
          <p:nvPr/>
        </p:nvPicPr>
        <p:blipFill>
          <a:blip r:embed="rId15"/>
          <a:stretch>
            <a:fillRect/>
          </a:stretch>
        </p:blipFill>
        <p:spPr>
          <a:xfrm>
            <a:off x="9733954" y="2339634"/>
            <a:ext cx="2349839" cy="1280959"/>
          </a:xfrm>
          <a:prstGeom prst="roundRect">
            <a:avLst>
              <a:gd name="adj" fmla="val 8594"/>
            </a:avLst>
          </a:prstGeom>
          <a:solidFill>
            <a:srgbClr val="FFFFFF">
              <a:shade val="85000"/>
            </a:srgbClr>
          </a:solidFill>
          <a:ln>
            <a:noFill/>
          </a:ln>
          <a:effectLst/>
        </p:spPr>
      </p:pic>
    </p:spTree>
    <p:extLst>
      <p:ext uri="{BB962C8B-B14F-4D97-AF65-F5344CB8AC3E}">
        <p14:creationId xmlns:p14="http://schemas.microsoft.com/office/powerpoint/2010/main" val="11103663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 name="Arrow: Right 26">
            <a:extLst>
              <a:ext uri="{FF2B5EF4-FFF2-40B4-BE49-F238E27FC236}">
                <a16:creationId xmlns:a16="http://schemas.microsoft.com/office/drawing/2014/main" id="{21AB6530-1AEC-948F-7EDC-227E08E9D6B7}"/>
              </a:ext>
            </a:extLst>
          </p:cNvPr>
          <p:cNvSpPr/>
          <p:nvPr/>
        </p:nvSpPr>
        <p:spPr>
          <a:xfrm>
            <a:off x="6953597" y="3988858"/>
            <a:ext cx="1051034" cy="842612"/>
          </a:xfrm>
          <a:prstGeom prst="rightArrow">
            <a:avLst/>
          </a:prstGeom>
          <a:solidFill>
            <a:srgbClr val="ECEFF4"/>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TextBox 4">
            <a:extLst>
              <a:ext uri="{FF2B5EF4-FFF2-40B4-BE49-F238E27FC236}">
                <a16:creationId xmlns:a16="http://schemas.microsoft.com/office/drawing/2014/main" id="{08F2B45B-2BC1-44B2-4465-F8FD2B97328F}"/>
              </a:ext>
            </a:extLst>
          </p:cNvPr>
          <p:cNvSpPr txBox="1"/>
          <p:nvPr/>
        </p:nvSpPr>
        <p:spPr>
          <a:xfrm>
            <a:off x="538575" y="166886"/>
            <a:ext cx="4782207" cy="584775"/>
          </a:xfrm>
          <a:prstGeom prst="rect">
            <a:avLst/>
          </a:prstGeom>
          <a:noFill/>
        </p:spPr>
        <p:txBody>
          <a:bodyPr wrap="square" rtlCol="0">
            <a:spAutoFit/>
          </a:bodyPr>
          <a:lstStyle/>
          <a:p>
            <a:r>
              <a:rPr lang="en-US" sz="3200">
                <a:solidFill>
                  <a:schemeClr val="tx1">
                    <a:lumMod val="75000"/>
                    <a:lumOff val="25000"/>
                  </a:schemeClr>
                </a:solidFill>
              </a:rPr>
              <a:t>La vision</a:t>
            </a:r>
          </a:p>
        </p:txBody>
      </p:sp>
      <p:sp>
        <p:nvSpPr>
          <p:cNvPr id="2" name="Rectangle: Rounded Corners 1">
            <a:extLst>
              <a:ext uri="{FF2B5EF4-FFF2-40B4-BE49-F238E27FC236}">
                <a16:creationId xmlns:a16="http://schemas.microsoft.com/office/drawing/2014/main" id="{9EFEF520-5244-4819-DD31-76B665454865}"/>
              </a:ext>
            </a:extLst>
          </p:cNvPr>
          <p:cNvSpPr/>
          <p:nvPr/>
        </p:nvSpPr>
        <p:spPr>
          <a:xfrm>
            <a:off x="528697" y="2372721"/>
            <a:ext cx="6450140" cy="4314394"/>
          </a:xfrm>
          <a:prstGeom prst="roundRect">
            <a:avLst/>
          </a:prstGeom>
          <a:solidFill>
            <a:srgbClr val="ECEFF4"/>
          </a:solidFill>
          <a:ln w="19050">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Rectangle: Diagonal Corners Rounded 7">
            <a:extLst>
              <a:ext uri="{FF2B5EF4-FFF2-40B4-BE49-F238E27FC236}">
                <a16:creationId xmlns:a16="http://schemas.microsoft.com/office/drawing/2014/main" id="{E2457DC9-3EAC-2BF7-3FBF-77C9553E2D83}"/>
              </a:ext>
            </a:extLst>
          </p:cNvPr>
          <p:cNvSpPr/>
          <p:nvPr/>
        </p:nvSpPr>
        <p:spPr>
          <a:xfrm>
            <a:off x="959621" y="2688104"/>
            <a:ext cx="5659391" cy="273269"/>
          </a:xfrm>
          <a:prstGeom prst="round2DiagRect">
            <a:avLst>
              <a:gd name="adj1" fmla="val 16667"/>
              <a:gd name="adj2" fmla="val 50000"/>
            </a:avLst>
          </a:prstGeom>
          <a:solidFill>
            <a:srgbClr val="0082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b="1"/>
              <a:t>       </a:t>
            </a:r>
            <a:r>
              <a:rPr lang="it-IT" sz="1600" b="1">
                <a:latin typeface="Calibri" panose="020F0502020204030204" pitchFamily="34" charset="0"/>
                <a:cs typeface="Times New Roman" panose="02020603050405020304" pitchFamily="18" charset="0"/>
              </a:rPr>
              <a:t>Formazione, Informazione e Comunicazione</a:t>
            </a:r>
          </a:p>
        </p:txBody>
      </p:sp>
      <p:sp>
        <p:nvSpPr>
          <p:cNvPr id="9" name="Oval 8">
            <a:extLst>
              <a:ext uri="{FF2B5EF4-FFF2-40B4-BE49-F238E27FC236}">
                <a16:creationId xmlns:a16="http://schemas.microsoft.com/office/drawing/2014/main" id="{C25695B7-F62D-3FF8-9DE2-349A49A7122E}"/>
              </a:ext>
            </a:extLst>
          </p:cNvPr>
          <p:cNvSpPr/>
          <p:nvPr/>
        </p:nvSpPr>
        <p:spPr>
          <a:xfrm>
            <a:off x="686352" y="2688104"/>
            <a:ext cx="599090" cy="567558"/>
          </a:xfrm>
          <a:prstGeom prst="ellipse">
            <a:avLst/>
          </a:prstGeom>
          <a:solidFill>
            <a:srgbClr val="0082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Diagonal Corners Rounded 9">
            <a:extLst>
              <a:ext uri="{FF2B5EF4-FFF2-40B4-BE49-F238E27FC236}">
                <a16:creationId xmlns:a16="http://schemas.microsoft.com/office/drawing/2014/main" id="{367D835D-4A4F-B0DB-C4D5-11B2AAC09904}"/>
              </a:ext>
            </a:extLst>
          </p:cNvPr>
          <p:cNvSpPr/>
          <p:nvPr/>
        </p:nvSpPr>
        <p:spPr>
          <a:xfrm>
            <a:off x="959621" y="4037427"/>
            <a:ext cx="5659391" cy="273269"/>
          </a:xfrm>
          <a:prstGeom prst="round2DiagRect">
            <a:avLst>
              <a:gd name="adj1" fmla="val 16667"/>
              <a:gd name="adj2" fmla="val 50000"/>
            </a:avLst>
          </a:prstGeom>
          <a:solidFill>
            <a:srgbClr val="FF8C0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b="1"/>
              <a:t>       </a:t>
            </a:r>
            <a:r>
              <a:rPr lang="it-IT" sz="1600" b="1">
                <a:latin typeface="Calibri" panose="020F0502020204030204" pitchFamily="34" charset="0"/>
                <a:cs typeface="Times New Roman" panose="02020603050405020304" pitchFamily="18" charset="0"/>
              </a:rPr>
              <a:t>Monitoraggio volto alla prevenzione </a:t>
            </a:r>
          </a:p>
        </p:txBody>
      </p:sp>
      <p:sp>
        <p:nvSpPr>
          <p:cNvPr id="11" name="Oval 10">
            <a:extLst>
              <a:ext uri="{FF2B5EF4-FFF2-40B4-BE49-F238E27FC236}">
                <a16:creationId xmlns:a16="http://schemas.microsoft.com/office/drawing/2014/main" id="{CA6604CE-E156-E357-5E98-960E26C3B7AE}"/>
              </a:ext>
            </a:extLst>
          </p:cNvPr>
          <p:cNvSpPr/>
          <p:nvPr/>
        </p:nvSpPr>
        <p:spPr>
          <a:xfrm>
            <a:off x="686352" y="4037427"/>
            <a:ext cx="599090" cy="567558"/>
          </a:xfrm>
          <a:prstGeom prst="ellipse">
            <a:avLst/>
          </a:prstGeom>
          <a:solidFill>
            <a:srgbClr val="FF8C0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Diagonal Corners Rounded 11">
            <a:extLst>
              <a:ext uri="{FF2B5EF4-FFF2-40B4-BE49-F238E27FC236}">
                <a16:creationId xmlns:a16="http://schemas.microsoft.com/office/drawing/2014/main" id="{56DAE976-D2BA-3824-9F50-77FE1557A7E9}"/>
              </a:ext>
            </a:extLst>
          </p:cNvPr>
          <p:cNvSpPr/>
          <p:nvPr/>
        </p:nvSpPr>
        <p:spPr>
          <a:xfrm>
            <a:off x="959621" y="5389314"/>
            <a:ext cx="5659391" cy="273269"/>
          </a:xfrm>
          <a:prstGeom prst="round2DiagRect">
            <a:avLst>
              <a:gd name="adj1" fmla="val 16667"/>
              <a:gd name="adj2" fmla="val 50000"/>
            </a:avLst>
          </a:prstGeom>
          <a:solidFill>
            <a:srgbClr val="AF78D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600" b="1"/>
              <a:t>       </a:t>
            </a:r>
            <a:r>
              <a:rPr lang="it-IT" sz="1600" b="1">
                <a:effectLst/>
                <a:latin typeface="Calibri" panose="020F0502020204030204" pitchFamily="34" charset="0"/>
                <a:ea typeface="Calibri" panose="020F0502020204030204" pitchFamily="34" charset="0"/>
                <a:cs typeface="Times New Roman" panose="02020603050405020304" pitchFamily="18" charset="0"/>
              </a:rPr>
              <a:t>Utilizzo di Tecnologie Digitali</a:t>
            </a:r>
            <a:endParaRPr lang="it-IT" sz="1600" b="1"/>
          </a:p>
        </p:txBody>
      </p:sp>
      <p:sp>
        <p:nvSpPr>
          <p:cNvPr id="13" name="Oval 12">
            <a:extLst>
              <a:ext uri="{FF2B5EF4-FFF2-40B4-BE49-F238E27FC236}">
                <a16:creationId xmlns:a16="http://schemas.microsoft.com/office/drawing/2014/main" id="{5C1D8CDE-BD48-743E-5CF4-54670514E615}"/>
              </a:ext>
            </a:extLst>
          </p:cNvPr>
          <p:cNvSpPr/>
          <p:nvPr/>
        </p:nvSpPr>
        <p:spPr>
          <a:xfrm>
            <a:off x="686352" y="5389314"/>
            <a:ext cx="599090" cy="567558"/>
          </a:xfrm>
          <a:prstGeom prst="ellipse">
            <a:avLst/>
          </a:prstGeom>
          <a:solidFill>
            <a:srgbClr val="AF78D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TextBox 13">
            <a:extLst>
              <a:ext uri="{FF2B5EF4-FFF2-40B4-BE49-F238E27FC236}">
                <a16:creationId xmlns:a16="http://schemas.microsoft.com/office/drawing/2014/main" id="{5D327C5D-FA31-5877-9895-D57159B89DAA}"/>
              </a:ext>
            </a:extLst>
          </p:cNvPr>
          <p:cNvSpPr txBox="1"/>
          <p:nvPr/>
        </p:nvSpPr>
        <p:spPr>
          <a:xfrm>
            <a:off x="1285442" y="3004770"/>
            <a:ext cx="5239836" cy="923330"/>
          </a:xfrm>
          <a:prstGeom prst="rect">
            <a:avLst/>
          </a:prstGeom>
          <a:noFill/>
        </p:spPr>
        <p:txBody>
          <a:bodyPr wrap="square" rtlCol="0">
            <a:spAutoFit/>
          </a:bodyPr>
          <a:lstStyle/>
          <a:p>
            <a:r>
              <a:rPr lang="it-IT"/>
              <a:t>Investire sulla formazione permette di sensibilizzare i leader, i dipendenti e i nostri partner/fornitori,verso una maggior consapevolezza della sicurezza. </a:t>
            </a:r>
          </a:p>
        </p:txBody>
      </p:sp>
      <p:sp>
        <p:nvSpPr>
          <p:cNvPr id="15" name="TextBox 14">
            <a:extLst>
              <a:ext uri="{FF2B5EF4-FFF2-40B4-BE49-F238E27FC236}">
                <a16:creationId xmlns:a16="http://schemas.microsoft.com/office/drawing/2014/main" id="{9546402D-F929-FED9-EAF7-2EC7BF9387E9}"/>
              </a:ext>
            </a:extLst>
          </p:cNvPr>
          <p:cNvSpPr txBox="1"/>
          <p:nvPr/>
        </p:nvSpPr>
        <p:spPr>
          <a:xfrm>
            <a:off x="1285441" y="4374139"/>
            <a:ext cx="5517931" cy="923330"/>
          </a:xfrm>
          <a:prstGeom prst="rect">
            <a:avLst/>
          </a:prstGeom>
          <a:noFill/>
        </p:spPr>
        <p:txBody>
          <a:bodyPr wrap="square" rtlCol="0">
            <a:spAutoFit/>
          </a:bodyPr>
          <a:lstStyle/>
          <a:p>
            <a:r>
              <a:rPr lang="it-IT"/>
              <a:t>Le misure di controllo preventivo supportano i lavoratori ad attenzionare aspetti importanti della sicurezza in campo e supportano Ericsson a scegliere i giusti Fornitori.</a:t>
            </a:r>
          </a:p>
        </p:txBody>
      </p:sp>
      <p:sp>
        <p:nvSpPr>
          <p:cNvPr id="16" name="TextBox 15">
            <a:extLst>
              <a:ext uri="{FF2B5EF4-FFF2-40B4-BE49-F238E27FC236}">
                <a16:creationId xmlns:a16="http://schemas.microsoft.com/office/drawing/2014/main" id="{A76465BC-8D6C-CA49-874D-86578693B60F}"/>
              </a:ext>
            </a:extLst>
          </p:cNvPr>
          <p:cNvSpPr txBox="1"/>
          <p:nvPr/>
        </p:nvSpPr>
        <p:spPr>
          <a:xfrm>
            <a:off x="1285442" y="5694562"/>
            <a:ext cx="5517931" cy="923330"/>
          </a:xfrm>
          <a:prstGeom prst="rect">
            <a:avLst/>
          </a:prstGeom>
          <a:noFill/>
        </p:spPr>
        <p:txBody>
          <a:bodyPr wrap="square" rtlCol="0">
            <a:spAutoFit/>
          </a:bodyPr>
          <a:lstStyle/>
          <a:p>
            <a:r>
              <a:rPr lang="it-IT"/>
              <a:t>L’uso di droni e l’intelligenza artificiale permette una rilevazione precoce delle anomalie, monitorando in tempo reale sia il sito, sia i lavoratori.</a:t>
            </a:r>
          </a:p>
        </p:txBody>
      </p:sp>
      <p:sp>
        <p:nvSpPr>
          <p:cNvPr id="28" name="TextBox 27">
            <a:extLst>
              <a:ext uri="{FF2B5EF4-FFF2-40B4-BE49-F238E27FC236}">
                <a16:creationId xmlns:a16="http://schemas.microsoft.com/office/drawing/2014/main" id="{F6D566D4-5728-B63F-330B-04CF3F0DEEF8}"/>
              </a:ext>
            </a:extLst>
          </p:cNvPr>
          <p:cNvSpPr txBox="1"/>
          <p:nvPr/>
        </p:nvSpPr>
        <p:spPr>
          <a:xfrm>
            <a:off x="8265328" y="3809999"/>
            <a:ext cx="3363308" cy="1200329"/>
          </a:xfrm>
          <a:prstGeom prst="rect">
            <a:avLst/>
          </a:prstGeom>
          <a:noFill/>
        </p:spPr>
        <p:txBody>
          <a:bodyPr wrap="square" rtlCol="0">
            <a:spAutoFit/>
          </a:bodyPr>
          <a:lstStyle/>
          <a:p>
            <a:r>
              <a:rPr lang="it-IT"/>
              <a:t>Aumentare la sicurezza dei lavoratori e garantire loro un ambiente di lavoro sicuro e salubre.</a:t>
            </a:r>
          </a:p>
        </p:txBody>
      </p:sp>
      <p:sp>
        <p:nvSpPr>
          <p:cNvPr id="29" name="TextBox 28">
            <a:extLst>
              <a:ext uri="{FF2B5EF4-FFF2-40B4-BE49-F238E27FC236}">
                <a16:creationId xmlns:a16="http://schemas.microsoft.com/office/drawing/2014/main" id="{806BBFA7-B73B-88B0-84E9-BF9573CD6853}"/>
              </a:ext>
            </a:extLst>
          </p:cNvPr>
          <p:cNvSpPr txBox="1"/>
          <p:nvPr/>
        </p:nvSpPr>
        <p:spPr>
          <a:xfrm>
            <a:off x="286327" y="789284"/>
            <a:ext cx="11730182" cy="1323439"/>
          </a:xfrm>
          <a:prstGeom prst="rect">
            <a:avLst/>
          </a:prstGeom>
          <a:noFill/>
        </p:spPr>
        <p:txBody>
          <a:bodyPr wrap="square" lIns="91440" tIns="45720" rIns="91440" bIns="45720" rtlCol="0" anchor="t">
            <a:spAutoFit/>
          </a:bodyPr>
          <a:lstStyle/>
          <a:p>
            <a:r>
              <a:rPr lang="it-IT" sz="1600" dirty="0"/>
              <a:t>Il programma SafetyFirst360 consiste in un piano dove formazione, monitoraggio e utilizzo di tecnologie digitali agiscono in sinergia al fine di aumentare la consapevolezza dei dipendenti e dei fornitori circa l’importanza di lavorare in sicurezza riducendo così il numero di incidenti. Tale programma poggia su una solida base di vigilanza continua, impegno costante e cultura organizzativa che mettono la sicurezza al primo posto, secondo un principio da sempre adottato dal Gruppo </a:t>
            </a:r>
            <a:r>
              <a:rPr lang="it-IT" sz="1600" u="sng" dirty="0">
                <a:solidFill>
                  <a:srgbClr val="0563C1"/>
                </a:solidFill>
                <a:effectLst/>
                <a:latin typeface="Calibri"/>
                <a:ea typeface="Calibri" panose="020F0502020204030204" pitchFamily="34" charset="0"/>
                <a:cs typeface="Calibri"/>
                <a:hlinkClick r:id="rId2"/>
              </a:rPr>
              <a:t>https://www.ericsson.com/en/about-us/sustainability-and-corporate-responsibility/responsible-business/health-and-safety</a:t>
            </a:r>
            <a:r>
              <a:rPr lang="it-IT" sz="1600" u="sng" dirty="0">
                <a:solidFill>
                  <a:srgbClr val="0563C1"/>
                </a:solidFill>
                <a:effectLst/>
                <a:latin typeface="Calibri"/>
                <a:ea typeface="Calibri" panose="020F0502020204030204" pitchFamily="34" charset="0"/>
                <a:cs typeface="Calibri"/>
              </a:rPr>
              <a:t>.</a:t>
            </a:r>
            <a:endParaRPr lang="it-IT" sz="1600" dirty="0">
              <a:latin typeface="Calibri"/>
              <a:cs typeface="Calibri"/>
            </a:endParaRPr>
          </a:p>
        </p:txBody>
      </p:sp>
      <p:sp>
        <p:nvSpPr>
          <p:cNvPr id="30" name="Oval 29">
            <a:extLst>
              <a:ext uri="{FF2B5EF4-FFF2-40B4-BE49-F238E27FC236}">
                <a16:creationId xmlns:a16="http://schemas.microsoft.com/office/drawing/2014/main" id="{218EE9D3-E816-1EBD-AAB2-7C59D5110888}"/>
              </a:ext>
            </a:extLst>
          </p:cNvPr>
          <p:cNvSpPr/>
          <p:nvPr/>
        </p:nvSpPr>
        <p:spPr>
          <a:xfrm>
            <a:off x="719385" y="2720724"/>
            <a:ext cx="536029" cy="501332"/>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8" name="Graphic 17" descr="Classroom with solid fill">
            <a:extLst>
              <a:ext uri="{FF2B5EF4-FFF2-40B4-BE49-F238E27FC236}">
                <a16:creationId xmlns:a16="http://schemas.microsoft.com/office/drawing/2014/main" id="{96C72BAD-394B-8409-6AA3-733B8742A678}"/>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759924" y="2765974"/>
            <a:ext cx="451945" cy="451945"/>
          </a:xfrm>
          <a:prstGeom prst="rect">
            <a:avLst/>
          </a:prstGeom>
        </p:spPr>
      </p:pic>
      <p:sp>
        <p:nvSpPr>
          <p:cNvPr id="31" name="Oval 30">
            <a:extLst>
              <a:ext uri="{FF2B5EF4-FFF2-40B4-BE49-F238E27FC236}">
                <a16:creationId xmlns:a16="http://schemas.microsoft.com/office/drawing/2014/main" id="{6D2D662F-3D4B-0639-1BCF-4071E255EE7F}"/>
              </a:ext>
            </a:extLst>
          </p:cNvPr>
          <p:cNvSpPr/>
          <p:nvPr/>
        </p:nvSpPr>
        <p:spPr>
          <a:xfrm>
            <a:off x="720324" y="5425524"/>
            <a:ext cx="536029" cy="501332"/>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val 31">
            <a:extLst>
              <a:ext uri="{FF2B5EF4-FFF2-40B4-BE49-F238E27FC236}">
                <a16:creationId xmlns:a16="http://schemas.microsoft.com/office/drawing/2014/main" id="{4F9777F5-705F-2148-74EB-49E065997FC3}"/>
              </a:ext>
            </a:extLst>
          </p:cNvPr>
          <p:cNvSpPr/>
          <p:nvPr/>
        </p:nvSpPr>
        <p:spPr>
          <a:xfrm>
            <a:off x="722707" y="4067487"/>
            <a:ext cx="536029" cy="501332"/>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6" name="Graphic 25" descr="History with solid fill">
            <a:extLst>
              <a:ext uri="{FF2B5EF4-FFF2-40B4-BE49-F238E27FC236}">
                <a16:creationId xmlns:a16="http://schemas.microsoft.com/office/drawing/2014/main" id="{F315E41D-9436-F02D-CB25-4229A1A8DEDD}"/>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755414" y="4093888"/>
            <a:ext cx="467708" cy="467708"/>
          </a:xfrm>
          <a:prstGeom prst="rect">
            <a:avLst/>
          </a:prstGeom>
        </p:spPr>
      </p:pic>
      <p:pic>
        <p:nvPicPr>
          <p:cNvPr id="24" name="Graphic 23" descr="Bar chart with solid fill">
            <a:extLst>
              <a:ext uri="{FF2B5EF4-FFF2-40B4-BE49-F238E27FC236}">
                <a16:creationId xmlns:a16="http://schemas.microsoft.com/office/drawing/2014/main" id="{B2320A0C-ECD0-1E5B-D1C6-E62F0D7A5603}"/>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749837" y="5440060"/>
            <a:ext cx="462032" cy="462032"/>
          </a:xfrm>
          <a:prstGeom prst="rect">
            <a:avLst/>
          </a:prstGeom>
        </p:spPr>
      </p:pic>
      <p:cxnSp>
        <p:nvCxnSpPr>
          <p:cNvPr id="35" name="Straight Connector 34">
            <a:extLst>
              <a:ext uri="{FF2B5EF4-FFF2-40B4-BE49-F238E27FC236}">
                <a16:creationId xmlns:a16="http://schemas.microsoft.com/office/drawing/2014/main" id="{6DA4F8F9-EAFC-DA02-1EAC-A1777C1A0701}"/>
              </a:ext>
            </a:extLst>
          </p:cNvPr>
          <p:cNvCxnSpPr/>
          <p:nvPr/>
        </p:nvCxnSpPr>
        <p:spPr>
          <a:xfrm>
            <a:off x="630620" y="734762"/>
            <a:ext cx="10731063" cy="0"/>
          </a:xfrm>
          <a:prstGeom prst="line">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pic>
        <p:nvPicPr>
          <p:cNvPr id="3" name="Graphic 2">
            <a:extLst>
              <a:ext uri="{FF2B5EF4-FFF2-40B4-BE49-F238E27FC236}">
                <a16:creationId xmlns:a16="http://schemas.microsoft.com/office/drawing/2014/main" id="{8ED2B46D-930D-5FD7-D544-B8C26E51DCCB}"/>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11547615" y="291526"/>
            <a:ext cx="256032" cy="256032"/>
          </a:xfrm>
          <a:prstGeom prst="rect">
            <a:avLst/>
          </a:prstGeom>
        </p:spPr>
      </p:pic>
      <p:sp>
        <p:nvSpPr>
          <p:cNvPr id="4" name="TextBox 3">
            <a:extLst>
              <a:ext uri="{FF2B5EF4-FFF2-40B4-BE49-F238E27FC236}">
                <a16:creationId xmlns:a16="http://schemas.microsoft.com/office/drawing/2014/main" id="{F0071D4B-7C67-BF6E-378E-0ECB8EF83409}"/>
              </a:ext>
            </a:extLst>
          </p:cNvPr>
          <p:cNvSpPr txBox="1"/>
          <p:nvPr/>
        </p:nvSpPr>
        <p:spPr>
          <a:xfrm>
            <a:off x="8685018" y="3440667"/>
            <a:ext cx="1261964" cy="369332"/>
          </a:xfrm>
          <a:prstGeom prst="rect">
            <a:avLst/>
          </a:prstGeom>
          <a:noFill/>
        </p:spPr>
        <p:txBody>
          <a:bodyPr wrap="square" rtlCol="0">
            <a:spAutoFit/>
          </a:bodyPr>
          <a:lstStyle/>
          <a:p>
            <a:r>
              <a:rPr lang="en-US" b="1">
                <a:solidFill>
                  <a:srgbClr val="002060"/>
                </a:solidFill>
              </a:rPr>
              <a:t>OBIETTIVO</a:t>
            </a:r>
          </a:p>
        </p:txBody>
      </p:sp>
      <p:pic>
        <p:nvPicPr>
          <p:cNvPr id="6" name="Graphic 5" descr="Bullseye with solid fill">
            <a:extLst>
              <a:ext uri="{FF2B5EF4-FFF2-40B4-BE49-F238E27FC236}">
                <a16:creationId xmlns:a16="http://schemas.microsoft.com/office/drawing/2014/main" id="{203F1CE8-DD08-1AE8-0A6E-0D17DF7DB7BF}"/>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8190581" y="3255662"/>
            <a:ext cx="569184" cy="569184"/>
          </a:xfrm>
          <a:prstGeom prst="rect">
            <a:avLst/>
          </a:prstGeom>
        </p:spPr>
      </p:pic>
      <p:sp>
        <p:nvSpPr>
          <p:cNvPr id="7" name="TextBox 6">
            <a:extLst>
              <a:ext uri="{FF2B5EF4-FFF2-40B4-BE49-F238E27FC236}">
                <a16:creationId xmlns:a16="http://schemas.microsoft.com/office/drawing/2014/main" id="{2FAEE8AC-8D75-56F5-1DC5-7ED0B27E6821}"/>
              </a:ext>
            </a:extLst>
          </p:cNvPr>
          <p:cNvSpPr txBox="1"/>
          <p:nvPr/>
        </p:nvSpPr>
        <p:spPr>
          <a:xfrm>
            <a:off x="1737296" y="2161081"/>
            <a:ext cx="3941377" cy="408623"/>
          </a:xfrm>
          <a:prstGeom prst="roundRect">
            <a:avLst/>
          </a:prstGeom>
          <a:solidFill>
            <a:schemeClr val="bg1"/>
          </a:solidFill>
        </p:spPr>
        <p:txBody>
          <a:bodyPr wrap="square" rtlCol="0">
            <a:spAutoFit/>
          </a:bodyPr>
          <a:lstStyle/>
          <a:p>
            <a:r>
              <a:rPr lang="en-US" b="1">
                <a:solidFill>
                  <a:srgbClr val="002060"/>
                </a:solidFill>
              </a:rPr>
              <a:t>3 PILASTRI PER UN UNICO OBIETTIVO</a:t>
            </a:r>
          </a:p>
        </p:txBody>
      </p:sp>
    </p:spTree>
    <p:extLst>
      <p:ext uri="{BB962C8B-B14F-4D97-AF65-F5344CB8AC3E}">
        <p14:creationId xmlns:p14="http://schemas.microsoft.com/office/powerpoint/2010/main" val="31746594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7" name="Straight Arrow Connector 26">
            <a:extLst>
              <a:ext uri="{FF2B5EF4-FFF2-40B4-BE49-F238E27FC236}">
                <a16:creationId xmlns:a16="http://schemas.microsoft.com/office/drawing/2014/main" id="{106EE5A7-B542-F3D8-E741-E526EC4228E8}"/>
              </a:ext>
            </a:extLst>
          </p:cNvPr>
          <p:cNvCxnSpPr>
            <a:cxnSpLocks/>
          </p:cNvCxnSpPr>
          <p:nvPr/>
        </p:nvCxnSpPr>
        <p:spPr bwMode="auto">
          <a:xfrm>
            <a:off x="4452565" y="5010122"/>
            <a:ext cx="0" cy="830697"/>
          </a:xfrm>
          <a:prstGeom prst="straightConnector1">
            <a:avLst/>
          </a:prstGeom>
          <a:ln w="127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 name="TextBox 4">
            <a:extLst>
              <a:ext uri="{FF2B5EF4-FFF2-40B4-BE49-F238E27FC236}">
                <a16:creationId xmlns:a16="http://schemas.microsoft.com/office/drawing/2014/main" id="{08F2B45B-2BC1-44B2-4465-F8FD2B97328F}"/>
              </a:ext>
            </a:extLst>
          </p:cNvPr>
          <p:cNvSpPr txBox="1"/>
          <p:nvPr/>
        </p:nvSpPr>
        <p:spPr>
          <a:xfrm>
            <a:off x="538575" y="166886"/>
            <a:ext cx="4782207" cy="584775"/>
          </a:xfrm>
          <a:prstGeom prst="rect">
            <a:avLst/>
          </a:prstGeom>
          <a:noFill/>
        </p:spPr>
        <p:txBody>
          <a:bodyPr wrap="square" rtlCol="0">
            <a:spAutoFit/>
          </a:bodyPr>
          <a:lstStyle/>
          <a:p>
            <a:r>
              <a:rPr lang="en-US" sz="3200">
                <a:solidFill>
                  <a:schemeClr val="tx1">
                    <a:lumMod val="75000"/>
                    <a:lumOff val="25000"/>
                  </a:schemeClr>
                </a:solidFill>
              </a:rPr>
              <a:t>Il processo SafetyFirst360</a:t>
            </a:r>
          </a:p>
        </p:txBody>
      </p:sp>
      <p:pic>
        <p:nvPicPr>
          <p:cNvPr id="3" name="Graphic 2">
            <a:extLst>
              <a:ext uri="{FF2B5EF4-FFF2-40B4-BE49-F238E27FC236}">
                <a16:creationId xmlns:a16="http://schemas.microsoft.com/office/drawing/2014/main" id="{8ED2B46D-930D-5FD7-D544-B8C26E51DCCB}"/>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1547615" y="291526"/>
            <a:ext cx="256032" cy="256032"/>
          </a:xfrm>
          <a:prstGeom prst="rect">
            <a:avLst/>
          </a:prstGeom>
        </p:spPr>
      </p:pic>
      <p:grpSp>
        <p:nvGrpSpPr>
          <p:cNvPr id="30" name="Group 29">
            <a:extLst>
              <a:ext uri="{FF2B5EF4-FFF2-40B4-BE49-F238E27FC236}">
                <a16:creationId xmlns:a16="http://schemas.microsoft.com/office/drawing/2014/main" id="{47EA1A80-7F62-9E91-C6CA-B34038AB6D36}"/>
              </a:ext>
            </a:extLst>
          </p:cNvPr>
          <p:cNvGrpSpPr/>
          <p:nvPr/>
        </p:nvGrpSpPr>
        <p:grpSpPr>
          <a:xfrm>
            <a:off x="1900966" y="878487"/>
            <a:ext cx="7768114" cy="3399777"/>
            <a:chOff x="1808606" y="792014"/>
            <a:chExt cx="7768114" cy="3399777"/>
          </a:xfrm>
        </p:grpSpPr>
        <p:sp>
          <p:nvSpPr>
            <p:cNvPr id="4" name="Rectangle: Rounded Corners 3">
              <a:extLst>
                <a:ext uri="{FF2B5EF4-FFF2-40B4-BE49-F238E27FC236}">
                  <a16:creationId xmlns:a16="http://schemas.microsoft.com/office/drawing/2014/main" id="{AFF84307-AE88-489A-F1CF-5B16F4DDA6C5}"/>
                </a:ext>
              </a:extLst>
            </p:cNvPr>
            <p:cNvSpPr/>
            <p:nvPr/>
          </p:nvSpPr>
          <p:spPr>
            <a:xfrm>
              <a:off x="1855539" y="792014"/>
              <a:ext cx="7721181" cy="3399777"/>
            </a:xfrm>
            <a:prstGeom prst="roundRect">
              <a:avLst/>
            </a:prstGeom>
            <a:solidFill>
              <a:srgbClr val="ECEFF4"/>
            </a:solidFill>
            <a:ln w="19050">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grpSp>
          <p:nvGrpSpPr>
            <p:cNvPr id="6" name="Group 5">
              <a:extLst>
                <a:ext uri="{FF2B5EF4-FFF2-40B4-BE49-F238E27FC236}">
                  <a16:creationId xmlns:a16="http://schemas.microsoft.com/office/drawing/2014/main" id="{3112BFF1-03F0-CF9C-34DC-5EA4ED102D61}"/>
                </a:ext>
              </a:extLst>
            </p:cNvPr>
            <p:cNvGrpSpPr>
              <a:grpSpLocks/>
            </p:cNvGrpSpPr>
            <p:nvPr/>
          </p:nvGrpSpPr>
          <p:grpSpPr>
            <a:xfrm>
              <a:off x="2158952" y="996722"/>
              <a:ext cx="7202032" cy="2748314"/>
              <a:chOff x="257364" y="1022230"/>
              <a:chExt cx="11160289" cy="4773448"/>
            </a:xfrm>
          </p:grpSpPr>
          <p:cxnSp>
            <p:nvCxnSpPr>
              <p:cNvPr id="17" name="Straight Arrow Connector 16">
                <a:extLst>
                  <a:ext uri="{FF2B5EF4-FFF2-40B4-BE49-F238E27FC236}">
                    <a16:creationId xmlns:a16="http://schemas.microsoft.com/office/drawing/2014/main" id="{C30E34AA-5AF0-2D62-78C7-29C171332BD6}"/>
                  </a:ext>
                </a:extLst>
              </p:cNvPr>
              <p:cNvCxnSpPr>
                <a:cxnSpLocks/>
                <a:endCxn id="33" idx="3"/>
              </p:cNvCxnSpPr>
              <p:nvPr/>
            </p:nvCxnSpPr>
            <p:spPr bwMode="auto">
              <a:xfrm flipV="1">
                <a:off x="8170741" y="1662310"/>
                <a:ext cx="1144709" cy="868532"/>
              </a:xfrm>
              <a:prstGeom prst="straightConnector1">
                <a:avLst/>
              </a:prstGeom>
              <a:ln w="12700" cap="flat" cmpd="sng" algn="ctr">
                <a:solidFill>
                  <a:schemeClr val="tx1"/>
                </a:solidFill>
                <a:prstDash val="solid"/>
                <a:round/>
                <a:headEnd type="none" w="med" len="med"/>
                <a:tailEnd type="triangle" w="med" len="med"/>
              </a:ln>
              <a:effectLst/>
            </p:spPr>
            <p:style>
              <a:lnRef idx="3">
                <a:schemeClr val="accent4"/>
              </a:lnRef>
              <a:fillRef idx="0">
                <a:schemeClr val="accent4"/>
              </a:fillRef>
              <a:effectRef idx="2">
                <a:schemeClr val="accent4"/>
              </a:effectRef>
              <a:fontRef idx="minor">
                <a:schemeClr val="tx1"/>
              </a:fontRef>
            </p:style>
          </p:cxnSp>
          <p:sp>
            <p:nvSpPr>
              <p:cNvPr id="19" name="Rounded Rectangle 4">
                <a:extLst>
                  <a:ext uri="{FF2B5EF4-FFF2-40B4-BE49-F238E27FC236}">
                    <a16:creationId xmlns:a16="http://schemas.microsoft.com/office/drawing/2014/main" id="{2CFAF691-B52F-C551-4302-1CB7BF65BD84}"/>
                  </a:ext>
                </a:extLst>
              </p:cNvPr>
              <p:cNvSpPr/>
              <p:nvPr/>
            </p:nvSpPr>
            <p:spPr>
              <a:xfrm>
                <a:off x="690314" y="1700456"/>
                <a:ext cx="1366790" cy="475488"/>
              </a:xfrm>
              <a:prstGeom prst="rect">
                <a:avLst/>
              </a:prstGeom>
              <a:solidFill>
                <a:schemeClr val="accent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lIns="0" rIns="0" anchor="ctr">
                <a:noAutofit/>
              </a:bodyPr>
              <a:lstStyle/>
              <a:p>
                <a:pPr marL="0" indent="0" algn="ctr">
                  <a:lnSpc>
                    <a:spcPct val="95000"/>
                  </a:lnSpc>
                  <a:buNone/>
                  <a:defRPr/>
                </a:pPr>
                <a:r>
                  <a:rPr lang="en-GB" sz="900">
                    <a:solidFill>
                      <a:srgbClr val="FFFFFF"/>
                    </a:solidFill>
                  </a:rPr>
                  <a:t>LEADERS</a:t>
                </a:r>
              </a:p>
            </p:txBody>
          </p:sp>
          <p:sp>
            <p:nvSpPr>
              <p:cNvPr id="20" name="Rounded Rectangle 6">
                <a:extLst>
                  <a:ext uri="{FF2B5EF4-FFF2-40B4-BE49-F238E27FC236}">
                    <a16:creationId xmlns:a16="http://schemas.microsoft.com/office/drawing/2014/main" id="{41C2A49F-6359-5A5A-5D10-105E524941F3}"/>
                  </a:ext>
                </a:extLst>
              </p:cNvPr>
              <p:cNvSpPr/>
              <p:nvPr/>
            </p:nvSpPr>
            <p:spPr>
              <a:xfrm>
                <a:off x="977451" y="2331431"/>
                <a:ext cx="1412541" cy="475488"/>
              </a:xfrm>
              <a:prstGeom prst="rect">
                <a:avLst/>
              </a:prstGeom>
              <a:solidFill>
                <a:schemeClr val="accent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lIns="0" rIns="0" anchor="ctr">
                <a:noAutofit/>
              </a:bodyPr>
              <a:lstStyle/>
              <a:p>
                <a:pPr marL="0" indent="0" algn="ctr">
                  <a:lnSpc>
                    <a:spcPct val="95000"/>
                  </a:lnSpc>
                  <a:buNone/>
                  <a:defRPr/>
                </a:pPr>
                <a:r>
                  <a:rPr lang="en-GB" sz="900">
                    <a:solidFill>
                      <a:srgbClr val="FFFFFF"/>
                    </a:solidFill>
                  </a:rPr>
                  <a:t>DIPENDENTI</a:t>
                </a:r>
              </a:p>
            </p:txBody>
          </p:sp>
          <p:sp>
            <p:nvSpPr>
              <p:cNvPr id="21" name="Rounded Rectangle 7">
                <a:extLst>
                  <a:ext uri="{FF2B5EF4-FFF2-40B4-BE49-F238E27FC236}">
                    <a16:creationId xmlns:a16="http://schemas.microsoft.com/office/drawing/2014/main" id="{837BB851-1083-0345-D712-50C4034278EE}"/>
                  </a:ext>
                </a:extLst>
              </p:cNvPr>
              <p:cNvSpPr/>
              <p:nvPr/>
            </p:nvSpPr>
            <p:spPr>
              <a:xfrm>
                <a:off x="659891" y="2968552"/>
                <a:ext cx="1412541" cy="475488"/>
              </a:xfrm>
              <a:prstGeom prst="rect">
                <a:avLst/>
              </a:prstGeom>
              <a:solidFill>
                <a:schemeClr val="accent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lIns="0" rIns="0" anchor="ctr">
                <a:noAutofit/>
              </a:bodyPr>
              <a:lstStyle/>
              <a:p>
                <a:pPr marL="0" indent="0" algn="ctr">
                  <a:lnSpc>
                    <a:spcPct val="95000"/>
                  </a:lnSpc>
                  <a:buNone/>
                  <a:defRPr/>
                </a:pPr>
                <a:r>
                  <a:rPr lang="en-GB" sz="900">
                    <a:solidFill>
                      <a:srgbClr val="FFFFFF"/>
                    </a:solidFill>
                  </a:rPr>
                  <a:t>FORNITORI</a:t>
                </a:r>
              </a:p>
            </p:txBody>
          </p:sp>
          <p:sp>
            <p:nvSpPr>
              <p:cNvPr id="25" name="Freeform 14">
                <a:extLst>
                  <a:ext uri="{FF2B5EF4-FFF2-40B4-BE49-F238E27FC236}">
                    <a16:creationId xmlns:a16="http://schemas.microsoft.com/office/drawing/2014/main" id="{57E580A5-9B70-1F92-3699-D0D590BF2085}"/>
                  </a:ext>
                </a:extLst>
              </p:cNvPr>
              <p:cNvSpPr>
                <a:spLocks noChangeAspect="1"/>
              </p:cNvSpPr>
              <p:nvPr/>
            </p:nvSpPr>
            <p:spPr bwMode="auto">
              <a:xfrm>
                <a:off x="9315450" y="2747386"/>
                <a:ext cx="1533148" cy="1280160"/>
              </a:xfrm>
              <a:prstGeom prst="hexagon">
                <a:avLst/>
              </a:prstGeom>
              <a:solidFill>
                <a:srgbClr val="FF8C0A"/>
              </a:solidFill>
              <a:ln>
                <a:noFill/>
              </a:ln>
            </p:spPr>
            <p:txBody>
              <a:bodyPr lIns="0" tIns="0" rIns="0" bIns="0" anchor="ctr">
                <a:noAutofit/>
              </a:bodyPr>
              <a:lstStyle>
                <a:defPPr>
                  <a:defRPr lang="en-GB"/>
                </a:defPPr>
                <a:lvl1pPr algn="l" rtl="0" fontAlgn="base">
                  <a:spcBef>
                    <a:spcPct val="50000"/>
                  </a:spcBef>
                  <a:spcAft>
                    <a:spcPct val="0"/>
                  </a:spcAft>
                  <a:defRPr sz="2000" kern="1200">
                    <a:solidFill>
                      <a:schemeClr val="tx1"/>
                    </a:solidFill>
                    <a:latin typeface="Ericsson Hilda" charset="0"/>
                    <a:ea typeface="+mn-ea"/>
                    <a:cs typeface="+mn-cs"/>
                  </a:defRPr>
                </a:lvl1pPr>
                <a:lvl2pPr marL="457200" algn="l" rtl="0" fontAlgn="base">
                  <a:spcBef>
                    <a:spcPct val="50000"/>
                  </a:spcBef>
                  <a:spcAft>
                    <a:spcPct val="0"/>
                  </a:spcAft>
                  <a:defRPr sz="2000" kern="1200">
                    <a:solidFill>
                      <a:schemeClr val="tx1"/>
                    </a:solidFill>
                    <a:latin typeface="Ericsson Hilda" charset="0"/>
                    <a:ea typeface="+mn-ea"/>
                    <a:cs typeface="+mn-cs"/>
                  </a:defRPr>
                </a:lvl2pPr>
                <a:lvl3pPr marL="914400" algn="l" rtl="0" fontAlgn="base">
                  <a:spcBef>
                    <a:spcPct val="50000"/>
                  </a:spcBef>
                  <a:spcAft>
                    <a:spcPct val="0"/>
                  </a:spcAft>
                  <a:defRPr sz="2000" kern="1200">
                    <a:solidFill>
                      <a:schemeClr val="tx1"/>
                    </a:solidFill>
                    <a:latin typeface="Ericsson Hilda" charset="0"/>
                    <a:ea typeface="+mn-ea"/>
                    <a:cs typeface="+mn-cs"/>
                  </a:defRPr>
                </a:lvl3pPr>
                <a:lvl4pPr marL="1371600" algn="l" rtl="0" fontAlgn="base">
                  <a:spcBef>
                    <a:spcPct val="50000"/>
                  </a:spcBef>
                  <a:spcAft>
                    <a:spcPct val="0"/>
                  </a:spcAft>
                  <a:defRPr sz="2000" kern="1200">
                    <a:solidFill>
                      <a:schemeClr val="tx1"/>
                    </a:solidFill>
                    <a:latin typeface="Ericsson Hilda" charset="0"/>
                    <a:ea typeface="+mn-ea"/>
                    <a:cs typeface="+mn-cs"/>
                  </a:defRPr>
                </a:lvl4pPr>
                <a:lvl5pPr marL="1828800" algn="l" rtl="0" fontAlgn="base">
                  <a:spcBef>
                    <a:spcPct val="50000"/>
                  </a:spcBef>
                  <a:spcAft>
                    <a:spcPct val="0"/>
                  </a:spcAft>
                  <a:defRPr sz="2000" kern="1200">
                    <a:solidFill>
                      <a:schemeClr val="tx1"/>
                    </a:solidFill>
                    <a:latin typeface="Ericsson Hilda" charset="0"/>
                    <a:ea typeface="+mn-ea"/>
                    <a:cs typeface="+mn-cs"/>
                  </a:defRPr>
                </a:lvl5pPr>
                <a:lvl6pPr marL="2286000" algn="l" defTabSz="914400" rtl="0" eaLnBrk="1" latinLnBrk="0" hangingPunct="1">
                  <a:defRPr sz="2000" kern="1200">
                    <a:solidFill>
                      <a:schemeClr val="tx1"/>
                    </a:solidFill>
                    <a:latin typeface="Ericsson Hilda" charset="0"/>
                    <a:ea typeface="+mn-ea"/>
                    <a:cs typeface="+mn-cs"/>
                  </a:defRPr>
                </a:lvl6pPr>
                <a:lvl7pPr marL="2743200" algn="l" defTabSz="914400" rtl="0" eaLnBrk="1" latinLnBrk="0" hangingPunct="1">
                  <a:defRPr sz="2000" kern="1200">
                    <a:solidFill>
                      <a:schemeClr val="tx1"/>
                    </a:solidFill>
                    <a:latin typeface="Ericsson Hilda" charset="0"/>
                    <a:ea typeface="+mn-ea"/>
                    <a:cs typeface="+mn-cs"/>
                  </a:defRPr>
                </a:lvl7pPr>
                <a:lvl8pPr marL="3200400" algn="l" defTabSz="914400" rtl="0" eaLnBrk="1" latinLnBrk="0" hangingPunct="1">
                  <a:defRPr sz="2000" kern="1200">
                    <a:solidFill>
                      <a:schemeClr val="tx1"/>
                    </a:solidFill>
                    <a:latin typeface="Ericsson Hilda" charset="0"/>
                    <a:ea typeface="+mn-ea"/>
                    <a:cs typeface="+mn-cs"/>
                  </a:defRPr>
                </a:lvl8pPr>
                <a:lvl9pPr marL="3657600" algn="l" defTabSz="914400" rtl="0" eaLnBrk="1" latinLnBrk="0" hangingPunct="1">
                  <a:defRPr sz="2000" kern="1200">
                    <a:solidFill>
                      <a:schemeClr val="tx1"/>
                    </a:solidFill>
                    <a:latin typeface="Ericsson Hilda" charset="0"/>
                    <a:ea typeface="+mn-ea"/>
                    <a:cs typeface="+mn-cs"/>
                  </a:defRPr>
                </a:lvl9pPr>
              </a:lstStyle>
              <a:p>
                <a:pPr marL="0" indent="0" algn="ctr">
                  <a:spcBef>
                    <a:spcPts val="0"/>
                  </a:spcBef>
                  <a:buNone/>
                </a:pPr>
                <a:r>
                  <a:rPr lang="en-US" sz="900">
                    <a:solidFill>
                      <a:schemeClr val="bg1"/>
                    </a:solidFill>
                    <a:latin typeface="+mn-lt"/>
                  </a:rPr>
                  <a:t>EHS SITE ASSESSMENT</a:t>
                </a:r>
              </a:p>
            </p:txBody>
          </p:sp>
          <p:sp>
            <p:nvSpPr>
              <p:cNvPr id="33" name="Freeform 14">
                <a:extLst>
                  <a:ext uri="{FF2B5EF4-FFF2-40B4-BE49-F238E27FC236}">
                    <a16:creationId xmlns:a16="http://schemas.microsoft.com/office/drawing/2014/main" id="{02C0EB73-972C-4F4C-7132-16D45494C447}"/>
                  </a:ext>
                </a:extLst>
              </p:cNvPr>
              <p:cNvSpPr>
                <a:spLocks noChangeAspect="1"/>
              </p:cNvSpPr>
              <p:nvPr/>
            </p:nvSpPr>
            <p:spPr bwMode="auto">
              <a:xfrm>
                <a:off x="9315450" y="1022230"/>
                <a:ext cx="1533148" cy="1280160"/>
              </a:xfrm>
              <a:prstGeom prst="hexagon">
                <a:avLst/>
              </a:prstGeom>
              <a:solidFill>
                <a:srgbClr val="00B050"/>
              </a:solidFill>
              <a:ln>
                <a:noFill/>
              </a:ln>
            </p:spPr>
            <p:txBody>
              <a:bodyPr lIns="0" tIns="0" rIns="0" bIns="0" anchor="ctr">
                <a:noAutofit/>
              </a:bodyPr>
              <a:lstStyle>
                <a:defPPr>
                  <a:defRPr lang="en-GB"/>
                </a:defPPr>
                <a:lvl1pPr algn="l" rtl="0" fontAlgn="base">
                  <a:spcBef>
                    <a:spcPct val="50000"/>
                  </a:spcBef>
                  <a:spcAft>
                    <a:spcPct val="0"/>
                  </a:spcAft>
                  <a:defRPr sz="2000" kern="1200">
                    <a:solidFill>
                      <a:schemeClr val="tx1"/>
                    </a:solidFill>
                    <a:latin typeface="Ericsson Hilda" charset="0"/>
                    <a:ea typeface="+mn-ea"/>
                    <a:cs typeface="+mn-cs"/>
                  </a:defRPr>
                </a:lvl1pPr>
                <a:lvl2pPr marL="457200" algn="l" rtl="0" fontAlgn="base">
                  <a:spcBef>
                    <a:spcPct val="50000"/>
                  </a:spcBef>
                  <a:spcAft>
                    <a:spcPct val="0"/>
                  </a:spcAft>
                  <a:defRPr sz="2000" kern="1200">
                    <a:solidFill>
                      <a:schemeClr val="tx1"/>
                    </a:solidFill>
                    <a:latin typeface="Ericsson Hilda" charset="0"/>
                    <a:ea typeface="+mn-ea"/>
                    <a:cs typeface="+mn-cs"/>
                  </a:defRPr>
                </a:lvl2pPr>
                <a:lvl3pPr marL="914400" algn="l" rtl="0" fontAlgn="base">
                  <a:spcBef>
                    <a:spcPct val="50000"/>
                  </a:spcBef>
                  <a:spcAft>
                    <a:spcPct val="0"/>
                  </a:spcAft>
                  <a:defRPr sz="2000" kern="1200">
                    <a:solidFill>
                      <a:schemeClr val="tx1"/>
                    </a:solidFill>
                    <a:latin typeface="Ericsson Hilda" charset="0"/>
                    <a:ea typeface="+mn-ea"/>
                    <a:cs typeface="+mn-cs"/>
                  </a:defRPr>
                </a:lvl3pPr>
                <a:lvl4pPr marL="1371600" algn="l" rtl="0" fontAlgn="base">
                  <a:spcBef>
                    <a:spcPct val="50000"/>
                  </a:spcBef>
                  <a:spcAft>
                    <a:spcPct val="0"/>
                  </a:spcAft>
                  <a:defRPr sz="2000" kern="1200">
                    <a:solidFill>
                      <a:schemeClr val="tx1"/>
                    </a:solidFill>
                    <a:latin typeface="Ericsson Hilda" charset="0"/>
                    <a:ea typeface="+mn-ea"/>
                    <a:cs typeface="+mn-cs"/>
                  </a:defRPr>
                </a:lvl4pPr>
                <a:lvl5pPr marL="1828800" algn="l" rtl="0" fontAlgn="base">
                  <a:spcBef>
                    <a:spcPct val="50000"/>
                  </a:spcBef>
                  <a:spcAft>
                    <a:spcPct val="0"/>
                  </a:spcAft>
                  <a:defRPr sz="2000" kern="1200">
                    <a:solidFill>
                      <a:schemeClr val="tx1"/>
                    </a:solidFill>
                    <a:latin typeface="Ericsson Hilda" charset="0"/>
                    <a:ea typeface="+mn-ea"/>
                    <a:cs typeface="+mn-cs"/>
                  </a:defRPr>
                </a:lvl5pPr>
                <a:lvl6pPr marL="2286000" algn="l" defTabSz="914400" rtl="0" eaLnBrk="1" latinLnBrk="0" hangingPunct="1">
                  <a:defRPr sz="2000" kern="1200">
                    <a:solidFill>
                      <a:schemeClr val="tx1"/>
                    </a:solidFill>
                    <a:latin typeface="Ericsson Hilda" charset="0"/>
                    <a:ea typeface="+mn-ea"/>
                    <a:cs typeface="+mn-cs"/>
                  </a:defRPr>
                </a:lvl6pPr>
                <a:lvl7pPr marL="2743200" algn="l" defTabSz="914400" rtl="0" eaLnBrk="1" latinLnBrk="0" hangingPunct="1">
                  <a:defRPr sz="2000" kern="1200">
                    <a:solidFill>
                      <a:schemeClr val="tx1"/>
                    </a:solidFill>
                    <a:latin typeface="Ericsson Hilda" charset="0"/>
                    <a:ea typeface="+mn-ea"/>
                    <a:cs typeface="+mn-cs"/>
                  </a:defRPr>
                </a:lvl7pPr>
                <a:lvl8pPr marL="3200400" algn="l" defTabSz="914400" rtl="0" eaLnBrk="1" latinLnBrk="0" hangingPunct="1">
                  <a:defRPr sz="2000" kern="1200">
                    <a:solidFill>
                      <a:schemeClr val="tx1"/>
                    </a:solidFill>
                    <a:latin typeface="Ericsson Hilda" charset="0"/>
                    <a:ea typeface="+mn-ea"/>
                    <a:cs typeface="+mn-cs"/>
                  </a:defRPr>
                </a:lvl8pPr>
                <a:lvl9pPr marL="3657600" algn="l" defTabSz="914400" rtl="0" eaLnBrk="1" latinLnBrk="0" hangingPunct="1">
                  <a:defRPr sz="2000" kern="1200">
                    <a:solidFill>
                      <a:schemeClr val="tx1"/>
                    </a:solidFill>
                    <a:latin typeface="Ericsson Hilda" charset="0"/>
                    <a:ea typeface="+mn-ea"/>
                    <a:cs typeface="+mn-cs"/>
                  </a:defRPr>
                </a:lvl9pPr>
              </a:lstStyle>
              <a:p>
                <a:pPr marL="0" indent="0" algn="ctr">
                  <a:spcBef>
                    <a:spcPts val="0"/>
                  </a:spcBef>
                  <a:buNone/>
                </a:pPr>
                <a:r>
                  <a:rPr lang="pt-BR" altLang="en-US" sz="900">
                    <a:solidFill>
                      <a:srgbClr val="FFFFFF"/>
                    </a:solidFill>
                  </a:rPr>
                  <a:t>PRE-CLIMB CHECK</a:t>
                </a:r>
                <a:endParaRPr lang="en-US" sz="900">
                  <a:solidFill>
                    <a:schemeClr val="bg1"/>
                  </a:solidFill>
                  <a:latin typeface="+mn-lt"/>
                </a:endParaRPr>
              </a:p>
            </p:txBody>
          </p:sp>
          <p:cxnSp>
            <p:nvCxnSpPr>
              <p:cNvPr id="34" name="Straight Arrow Connector 33">
                <a:extLst>
                  <a:ext uri="{FF2B5EF4-FFF2-40B4-BE49-F238E27FC236}">
                    <a16:creationId xmlns:a16="http://schemas.microsoft.com/office/drawing/2014/main" id="{08B4BB23-E120-D14C-9A68-B014C7089611}"/>
                  </a:ext>
                </a:extLst>
              </p:cNvPr>
              <p:cNvCxnSpPr>
                <a:cxnSpLocks/>
              </p:cNvCxnSpPr>
              <p:nvPr/>
            </p:nvCxnSpPr>
            <p:spPr bwMode="auto">
              <a:xfrm>
                <a:off x="2948940" y="2506679"/>
                <a:ext cx="1100170" cy="0"/>
              </a:xfrm>
              <a:prstGeom prst="straightConnector1">
                <a:avLst/>
              </a:prstGeom>
              <a:ln w="12700" cap="flat" cmpd="sng" algn="ctr">
                <a:solidFill>
                  <a:schemeClr val="tx1"/>
                </a:solidFill>
                <a:prstDash val="solid"/>
                <a:round/>
                <a:headEnd type="none" w="med" len="med"/>
                <a:tailEnd type="triangle" w="med" len="med"/>
              </a:ln>
              <a:effectLst/>
            </p:spPr>
            <p:style>
              <a:lnRef idx="3">
                <a:schemeClr val="accent4"/>
              </a:lnRef>
              <a:fillRef idx="0">
                <a:schemeClr val="accent4"/>
              </a:fillRef>
              <a:effectRef idx="2">
                <a:schemeClr val="accent4"/>
              </a:effectRef>
              <a:fontRef idx="minor">
                <a:schemeClr val="tx1"/>
              </a:fontRef>
            </p:style>
          </p:cxnSp>
          <p:cxnSp>
            <p:nvCxnSpPr>
              <p:cNvPr id="36" name="Straight Connector 35">
                <a:extLst>
                  <a:ext uri="{FF2B5EF4-FFF2-40B4-BE49-F238E27FC236}">
                    <a16:creationId xmlns:a16="http://schemas.microsoft.com/office/drawing/2014/main" id="{3AF6B2BC-BC15-4EDF-3E9D-9D9611475F8E}"/>
                  </a:ext>
                </a:extLst>
              </p:cNvPr>
              <p:cNvCxnSpPr>
                <a:cxnSpLocks/>
              </p:cNvCxnSpPr>
              <p:nvPr/>
            </p:nvCxnSpPr>
            <p:spPr bwMode="auto">
              <a:xfrm>
                <a:off x="11417653" y="1662310"/>
                <a:ext cx="0" cy="3339343"/>
              </a:xfrm>
              <a:prstGeom prst="line">
                <a:avLst/>
              </a:prstGeom>
              <a:ln w="12700" cap="flat" cmpd="sng" algn="ctr">
                <a:solidFill>
                  <a:schemeClr val="tx1"/>
                </a:solidFill>
                <a:prstDash val="solid"/>
                <a:round/>
                <a:headEnd type="none" w="med" len="med"/>
                <a:tailEnd type="none" w="med" len="med"/>
              </a:ln>
              <a:effectLst/>
            </p:spPr>
            <p:style>
              <a:lnRef idx="3">
                <a:schemeClr val="accent4"/>
              </a:lnRef>
              <a:fillRef idx="0">
                <a:schemeClr val="accent4"/>
              </a:fillRef>
              <a:effectRef idx="2">
                <a:schemeClr val="accent4"/>
              </a:effectRef>
              <a:fontRef idx="minor">
                <a:schemeClr val="tx1"/>
              </a:fontRef>
            </p:style>
          </p:cxnSp>
          <p:cxnSp>
            <p:nvCxnSpPr>
              <p:cNvPr id="37" name="Straight Arrow Connector 36">
                <a:extLst>
                  <a:ext uri="{FF2B5EF4-FFF2-40B4-BE49-F238E27FC236}">
                    <a16:creationId xmlns:a16="http://schemas.microsoft.com/office/drawing/2014/main" id="{61057A97-F980-9409-FB48-BC38FEBA0F8A}"/>
                  </a:ext>
                </a:extLst>
              </p:cNvPr>
              <p:cNvCxnSpPr>
                <a:cxnSpLocks/>
              </p:cNvCxnSpPr>
              <p:nvPr/>
            </p:nvCxnSpPr>
            <p:spPr bwMode="auto">
              <a:xfrm flipH="1">
                <a:off x="10848598" y="3387466"/>
                <a:ext cx="569055" cy="0"/>
              </a:xfrm>
              <a:prstGeom prst="straightConnector1">
                <a:avLst/>
              </a:prstGeom>
              <a:ln w="12700" cap="flat" cmpd="sng" algn="ctr">
                <a:solidFill>
                  <a:schemeClr val="tx1"/>
                </a:solidFill>
                <a:prstDash val="solid"/>
                <a:round/>
                <a:headEnd type="none" w="med" len="med"/>
                <a:tailEnd type="none" w="med" len="med"/>
              </a:ln>
              <a:effectLst/>
            </p:spPr>
            <p:style>
              <a:lnRef idx="3">
                <a:schemeClr val="accent4"/>
              </a:lnRef>
              <a:fillRef idx="0">
                <a:schemeClr val="accent4"/>
              </a:fillRef>
              <a:effectRef idx="2">
                <a:schemeClr val="accent4"/>
              </a:effectRef>
              <a:fontRef idx="minor">
                <a:schemeClr val="tx1"/>
              </a:fontRef>
            </p:style>
          </p:cxnSp>
          <p:cxnSp>
            <p:nvCxnSpPr>
              <p:cNvPr id="41" name="Straight Arrow Connector 40">
                <a:extLst>
                  <a:ext uri="{FF2B5EF4-FFF2-40B4-BE49-F238E27FC236}">
                    <a16:creationId xmlns:a16="http://schemas.microsoft.com/office/drawing/2014/main" id="{BCB0B951-CE05-E286-72AE-B38DD180BA6C}"/>
                  </a:ext>
                </a:extLst>
              </p:cNvPr>
              <p:cNvCxnSpPr>
                <a:cxnSpLocks/>
                <a:stCxn id="42" idx="3"/>
              </p:cNvCxnSpPr>
              <p:nvPr/>
            </p:nvCxnSpPr>
            <p:spPr bwMode="auto">
              <a:xfrm>
                <a:off x="8219930" y="2530980"/>
                <a:ext cx="1095520" cy="823119"/>
              </a:xfrm>
              <a:prstGeom prst="straightConnector1">
                <a:avLst/>
              </a:prstGeom>
              <a:ln w="12700" cap="flat" cmpd="sng" algn="ctr">
                <a:solidFill>
                  <a:schemeClr val="tx1"/>
                </a:solidFill>
                <a:prstDash val="solid"/>
                <a:round/>
                <a:headEnd type="none" w="med" len="med"/>
                <a:tailEnd type="triangle" w="med" len="med"/>
              </a:ln>
              <a:effectLst/>
            </p:spPr>
            <p:style>
              <a:lnRef idx="3">
                <a:schemeClr val="accent4"/>
              </a:lnRef>
              <a:fillRef idx="0">
                <a:schemeClr val="accent4"/>
              </a:fillRef>
              <a:effectRef idx="2">
                <a:schemeClr val="accent4"/>
              </a:effectRef>
              <a:fontRef idx="minor">
                <a:schemeClr val="tx1"/>
              </a:fontRef>
            </p:style>
          </p:cxnSp>
          <p:sp>
            <p:nvSpPr>
              <p:cNvPr id="42" name="Freeform 21">
                <a:extLst>
                  <a:ext uri="{FF2B5EF4-FFF2-40B4-BE49-F238E27FC236}">
                    <a16:creationId xmlns:a16="http://schemas.microsoft.com/office/drawing/2014/main" id="{8E47B4FF-895A-23ED-D9F4-C6A1F1660084}"/>
                  </a:ext>
                </a:extLst>
              </p:cNvPr>
              <p:cNvSpPr>
                <a:spLocks noChangeAspect="1"/>
              </p:cNvSpPr>
              <p:nvPr/>
            </p:nvSpPr>
            <p:spPr bwMode="auto">
              <a:xfrm>
                <a:off x="4074914" y="1707861"/>
                <a:ext cx="4145016" cy="1646238"/>
              </a:xfrm>
              <a:prstGeom prst="homePlate">
                <a:avLst>
                  <a:gd name="adj" fmla="val 26073"/>
                </a:avLst>
              </a:prstGeom>
              <a:solidFill>
                <a:srgbClr val="87888A"/>
              </a:solidFill>
              <a:ln>
                <a:noFill/>
              </a:ln>
            </p:spPr>
            <p:txBody>
              <a:bodyPr lIns="182880" anchor="ctr"/>
              <a:lstStyle/>
              <a:p>
                <a:r>
                  <a:rPr lang="it-IT" sz="1000">
                    <a:solidFill>
                      <a:schemeClr val="bg1"/>
                    </a:solidFill>
                  </a:rPr>
                  <a:t>La formazione aumenta la consapevolezza dei nostri lavoratori e fornitori. Grazie a ciò è possibile migliorare e rendere più efficace il monitoraggio delle attività svolte in campo. </a:t>
                </a:r>
              </a:p>
            </p:txBody>
          </p:sp>
          <p:sp>
            <p:nvSpPr>
              <p:cNvPr id="43" name="Freeform 18">
                <a:extLst>
                  <a:ext uri="{FF2B5EF4-FFF2-40B4-BE49-F238E27FC236}">
                    <a16:creationId xmlns:a16="http://schemas.microsoft.com/office/drawing/2014/main" id="{60403CA5-5C25-6943-048C-724D08128282}"/>
                  </a:ext>
                </a:extLst>
              </p:cNvPr>
              <p:cNvSpPr>
                <a:spLocks noChangeAspect="1"/>
              </p:cNvSpPr>
              <p:nvPr/>
            </p:nvSpPr>
            <p:spPr bwMode="auto">
              <a:xfrm flipH="1">
                <a:off x="5423151" y="4149442"/>
                <a:ext cx="4329685" cy="1646236"/>
              </a:xfrm>
              <a:prstGeom prst="homePlate">
                <a:avLst>
                  <a:gd name="adj" fmla="val 28637"/>
                </a:avLst>
              </a:prstGeom>
              <a:solidFill>
                <a:srgbClr val="87888A"/>
              </a:solidFill>
              <a:ln>
                <a:noFill/>
              </a:ln>
            </p:spPr>
            <p:txBody>
              <a:bodyPr lIns="182880" tIns="45720" rIns="91440" bIns="45720" anchor="ctr"/>
              <a:lstStyle/>
              <a:p>
                <a:r>
                  <a:rPr lang="it-IT" sz="1000">
                    <a:solidFill>
                      <a:schemeClr val="bg1"/>
                    </a:solidFill>
                  </a:rPr>
                  <a:t>A supporto degli operatori, per ridurre la loro esposizione al rischio, sono stati sviluppati dei sistemi di accesso alle informazioni online (ciò permette di ridurre il </a:t>
                </a:r>
                <a:r>
                  <a:rPr lang="it-IT" sz="1000" err="1">
                    <a:solidFill>
                      <a:schemeClr val="bg1"/>
                    </a:solidFill>
                  </a:rPr>
                  <a:t>n.di</a:t>
                </a:r>
                <a:r>
                  <a:rPr lang="it-IT" sz="1000">
                    <a:solidFill>
                      <a:schemeClr val="bg1"/>
                    </a:solidFill>
                  </a:rPr>
                  <a:t> ispezioni in loco e i viaggi verso il sito, di semplificare talune attività e di aumentare il n. di audit svolti).</a:t>
                </a:r>
              </a:p>
            </p:txBody>
          </p:sp>
          <p:grpSp>
            <p:nvGrpSpPr>
              <p:cNvPr id="44" name="Group 43">
                <a:extLst>
                  <a:ext uri="{FF2B5EF4-FFF2-40B4-BE49-F238E27FC236}">
                    <a16:creationId xmlns:a16="http://schemas.microsoft.com/office/drawing/2014/main" id="{CAF405BE-98BC-1B64-F020-49E597B8361F}"/>
                  </a:ext>
                </a:extLst>
              </p:cNvPr>
              <p:cNvGrpSpPr/>
              <p:nvPr/>
            </p:nvGrpSpPr>
            <p:grpSpPr>
              <a:xfrm>
                <a:off x="257364" y="1195457"/>
                <a:ext cx="2521023" cy="2747434"/>
                <a:chOff x="2484225" y="4074265"/>
                <a:chExt cx="2027568" cy="2209661"/>
              </a:xfrm>
            </p:grpSpPr>
            <p:sp>
              <p:nvSpPr>
                <p:cNvPr id="45" name="Partial Circle 2">
                  <a:extLst>
                    <a:ext uri="{FF2B5EF4-FFF2-40B4-BE49-F238E27FC236}">
                      <a16:creationId xmlns:a16="http://schemas.microsoft.com/office/drawing/2014/main" id="{90080EB3-23A5-533A-D206-7FBF18B445A6}"/>
                    </a:ext>
                  </a:extLst>
                </p:cNvPr>
                <p:cNvSpPr/>
                <p:nvPr/>
              </p:nvSpPr>
              <p:spPr bwMode="auto">
                <a:xfrm>
                  <a:off x="2484226" y="4074265"/>
                  <a:ext cx="2027567" cy="1155693"/>
                </a:xfrm>
                <a:custGeom>
                  <a:avLst/>
                  <a:gdLst>
                    <a:gd name="connsiteX0" fmla="*/ 17307 w 2302032"/>
                    <a:gd name="connsiteY0" fmla="*/ 952165 h 2302032"/>
                    <a:gd name="connsiteX1" fmla="*/ 1262878 w 2302032"/>
                    <a:gd name="connsiteY1" fmla="*/ 5449 h 2302032"/>
                    <a:gd name="connsiteX2" fmla="*/ 2301777 w 2302032"/>
                    <a:gd name="connsiteY2" fmla="*/ 1175239 h 2302032"/>
                    <a:gd name="connsiteX3" fmla="*/ 1151016 w 2302032"/>
                    <a:gd name="connsiteY3" fmla="*/ 1151016 h 2302032"/>
                    <a:gd name="connsiteX4" fmla="*/ 17307 w 2302032"/>
                    <a:gd name="connsiteY4" fmla="*/ 952165 h 2302032"/>
                    <a:gd name="connsiteX0" fmla="*/ 1133709 w 2284729"/>
                    <a:gd name="connsiteY0" fmla="*/ 1151082 h 1242522"/>
                    <a:gd name="connsiteX1" fmla="*/ 0 w 2284729"/>
                    <a:gd name="connsiteY1" fmla="*/ 952231 h 1242522"/>
                    <a:gd name="connsiteX2" fmla="*/ 1245571 w 2284729"/>
                    <a:gd name="connsiteY2" fmla="*/ 5515 h 1242522"/>
                    <a:gd name="connsiteX3" fmla="*/ 2284470 w 2284729"/>
                    <a:gd name="connsiteY3" fmla="*/ 1175305 h 1242522"/>
                    <a:gd name="connsiteX4" fmla="*/ 1225149 w 2284729"/>
                    <a:gd name="connsiteY4" fmla="*/ 1242522 h 1242522"/>
                    <a:gd name="connsiteX0" fmla="*/ 1133709 w 2284729"/>
                    <a:gd name="connsiteY0" fmla="*/ 1151082 h 1175305"/>
                    <a:gd name="connsiteX1" fmla="*/ 0 w 2284729"/>
                    <a:gd name="connsiteY1" fmla="*/ 952231 h 1175305"/>
                    <a:gd name="connsiteX2" fmla="*/ 1245571 w 2284729"/>
                    <a:gd name="connsiteY2" fmla="*/ 5515 h 1175305"/>
                    <a:gd name="connsiteX3" fmla="*/ 2284470 w 2284729"/>
                    <a:gd name="connsiteY3" fmla="*/ 1175305 h 1175305"/>
                    <a:gd name="connsiteX0" fmla="*/ 0 w 2284729"/>
                    <a:gd name="connsiteY0" fmla="*/ 952231 h 1175305"/>
                    <a:gd name="connsiteX1" fmla="*/ 1245571 w 2284729"/>
                    <a:gd name="connsiteY1" fmla="*/ 5515 h 1175305"/>
                    <a:gd name="connsiteX2" fmla="*/ 2284470 w 2284729"/>
                    <a:gd name="connsiteY2" fmla="*/ 1175305 h 1175305"/>
                  </a:gdLst>
                  <a:ahLst/>
                  <a:cxnLst>
                    <a:cxn ang="0">
                      <a:pos x="connsiteX0" y="connsiteY0"/>
                    </a:cxn>
                    <a:cxn ang="0">
                      <a:pos x="connsiteX1" y="connsiteY1"/>
                    </a:cxn>
                    <a:cxn ang="0">
                      <a:pos x="connsiteX2" y="connsiteY2"/>
                    </a:cxn>
                  </a:cxnLst>
                  <a:rect l="l" t="t" r="r" b="b"/>
                  <a:pathLst>
                    <a:path w="2284729" h="1175305">
                      <a:moveTo>
                        <a:pt x="0" y="952231"/>
                      </a:moveTo>
                      <a:cubicBezTo>
                        <a:pt x="103944" y="359618"/>
                        <a:pt x="646760" y="-52958"/>
                        <a:pt x="1245571" y="5515"/>
                      </a:cubicBezTo>
                      <a:cubicBezTo>
                        <a:pt x="1844382" y="63988"/>
                        <a:pt x="2297131" y="573779"/>
                        <a:pt x="2284470" y="1175305"/>
                      </a:cubicBezTo>
                    </a:path>
                  </a:pathLst>
                </a:custGeom>
                <a:noFill/>
                <a:ln w="12700" cap="flat" cmpd="sng" algn="ctr">
                  <a:solidFill>
                    <a:schemeClr val="tx1"/>
                  </a:solidFill>
                  <a:prstDash val="solid"/>
                  <a:round/>
                  <a:headEnd type="none" w="med" len="med"/>
                  <a:tailEnd type="triangle" w="lg" len="lg"/>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indent="0">
                    <a:spcBef>
                      <a:spcPct val="50000"/>
                    </a:spcBef>
                    <a:buNone/>
                  </a:pPr>
                  <a:endParaRPr kumimoji="0" lang="en-US" sz="1100" b="0" i="0" u="none" strike="noStrike" cap="none" normalizeH="0" baseline="0" err="1">
                    <a:ln>
                      <a:noFill/>
                    </a:ln>
                    <a:solidFill>
                      <a:schemeClr val="bg1"/>
                    </a:solidFill>
                    <a:effectLst/>
                    <a:latin typeface="+mn-lt"/>
                  </a:endParaRPr>
                </a:p>
              </p:txBody>
            </p:sp>
            <p:sp>
              <p:nvSpPr>
                <p:cNvPr id="46" name="Partial Circle 2">
                  <a:extLst>
                    <a:ext uri="{FF2B5EF4-FFF2-40B4-BE49-F238E27FC236}">
                      <a16:creationId xmlns:a16="http://schemas.microsoft.com/office/drawing/2014/main" id="{6021A4C5-BB10-765E-F506-A5CE3B21ABFC}"/>
                    </a:ext>
                  </a:extLst>
                </p:cNvPr>
                <p:cNvSpPr/>
                <p:nvPr/>
              </p:nvSpPr>
              <p:spPr bwMode="auto">
                <a:xfrm flipH="1" flipV="1">
                  <a:off x="2484225" y="5173030"/>
                  <a:ext cx="2026027" cy="1110896"/>
                </a:xfrm>
                <a:custGeom>
                  <a:avLst/>
                  <a:gdLst>
                    <a:gd name="connsiteX0" fmla="*/ 17307 w 2302032"/>
                    <a:gd name="connsiteY0" fmla="*/ 952165 h 2302032"/>
                    <a:gd name="connsiteX1" fmla="*/ 1262878 w 2302032"/>
                    <a:gd name="connsiteY1" fmla="*/ 5449 h 2302032"/>
                    <a:gd name="connsiteX2" fmla="*/ 2301777 w 2302032"/>
                    <a:gd name="connsiteY2" fmla="*/ 1175239 h 2302032"/>
                    <a:gd name="connsiteX3" fmla="*/ 1151016 w 2302032"/>
                    <a:gd name="connsiteY3" fmla="*/ 1151016 h 2302032"/>
                    <a:gd name="connsiteX4" fmla="*/ 17307 w 2302032"/>
                    <a:gd name="connsiteY4" fmla="*/ 952165 h 2302032"/>
                    <a:gd name="connsiteX0" fmla="*/ 1133709 w 2284729"/>
                    <a:gd name="connsiteY0" fmla="*/ 1151082 h 1242522"/>
                    <a:gd name="connsiteX1" fmla="*/ 0 w 2284729"/>
                    <a:gd name="connsiteY1" fmla="*/ 952231 h 1242522"/>
                    <a:gd name="connsiteX2" fmla="*/ 1245571 w 2284729"/>
                    <a:gd name="connsiteY2" fmla="*/ 5515 h 1242522"/>
                    <a:gd name="connsiteX3" fmla="*/ 2284470 w 2284729"/>
                    <a:gd name="connsiteY3" fmla="*/ 1175305 h 1242522"/>
                    <a:gd name="connsiteX4" fmla="*/ 1225149 w 2284729"/>
                    <a:gd name="connsiteY4" fmla="*/ 1242522 h 1242522"/>
                    <a:gd name="connsiteX0" fmla="*/ 1133709 w 2284729"/>
                    <a:gd name="connsiteY0" fmla="*/ 1151082 h 1175305"/>
                    <a:gd name="connsiteX1" fmla="*/ 0 w 2284729"/>
                    <a:gd name="connsiteY1" fmla="*/ 952231 h 1175305"/>
                    <a:gd name="connsiteX2" fmla="*/ 1245571 w 2284729"/>
                    <a:gd name="connsiteY2" fmla="*/ 5515 h 1175305"/>
                    <a:gd name="connsiteX3" fmla="*/ 2284470 w 2284729"/>
                    <a:gd name="connsiteY3" fmla="*/ 1175305 h 1175305"/>
                    <a:gd name="connsiteX0" fmla="*/ 0 w 2284729"/>
                    <a:gd name="connsiteY0" fmla="*/ 952231 h 1175305"/>
                    <a:gd name="connsiteX1" fmla="*/ 1245571 w 2284729"/>
                    <a:gd name="connsiteY1" fmla="*/ 5515 h 1175305"/>
                    <a:gd name="connsiteX2" fmla="*/ 2284470 w 2284729"/>
                    <a:gd name="connsiteY2" fmla="*/ 1175305 h 1175305"/>
                  </a:gdLst>
                  <a:ahLst/>
                  <a:cxnLst>
                    <a:cxn ang="0">
                      <a:pos x="connsiteX0" y="connsiteY0"/>
                    </a:cxn>
                    <a:cxn ang="0">
                      <a:pos x="connsiteX1" y="connsiteY1"/>
                    </a:cxn>
                    <a:cxn ang="0">
                      <a:pos x="connsiteX2" y="connsiteY2"/>
                    </a:cxn>
                  </a:cxnLst>
                  <a:rect l="l" t="t" r="r" b="b"/>
                  <a:pathLst>
                    <a:path w="2284729" h="1175305">
                      <a:moveTo>
                        <a:pt x="0" y="952231"/>
                      </a:moveTo>
                      <a:cubicBezTo>
                        <a:pt x="103944" y="359618"/>
                        <a:pt x="646760" y="-52958"/>
                        <a:pt x="1245571" y="5515"/>
                      </a:cubicBezTo>
                      <a:cubicBezTo>
                        <a:pt x="1844382" y="63988"/>
                        <a:pt x="2297131" y="573779"/>
                        <a:pt x="2284470" y="1175305"/>
                      </a:cubicBezTo>
                    </a:path>
                  </a:pathLst>
                </a:custGeom>
                <a:noFill/>
                <a:ln w="12700" cap="flat" cmpd="sng" algn="ctr">
                  <a:solidFill>
                    <a:schemeClr val="tx1"/>
                  </a:solidFill>
                  <a:prstDash val="solid"/>
                  <a:round/>
                  <a:headEnd type="none" w="med" len="med"/>
                  <a:tailEnd type="triangle" w="lg" len="lg"/>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indent="0">
                    <a:spcBef>
                      <a:spcPct val="50000"/>
                    </a:spcBef>
                    <a:buNone/>
                  </a:pPr>
                  <a:endParaRPr kumimoji="0" lang="en-US" sz="1100" b="0" i="0" u="none" strike="noStrike" cap="none" normalizeH="0" baseline="0" err="1">
                    <a:ln>
                      <a:noFill/>
                    </a:ln>
                    <a:solidFill>
                      <a:schemeClr val="bg1"/>
                    </a:solidFill>
                    <a:effectLst/>
                    <a:latin typeface="+mn-lt"/>
                  </a:endParaRPr>
                </a:p>
              </p:txBody>
            </p:sp>
          </p:grpSp>
        </p:grpSp>
        <p:cxnSp>
          <p:nvCxnSpPr>
            <p:cNvPr id="58" name="Straight Arrow Connector 57">
              <a:extLst>
                <a:ext uri="{FF2B5EF4-FFF2-40B4-BE49-F238E27FC236}">
                  <a16:creationId xmlns:a16="http://schemas.microsoft.com/office/drawing/2014/main" id="{8243ADA0-EB45-A2DD-59B5-C9831B774602}"/>
                </a:ext>
              </a:extLst>
            </p:cNvPr>
            <p:cNvCxnSpPr>
              <a:cxnSpLocks/>
            </p:cNvCxnSpPr>
            <p:nvPr/>
          </p:nvCxnSpPr>
          <p:spPr bwMode="auto">
            <a:xfrm>
              <a:off x="8993757" y="1365248"/>
              <a:ext cx="367226" cy="0"/>
            </a:xfrm>
            <a:prstGeom prst="straightConnector1">
              <a:avLst/>
            </a:prstGeom>
            <a:ln w="12700" cap="flat" cmpd="sng" algn="ctr">
              <a:solidFill>
                <a:schemeClr val="tx1"/>
              </a:solidFill>
              <a:prstDash val="solid"/>
              <a:round/>
              <a:headEnd type="none" w="med" len="med"/>
              <a:tailEnd type="none" w="med" len="med"/>
            </a:ln>
            <a:effectLst/>
          </p:spPr>
          <p:style>
            <a:lnRef idx="3">
              <a:schemeClr val="accent4"/>
            </a:lnRef>
            <a:fillRef idx="0">
              <a:schemeClr val="accent4"/>
            </a:fillRef>
            <a:effectRef idx="2">
              <a:schemeClr val="accent4"/>
            </a:effectRef>
            <a:fontRef idx="minor">
              <a:schemeClr val="tx1"/>
            </a:fontRef>
          </p:style>
        </p:cxnSp>
        <p:cxnSp>
          <p:nvCxnSpPr>
            <p:cNvPr id="62" name="Straight Arrow Connector 61">
              <a:extLst>
                <a:ext uri="{FF2B5EF4-FFF2-40B4-BE49-F238E27FC236}">
                  <a16:creationId xmlns:a16="http://schemas.microsoft.com/office/drawing/2014/main" id="{28FE4CD1-CAA5-5E44-07FB-EEFD74E759B4}"/>
                </a:ext>
              </a:extLst>
            </p:cNvPr>
            <p:cNvCxnSpPr>
              <a:cxnSpLocks/>
            </p:cNvCxnSpPr>
            <p:nvPr/>
          </p:nvCxnSpPr>
          <p:spPr bwMode="auto">
            <a:xfrm flipH="1">
              <a:off x="8314932" y="3271126"/>
              <a:ext cx="1046051" cy="0"/>
            </a:xfrm>
            <a:prstGeom prst="straightConnector1">
              <a:avLst/>
            </a:prstGeom>
            <a:ln w="12700" cap="flat" cmpd="sng" algn="ctr">
              <a:solidFill>
                <a:schemeClr val="tx1"/>
              </a:solidFill>
              <a:prstDash val="solid"/>
              <a:round/>
              <a:headEnd type="none" w="med" len="med"/>
              <a:tailEnd type="triangle" w="med" len="med"/>
            </a:ln>
            <a:effectLst/>
          </p:spPr>
          <p:style>
            <a:lnRef idx="3">
              <a:schemeClr val="accent4"/>
            </a:lnRef>
            <a:fillRef idx="0">
              <a:schemeClr val="accent4"/>
            </a:fillRef>
            <a:effectRef idx="2">
              <a:schemeClr val="accent4"/>
            </a:effectRef>
            <a:fontRef idx="minor">
              <a:schemeClr val="tx1"/>
            </a:fontRef>
          </p:style>
        </p:cxnSp>
        <p:cxnSp>
          <p:nvCxnSpPr>
            <p:cNvPr id="66" name="Straight Arrow Connector 65">
              <a:extLst>
                <a:ext uri="{FF2B5EF4-FFF2-40B4-BE49-F238E27FC236}">
                  <a16:creationId xmlns:a16="http://schemas.microsoft.com/office/drawing/2014/main" id="{A8E71EB7-F277-8E77-91E2-7E6586AA5EB9}"/>
                </a:ext>
              </a:extLst>
            </p:cNvPr>
            <p:cNvCxnSpPr>
              <a:cxnSpLocks/>
              <a:endCxn id="69" idx="0"/>
            </p:cNvCxnSpPr>
            <p:nvPr/>
          </p:nvCxnSpPr>
          <p:spPr bwMode="auto">
            <a:xfrm flipH="1" flipV="1">
              <a:off x="5040900" y="2794894"/>
              <a:ext cx="444297" cy="476232"/>
            </a:xfrm>
            <a:prstGeom prst="straightConnector1">
              <a:avLst/>
            </a:prstGeom>
            <a:ln w="12700" cap="flat" cmpd="sng" algn="ctr">
              <a:solidFill>
                <a:schemeClr val="tx1"/>
              </a:solidFill>
              <a:prstDash val="solid"/>
              <a:round/>
              <a:headEnd type="none" w="med" len="med"/>
              <a:tailEnd type="triangle" w="med" len="med"/>
            </a:ln>
            <a:effectLst/>
          </p:spPr>
          <p:style>
            <a:lnRef idx="3">
              <a:schemeClr val="accent4"/>
            </a:lnRef>
            <a:fillRef idx="0">
              <a:schemeClr val="accent4"/>
            </a:fillRef>
            <a:effectRef idx="2">
              <a:schemeClr val="accent4"/>
            </a:effectRef>
            <a:fontRef idx="minor">
              <a:schemeClr val="tx1"/>
            </a:fontRef>
          </p:style>
        </p:cxnSp>
        <p:sp>
          <p:nvSpPr>
            <p:cNvPr id="69" name="Freeform 14">
              <a:extLst>
                <a:ext uri="{FF2B5EF4-FFF2-40B4-BE49-F238E27FC236}">
                  <a16:creationId xmlns:a16="http://schemas.microsoft.com/office/drawing/2014/main" id="{F1056653-DD4A-D69B-11E1-0FA620B19605}"/>
                </a:ext>
              </a:extLst>
            </p:cNvPr>
            <p:cNvSpPr>
              <a:spLocks noChangeAspect="1"/>
            </p:cNvSpPr>
            <p:nvPr/>
          </p:nvSpPr>
          <p:spPr bwMode="auto">
            <a:xfrm>
              <a:off x="4051519" y="2426367"/>
              <a:ext cx="989381" cy="737053"/>
            </a:xfrm>
            <a:prstGeom prst="hexagon">
              <a:avLst/>
            </a:prstGeom>
            <a:solidFill>
              <a:srgbClr val="0082F0"/>
            </a:solidFill>
            <a:ln>
              <a:noFill/>
            </a:ln>
          </p:spPr>
          <p:txBody>
            <a:bodyPr lIns="0" tIns="0" rIns="0" bIns="0" anchor="ctr">
              <a:noAutofit/>
            </a:bodyPr>
            <a:lstStyle>
              <a:defPPr>
                <a:defRPr lang="en-GB"/>
              </a:defPPr>
              <a:lvl1pPr algn="l" rtl="0" fontAlgn="base">
                <a:spcBef>
                  <a:spcPct val="50000"/>
                </a:spcBef>
                <a:spcAft>
                  <a:spcPct val="0"/>
                </a:spcAft>
                <a:defRPr sz="2000" kern="1200">
                  <a:solidFill>
                    <a:schemeClr val="tx1"/>
                  </a:solidFill>
                  <a:latin typeface="Ericsson Hilda" charset="0"/>
                  <a:ea typeface="+mn-ea"/>
                  <a:cs typeface="+mn-cs"/>
                </a:defRPr>
              </a:lvl1pPr>
              <a:lvl2pPr marL="457200" algn="l" rtl="0" fontAlgn="base">
                <a:spcBef>
                  <a:spcPct val="50000"/>
                </a:spcBef>
                <a:spcAft>
                  <a:spcPct val="0"/>
                </a:spcAft>
                <a:defRPr sz="2000" kern="1200">
                  <a:solidFill>
                    <a:schemeClr val="tx1"/>
                  </a:solidFill>
                  <a:latin typeface="Ericsson Hilda" charset="0"/>
                  <a:ea typeface="+mn-ea"/>
                  <a:cs typeface="+mn-cs"/>
                </a:defRPr>
              </a:lvl2pPr>
              <a:lvl3pPr marL="914400" algn="l" rtl="0" fontAlgn="base">
                <a:spcBef>
                  <a:spcPct val="50000"/>
                </a:spcBef>
                <a:spcAft>
                  <a:spcPct val="0"/>
                </a:spcAft>
                <a:defRPr sz="2000" kern="1200">
                  <a:solidFill>
                    <a:schemeClr val="tx1"/>
                  </a:solidFill>
                  <a:latin typeface="Ericsson Hilda" charset="0"/>
                  <a:ea typeface="+mn-ea"/>
                  <a:cs typeface="+mn-cs"/>
                </a:defRPr>
              </a:lvl3pPr>
              <a:lvl4pPr marL="1371600" algn="l" rtl="0" fontAlgn="base">
                <a:spcBef>
                  <a:spcPct val="50000"/>
                </a:spcBef>
                <a:spcAft>
                  <a:spcPct val="0"/>
                </a:spcAft>
                <a:defRPr sz="2000" kern="1200">
                  <a:solidFill>
                    <a:schemeClr val="tx1"/>
                  </a:solidFill>
                  <a:latin typeface="Ericsson Hilda" charset="0"/>
                  <a:ea typeface="+mn-ea"/>
                  <a:cs typeface="+mn-cs"/>
                </a:defRPr>
              </a:lvl4pPr>
              <a:lvl5pPr marL="1828800" algn="l" rtl="0" fontAlgn="base">
                <a:spcBef>
                  <a:spcPct val="50000"/>
                </a:spcBef>
                <a:spcAft>
                  <a:spcPct val="0"/>
                </a:spcAft>
                <a:defRPr sz="2000" kern="1200">
                  <a:solidFill>
                    <a:schemeClr val="tx1"/>
                  </a:solidFill>
                  <a:latin typeface="Ericsson Hilda" charset="0"/>
                  <a:ea typeface="+mn-ea"/>
                  <a:cs typeface="+mn-cs"/>
                </a:defRPr>
              </a:lvl5pPr>
              <a:lvl6pPr marL="2286000" algn="l" defTabSz="914400" rtl="0" eaLnBrk="1" latinLnBrk="0" hangingPunct="1">
                <a:defRPr sz="2000" kern="1200">
                  <a:solidFill>
                    <a:schemeClr val="tx1"/>
                  </a:solidFill>
                  <a:latin typeface="Ericsson Hilda" charset="0"/>
                  <a:ea typeface="+mn-ea"/>
                  <a:cs typeface="+mn-cs"/>
                </a:defRPr>
              </a:lvl6pPr>
              <a:lvl7pPr marL="2743200" algn="l" defTabSz="914400" rtl="0" eaLnBrk="1" latinLnBrk="0" hangingPunct="1">
                <a:defRPr sz="2000" kern="1200">
                  <a:solidFill>
                    <a:schemeClr val="tx1"/>
                  </a:solidFill>
                  <a:latin typeface="Ericsson Hilda" charset="0"/>
                  <a:ea typeface="+mn-ea"/>
                  <a:cs typeface="+mn-cs"/>
                </a:defRPr>
              </a:lvl7pPr>
              <a:lvl8pPr marL="3200400" algn="l" defTabSz="914400" rtl="0" eaLnBrk="1" latinLnBrk="0" hangingPunct="1">
                <a:defRPr sz="2000" kern="1200">
                  <a:solidFill>
                    <a:schemeClr val="tx1"/>
                  </a:solidFill>
                  <a:latin typeface="Ericsson Hilda" charset="0"/>
                  <a:ea typeface="+mn-ea"/>
                  <a:cs typeface="+mn-cs"/>
                </a:defRPr>
              </a:lvl8pPr>
              <a:lvl9pPr marL="3657600" algn="l" defTabSz="914400" rtl="0" eaLnBrk="1" latinLnBrk="0" hangingPunct="1">
                <a:defRPr sz="2000" kern="1200">
                  <a:solidFill>
                    <a:schemeClr val="tx1"/>
                  </a:solidFill>
                  <a:latin typeface="Ericsson Hilda" charset="0"/>
                  <a:ea typeface="+mn-ea"/>
                  <a:cs typeface="+mn-cs"/>
                </a:defRPr>
              </a:lvl9pPr>
            </a:lstStyle>
            <a:p>
              <a:pPr marL="0" indent="0" algn="ctr">
                <a:spcBef>
                  <a:spcPts val="0"/>
                </a:spcBef>
                <a:buNone/>
              </a:pPr>
              <a:r>
                <a:rPr lang="en-US" sz="900">
                  <a:solidFill>
                    <a:schemeClr val="bg1"/>
                  </a:solidFill>
                  <a:latin typeface="+mn-lt"/>
                </a:rPr>
                <a:t>DIGITAL TWIN</a:t>
              </a:r>
            </a:p>
          </p:txBody>
        </p:sp>
        <p:cxnSp>
          <p:nvCxnSpPr>
            <p:cNvPr id="70" name="Straight Arrow Connector 69">
              <a:extLst>
                <a:ext uri="{FF2B5EF4-FFF2-40B4-BE49-F238E27FC236}">
                  <a16:creationId xmlns:a16="http://schemas.microsoft.com/office/drawing/2014/main" id="{6F77D668-FDA6-91C1-63A8-53DA4DB2F2BB}"/>
                </a:ext>
              </a:extLst>
            </p:cNvPr>
            <p:cNvCxnSpPr>
              <a:cxnSpLocks/>
              <a:endCxn id="73" idx="0"/>
            </p:cNvCxnSpPr>
            <p:nvPr/>
          </p:nvCxnSpPr>
          <p:spPr bwMode="auto">
            <a:xfrm flipH="1">
              <a:off x="5040034" y="3271126"/>
              <a:ext cx="445163" cy="455135"/>
            </a:xfrm>
            <a:prstGeom prst="straightConnector1">
              <a:avLst/>
            </a:prstGeom>
            <a:ln w="12700" cap="flat" cmpd="sng" algn="ctr">
              <a:solidFill>
                <a:schemeClr val="tx1"/>
              </a:solidFill>
              <a:prstDash val="solid"/>
              <a:round/>
              <a:headEnd type="none" w="med" len="med"/>
              <a:tailEnd type="triangle" w="med" len="med"/>
            </a:ln>
            <a:effectLst/>
          </p:spPr>
          <p:style>
            <a:lnRef idx="3">
              <a:schemeClr val="accent4"/>
            </a:lnRef>
            <a:fillRef idx="0">
              <a:schemeClr val="accent4"/>
            </a:fillRef>
            <a:effectRef idx="2">
              <a:schemeClr val="accent4"/>
            </a:effectRef>
            <a:fontRef idx="minor">
              <a:schemeClr val="tx1"/>
            </a:fontRef>
          </p:style>
        </p:cxnSp>
        <p:sp>
          <p:nvSpPr>
            <p:cNvPr id="73" name="Freeform 14">
              <a:extLst>
                <a:ext uri="{FF2B5EF4-FFF2-40B4-BE49-F238E27FC236}">
                  <a16:creationId xmlns:a16="http://schemas.microsoft.com/office/drawing/2014/main" id="{F2B6566C-5893-CF8E-76DC-4E8DC7887FAE}"/>
                </a:ext>
              </a:extLst>
            </p:cNvPr>
            <p:cNvSpPr>
              <a:spLocks noChangeAspect="1"/>
            </p:cNvSpPr>
            <p:nvPr/>
          </p:nvSpPr>
          <p:spPr bwMode="auto">
            <a:xfrm>
              <a:off x="4050653" y="3357734"/>
              <a:ext cx="989381" cy="737053"/>
            </a:xfrm>
            <a:prstGeom prst="hexagon">
              <a:avLst/>
            </a:prstGeom>
            <a:solidFill>
              <a:srgbClr val="AF78D2"/>
            </a:solidFill>
            <a:ln>
              <a:noFill/>
            </a:ln>
          </p:spPr>
          <p:txBody>
            <a:bodyPr lIns="0" tIns="0" rIns="0" bIns="0" anchor="ctr">
              <a:noAutofit/>
            </a:bodyPr>
            <a:lstStyle>
              <a:defPPr>
                <a:defRPr lang="en-GB"/>
              </a:defPPr>
              <a:lvl1pPr algn="l" rtl="0" fontAlgn="base">
                <a:spcBef>
                  <a:spcPct val="50000"/>
                </a:spcBef>
                <a:spcAft>
                  <a:spcPct val="0"/>
                </a:spcAft>
                <a:defRPr sz="2000" kern="1200">
                  <a:solidFill>
                    <a:schemeClr val="tx1"/>
                  </a:solidFill>
                  <a:latin typeface="Ericsson Hilda" charset="0"/>
                  <a:ea typeface="+mn-ea"/>
                  <a:cs typeface="+mn-cs"/>
                </a:defRPr>
              </a:lvl1pPr>
              <a:lvl2pPr marL="457200" algn="l" rtl="0" fontAlgn="base">
                <a:spcBef>
                  <a:spcPct val="50000"/>
                </a:spcBef>
                <a:spcAft>
                  <a:spcPct val="0"/>
                </a:spcAft>
                <a:defRPr sz="2000" kern="1200">
                  <a:solidFill>
                    <a:schemeClr val="tx1"/>
                  </a:solidFill>
                  <a:latin typeface="Ericsson Hilda" charset="0"/>
                  <a:ea typeface="+mn-ea"/>
                  <a:cs typeface="+mn-cs"/>
                </a:defRPr>
              </a:lvl2pPr>
              <a:lvl3pPr marL="914400" algn="l" rtl="0" fontAlgn="base">
                <a:spcBef>
                  <a:spcPct val="50000"/>
                </a:spcBef>
                <a:spcAft>
                  <a:spcPct val="0"/>
                </a:spcAft>
                <a:defRPr sz="2000" kern="1200">
                  <a:solidFill>
                    <a:schemeClr val="tx1"/>
                  </a:solidFill>
                  <a:latin typeface="Ericsson Hilda" charset="0"/>
                  <a:ea typeface="+mn-ea"/>
                  <a:cs typeface="+mn-cs"/>
                </a:defRPr>
              </a:lvl3pPr>
              <a:lvl4pPr marL="1371600" algn="l" rtl="0" fontAlgn="base">
                <a:spcBef>
                  <a:spcPct val="50000"/>
                </a:spcBef>
                <a:spcAft>
                  <a:spcPct val="0"/>
                </a:spcAft>
                <a:defRPr sz="2000" kern="1200">
                  <a:solidFill>
                    <a:schemeClr val="tx1"/>
                  </a:solidFill>
                  <a:latin typeface="Ericsson Hilda" charset="0"/>
                  <a:ea typeface="+mn-ea"/>
                  <a:cs typeface="+mn-cs"/>
                </a:defRPr>
              </a:lvl4pPr>
              <a:lvl5pPr marL="1828800" algn="l" rtl="0" fontAlgn="base">
                <a:spcBef>
                  <a:spcPct val="50000"/>
                </a:spcBef>
                <a:spcAft>
                  <a:spcPct val="0"/>
                </a:spcAft>
                <a:defRPr sz="2000" kern="1200">
                  <a:solidFill>
                    <a:schemeClr val="tx1"/>
                  </a:solidFill>
                  <a:latin typeface="Ericsson Hilda" charset="0"/>
                  <a:ea typeface="+mn-ea"/>
                  <a:cs typeface="+mn-cs"/>
                </a:defRPr>
              </a:lvl5pPr>
              <a:lvl6pPr marL="2286000" algn="l" defTabSz="914400" rtl="0" eaLnBrk="1" latinLnBrk="0" hangingPunct="1">
                <a:defRPr sz="2000" kern="1200">
                  <a:solidFill>
                    <a:schemeClr val="tx1"/>
                  </a:solidFill>
                  <a:latin typeface="Ericsson Hilda" charset="0"/>
                  <a:ea typeface="+mn-ea"/>
                  <a:cs typeface="+mn-cs"/>
                </a:defRPr>
              </a:lvl6pPr>
              <a:lvl7pPr marL="2743200" algn="l" defTabSz="914400" rtl="0" eaLnBrk="1" latinLnBrk="0" hangingPunct="1">
                <a:defRPr sz="2000" kern="1200">
                  <a:solidFill>
                    <a:schemeClr val="tx1"/>
                  </a:solidFill>
                  <a:latin typeface="Ericsson Hilda" charset="0"/>
                  <a:ea typeface="+mn-ea"/>
                  <a:cs typeface="+mn-cs"/>
                </a:defRPr>
              </a:lvl7pPr>
              <a:lvl8pPr marL="3200400" algn="l" defTabSz="914400" rtl="0" eaLnBrk="1" latinLnBrk="0" hangingPunct="1">
                <a:defRPr sz="2000" kern="1200">
                  <a:solidFill>
                    <a:schemeClr val="tx1"/>
                  </a:solidFill>
                  <a:latin typeface="Ericsson Hilda" charset="0"/>
                  <a:ea typeface="+mn-ea"/>
                  <a:cs typeface="+mn-cs"/>
                </a:defRPr>
              </a:lvl8pPr>
              <a:lvl9pPr marL="3657600" algn="l" defTabSz="914400" rtl="0" eaLnBrk="1" latinLnBrk="0" hangingPunct="1">
                <a:defRPr sz="2000" kern="1200">
                  <a:solidFill>
                    <a:schemeClr val="tx1"/>
                  </a:solidFill>
                  <a:latin typeface="Ericsson Hilda" charset="0"/>
                  <a:ea typeface="+mn-ea"/>
                  <a:cs typeface="+mn-cs"/>
                </a:defRPr>
              </a:lvl9pPr>
            </a:lstStyle>
            <a:p>
              <a:pPr marL="0" indent="0" algn="ctr">
                <a:spcBef>
                  <a:spcPts val="0"/>
                </a:spcBef>
                <a:buNone/>
              </a:pPr>
              <a:r>
                <a:rPr lang="en-US" sz="900">
                  <a:solidFill>
                    <a:schemeClr val="bg1"/>
                  </a:solidFill>
                  <a:latin typeface="+mn-lt"/>
                </a:rPr>
                <a:t>VISUAL INTELLIGENCE</a:t>
              </a:r>
            </a:p>
          </p:txBody>
        </p:sp>
        <p:sp>
          <p:nvSpPr>
            <p:cNvPr id="78" name="Rounded Rectangle 4">
              <a:extLst>
                <a:ext uri="{FF2B5EF4-FFF2-40B4-BE49-F238E27FC236}">
                  <a16:creationId xmlns:a16="http://schemas.microsoft.com/office/drawing/2014/main" id="{6775EA29-3419-1E48-A728-A7F45E7970F2}"/>
                </a:ext>
              </a:extLst>
            </p:cNvPr>
            <p:cNvSpPr/>
            <p:nvPr/>
          </p:nvSpPr>
          <p:spPr>
            <a:xfrm rot="19093470">
              <a:off x="1808606" y="1139867"/>
              <a:ext cx="882026" cy="273762"/>
            </a:xfrm>
            <a:prstGeom prst="rect">
              <a:avLst/>
            </a:prstGeom>
            <a:noFill/>
            <a:ln>
              <a:noFill/>
            </a:ln>
            <a:effectLst/>
          </p:spPr>
          <p:style>
            <a:lnRef idx="2">
              <a:schemeClr val="accent1">
                <a:shade val="50000"/>
              </a:schemeClr>
            </a:lnRef>
            <a:fillRef idx="1">
              <a:schemeClr val="accent1"/>
            </a:fillRef>
            <a:effectRef idx="0">
              <a:schemeClr val="accent1"/>
            </a:effectRef>
            <a:fontRef idx="minor">
              <a:schemeClr val="lt1"/>
            </a:fontRef>
          </p:style>
          <p:txBody>
            <a:bodyPr lIns="0" rIns="0" anchor="ctr">
              <a:noAutofit/>
            </a:bodyPr>
            <a:lstStyle/>
            <a:p>
              <a:pPr algn="ctr">
                <a:lnSpc>
                  <a:spcPct val="95000"/>
                </a:lnSpc>
              </a:pPr>
              <a:r>
                <a:rPr lang="en-GB" sz="1050" b="1">
                  <a:solidFill>
                    <a:srgbClr val="002060"/>
                  </a:solidFill>
                </a:rPr>
                <a:t>FORMAZIONE</a:t>
              </a:r>
            </a:p>
          </p:txBody>
        </p:sp>
        <p:sp>
          <p:nvSpPr>
            <p:cNvPr id="79" name="Rounded Rectangle 4">
              <a:extLst>
                <a:ext uri="{FF2B5EF4-FFF2-40B4-BE49-F238E27FC236}">
                  <a16:creationId xmlns:a16="http://schemas.microsoft.com/office/drawing/2014/main" id="{C8A26641-5493-5F63-DACA-708C18C1514C}"/>
                </a:ext>
              </a:extLst>
            </p:cNvPr>
            <p:cNvSpPr/>
            <p:nvPr/>
          </p:nvSpPr>
          <p:spPr>
            <a:xfrm rot="2809505">
              <a:off x="3225923" y="1168282"/>
              <a:ext cx="923348" cy="306845"/>
            </a:xfrm>
            <a:prstGeom prst="rect">
              <a:avLst/>
            </a:prstGeom>
            <a:noFill/>
            <a:ln>
              <a:noFill/>
            </a:ln>
            <a:effectLst/>
          </p:spPr>
          <p:style>
            <a:lnRef idx="2">
              <a:schemeClr val="accent1">
                <a:shade val="50000"/>
              </a:schemeClr>
            </a:lnRef>
            <a:fillRef idx="1">
              <a:schemeClr val="accent1"/>
            </a:fillRef>
            <a:effectRef idx="0">
              <a:schemeClr val="accent1"/>
            </a:effectRef>
            <a:fontRef idx="minor">
              <a:schemeClr val="lt1"/>
            </a:fontRef>
          </p:style>
          <p:txBody>
            <a:bodyPr lIns="0" rIns="0" anchor="ctr">
              <a:noAutofit/>
            </a:bodyPr>
            <a:lstStyle/>
            <a:p>
              <a:pPr marL="0" indent="0" algn="ctr">
                <a:lnSpc>
                  <a:spcPct val="95000"/>
                </a:lnSpc>
                <a:buNone/>
                <a:defRPr/>
              </a:pPr>
              <a:r>
                <a:rPr lang="en-GB" sz="1050" b="1">
                  <a:solidFill>
                    <a:srgbClr val="002060"/>
                  </a:solidFill>
                </a:rPr>
                <a:t>INFORMAZIONE</a:t>
              </a:r>
            </a:p>
          </p:txBody>
        </p:sp>
        <p:sp>
          <p:nvSpPr>
            <p:cNvPr id="80" name="Rounded Rectangle 4">
              <a:extLst>
                <a:ext uri="{FF2B5EF4-FFF2-40B4-BE49-F238E27FC236}">
                  <a16:creationId xmlns:a16="http://schemas.microsoft.com/office/drawing/2014/main" id="{FA262914-E6E4-C182-B4FA-7A37A2E6F5D2}"/>
                </a:ext>
              </a:extLst>
            </p:cNvPr>
            <p:cNvSpPr/>
            <p:nvPr/>
          </p:nvSpPr>
          <p:spPr>
            <a:xfrm>
              <a:off x="2403210" y="2685765"/>
              <a:ext cx="1002812" cy="273762"/>
            </a:xfrm>
            <a:prstGeom prst="rect">
              <a:avLst/>
            </a:prstGeom>
            <a:noFill/>
            <a:ln>
              <a:noFill/>
            </a:ln>
            <a:effectLst/>
          </p:spPr>
          <p:style>
            <a:lnRef idx="2">
              <a:schemeClr val="accent1">
                <a:shade val="50000"/>
              </a:schemeClr>
            </a:lnRef>
            <a:fillRef idx="1">
              <a:schemeClr val="accent1"/>
            </a:fillRef>
            <a:effectRef idx="0">
              <a:schemeClr val="accent1"/>
            </a:effectRef>
            <a:fontRef idx="minor">
              <a:schemeClr val="lt1"/>
            </a:fontRef>
          </p:style>
          <p:txBody>
            <a:bodyPr lIns="0" rIns="0" anchor="ctr">
              <a:noAutofit/>
            </a:bodyPr>
            <a:lstStyle/>
            <a:p>
              <a:pPr marL="0" indent="0" algn="ctr">
                <a:lnSpc>
                  <a:spcPct val="95000"/>
                </a:lnSpc>
                <a:buNone/>
                <a:defRPr/>
              </a:pPr>
              <a:r>
                <a:rPr lang="en-GB" sz="1050" b="1">
                  <a:solidFill>
                    <a:srgbClr val="002060"/>
                  </a:solidFill>
                </a:rPr>
                <a:t>COMUNICAZIONE</a:t>
              </a:r>
            </a:p>
          </p:txBody>
        </p:sp>
      </p:grpSp>
      <p:cxnSp>
        <p:nvCxnSpPr>
          <p:cNvPr id="8" name="Straight Arrow Connector 7">
            <a:extLst>
              <a:ext uri="{FF2B5EF4-FFF2-40B4-BE49-F238E27FC236}">
                <a16:creationId xmlns:a16="http://schemas.microsoft.com/office/drawing/2014/main" id="{FD06EE64-542C-4595-5D8C-46C8CA6C79CD}"/>
              </a:ext>
            </a:extLst>
          </p:cNvPr>
          <p:cNvCxnSpPr>
            <a:cxnSpLocks/>
          </p:cNvCxnSpPr>
          <p:nvPr/>
        </p:nvCxnSpPr>
        <p:spPr bwMode="auto">
          <a:xfrm>
            <a:off x="9669080" y="2578376"/>
            <a:ext cx="1601096" cy="0"/>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Straight Arrow Connector 8">
            <a:extLst>
              <a:ext uri="{FF2B5EF4-FFF2-40B4-BE49-F238E27FC236}">
                <a16:creationId xmlns:a16="http://schemas.microsoft.com/office/drawing/2014/main" id="{9FB3E960-AC9B-B2AC-FBC3-30887E0EE33F}"/>
              </a:ext>
            </a:extLst>
          </p:cNvPr>
          <p:cNvCxnSpPr>
            <a:cxnSpLocks/>
          </p:cNvCxnSpPr>
          <p:nvPr/>
        </p:nvCxnSpPr>
        <p:spPr bwMode="auto">
          <a:xfrm flipH="1">
            <a:off x="11234181" y="2578376"/>
            <a:ext cx="35995" cy="2794616"/>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Straight Arrow Connector 12">
            <a:extLst>
              <a:ext uri="{FF2B5EF4-FFF2-40B4-BE49-F238E27FC236}">
                <a16:creationId xmlns:a16="http://schemas.microsoft.com/office/drawing/2014/main" id="{2DF5734E-D2AC-2934-A245-BEC366DACF68}"/>
              </a:ext>
            </a:extLst>
          </p:cNvPr>
          <p:cNvCxnSpPr>
            <a:cxnSpLocks/>
          </p:cNvCxnSpPr>
          <p:nvPr/>
        </p:nvCxnSpPr>
        <p:spPr bwMode="auto">
          <a:xfrm flipH="1">
            <a:off x="350365" y="2527581"/>
            <a:ext cx="7377" cy="2845411"/>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Straight Arrow Connector 22">
            <a:extLst>
              <a:ext uri="{FF2B5EF4-FFF2-40B4-BE49-F238E27FC236}">
                <a16:creationId xmlns:a16="http://schemas.microsoft.com/office/drawing/2014/main" id="{92B096B8-BC25-A78D-3315-4A7F4A677F1F}"/>
              </a:ext>
            </a:extLst>
          </p:cNvPr>
          <p:cNvCxnSpPr>
            <a:cxnSpLocks/>
          </p:cNvCxnSpPr>
          <p:nvPr/>
        </p:nvCxnSpPr>
        <p:spPr bwMode="auto">
          <a:xfrm flipV="1">
            <a:off x="8263368" y="5354832"/>
            <a:ext cx="2953883" cy="18160"/>
          </a:xfrm>
          <a:prstGeom prst="straightConnector1">
            <a:avLst/>
          </a:prstGeom>
          <a:ln w="19050">
            <a:headEnd type="arrow" w="med" len="med"/>
            <a:tailEnd type="none" w="med" len="med"/>
          </a:ln>
        </p:spPr>
        <p:style>
          <a:lnRef idx="1">
            <a:schemeClr val="accent1"/>
          </a:lnRef>
          <a:fillRef idx="0">
            <a:schemeClr val="accent1"/>
          </a:fillRef>
          <a:effectRef idx="0">
            <a:schemeClr val="accent1"/>
          </a:effectRef>
          <a:fontRef idx="minor">
            <a:schemeClr val="tx1"/>
          </a:fontRef>
        </p:style>
      </p:cxnSp>
      <p:sp>
        <p:nvSpPr>
          <p:cNvPr id="40" name="TextBox 39">
            <a:extLst>
              <a:ext uri="{FF2B5EF4-FFF2-40B4-BE49-F238E27FC236}">
                <a16:creationId xmlns:a16="http://schemas.microsoft.com/office/drawing/2014/main" id="{743AE4E7-359C-F33E-CBEA-F49222CC6E8E}"/>
              </a:ext>
            </a:extLst>
          </p:cNvPr>
          <p:cNvSpPr txBox="1"/>
          <p:nvPr/>
        </p:nvSpPr>
        <p:spPr>
          <a:xfrm>
            <a:off x="5078516" y="670108"/>
            <a:ext cx="1469515" cy="408623"/>
          </a:xfrm>
          <a:prstGeom prst="roundRect">
            <a:avLst/>
          </a:prstGeom>
          <a:solidFill>
            <a:schemeClr val="bg1"/>
          </a:solidFill>
        </p:spPr>
        <p:txBody>
          <a:bodyPr wrap="square" rtlCol="0">
            <a:spAutoFit/>
          </a:bodyPr>
          <a:lstStyle/>
          <a:p>
            <a:r>
              <a:rPr lang="it-IT" b="1">
                <a:solidFill>
                  <a:srgbClr val="002060"/>
                </a:solidFill>
              </a:rPr>
              <a:t>IL PROCESSO</a:t>
            </a:r>
          </a:p>
        </p:txBody>
      </p:sp>
      <p:sp>
        <p:nvSpPr>
          <p:cNvPr id="47" name="TextBox 46">
            <a:extLst>
              <a:ext uri="{FF2B5EF4-FFF2-40B4-BE49-F238E27FC236}">
                <a16:creationId xmlns:a16="http://schemas.microsoft.com/office/drawing/2014/main" id="{52C44991-52AA-049B-F64F-135B5B18DCE5}"/>
              </a:ext>
            </a:extLst>
          </p:cNvPr>
          <p:cNvSpPr txBox="1"/>
          <p:nvPr/>
        </p:nvSpPr>
        <p:spPr>
          <a:xfrm>
            <a:off x="8898363" y="4982257"/>
            <a:ext cx="2092102" cy="1021556"/>
          </a:xfrm>
          <a:prstGeom prst="roundRect">
            <a:avLst/>
          </a:prstGeom>
          <a:solidFill>
            <a:schemeClr val="bg1"/>
          </a:solidFill>
        </p:spPr>
        <p:txBody>
          <a:bodyPr wrap="square" rtlCol="0">
            <a:spAutoFit/>
          </a:bodyPr>
          <a:lstStyle>
            <a:defPPr>
              <a:defRPr lang="en-US"/>
            </a:defPPr>
          </a:lstStyle>
          <a:p>
            <a:pPr algn="ctr"/>
            <a:r>
              <a:rPr lang="it-IT" b="1">
                <a:solidFill>
                  <a:srgbClr val="002060"/>
                </a:solidFill>
              </a:rPr>
              <a:t>KPI DI MONITORAGGIO DIRETTO</a:t>
            </a:r>
          </a:p>
        </p:txBody>
      </p:sp>
      <p:cxnSp>
        <p:nvCxnSpPr>
          <p:cNvPr id="29" name="Straight Arrow Connector 28">
            <a:extLst>
              <a:ext uri="{FF2B5EF4-FFF2-40B4-BE49-F238E27FC236}">
                <a16:creationId xmlns:a16="http://schemas.microsoft.com/office/drawing/2014/main" id="{69D179A1-8133-4985-72A4-F4C4433618B2}"/>
              </a:ext>
            </a:extLst>
          </p:cNvPr>
          <p:cNvCxnSpPr>
            <a:cxnSpLocks/>
          </p:cNvCxnSpPr>
          <p:nvPr/>
        </p:nvCxnSpPr>
        <p:spPr bwMode="auto">
          <a:xfrm>
            <a:off x="350365" y="5372992"/>
            <a:ext cx="2713770" cy="11930"/>
          </a:xfrm>
          <a:prstGeom prst="straightConnector1">
            <a:avLst/>
          </a:prstGeom>
          <a:ln w="19050">
            <a:headEnd type="none" w="med" len="med"/>
            <a:tailEnd type="arrow" w="med" len="med"/>
          </a:ln>
        </p:spPr>
        <p:style>
          <a:lnRef idx="1">
            <a:schemeClr val="accent1"/>
          </a:lnRef>
          <a:fillRef idx="0">
            <a:schemeClr val="accent1"/>
          </a:fillRef>
          <a:effectRef idx="0">
            <a:schemeClr val="accent1"/>
          </a:effectRef>
          <a:fontRef idx="minor">
            <a:schemeClr val="tx1"/>
          </a:fontRef>
        </p:style>
      </p:cxnSp>
      <p:sp>
        <p:nvSpPr>
          <p:cNvPr id="31" name="TextBox 30">
            <a:extLst>
              <a:ext uri="{FF2B5EF4-FFF2-40B4-BE49-F238E27FC236}">
                <a16:creationId xmlns:a16="http://schemas.microsoft.com/office/drawing/2014/main" id="{9BBB9C50-AA14-76B2-27CA-5DE33CCF970C}"/>
              </a:ext>
            </a:extLst>
          </p:cNvPr>
          <p:cNvSpPr txBox="1"/>
          <p:nvPr/>
        </p:nvSpPr>
        <p:spPr>
          <a:xfrm>
            <a:off x="594017" y="4999341"/>
            <a:ext cx="1913520" cy="1021556"/>
          </a:xfrm>
          <a:prstGeom prst="roundRect">
            <a:avLst/>
          </a:prstGeom>
          <a:solidFill>
            <a:schemeClr val="bg1"/>
          </a:solidFill>
        </p:spPr>
        <p:txBody>
          <a:bodyPr wrap="square" rtlCol="0">
            <a:spAutoFit/>
          </a:bodyPr>
          <a:lstStyle>
            <a:defPPr>
              <a:defRPr lang="en-US"/>
            </a:defPPr>
          </a:lstStyle>
          <a:p>
            <a:pPr algn="ctr"/>
            <a:r>
              <a:rPr lang="it-IT" b="1">
                <a:solidFill>
                  <a:srgbClr val="002060"/>
                </a:solidFill>
              </a:rPr>
              <a:t>KPI DI MONITORAGGIO INDIRETTO</a:t>
            </a:r>
          </a:p>
        </p:txBody>
      </p:sp>
      <p:cxnSp>
        <p:nvCxnSpPr>
          <p:cNvPr id="11" name="Straight Arrow Connector 10">
            <a:extLst>
              <a:ext uri="{FF2B5EF4-FFF2-40B4-BE49-F238E27FC236}">
                <a16:creationId xmlns:a16="http://schemas.microsoft.com/office/drawing/2014/main" id="{64BEEC51-0A37-4D31-7EA1-D5861047CB0E}"/>
              </a:ext>
            </a:extLst>
          </p:cNvPr>
          <p:cNvCxnSpPr>
            <a:cxnSpLocks/>
          </p:cNvCxnSpPr>
          <p:nvPr/>
        </p:nvCxnSpPr>
        <p:spPr bwMode="auto">
          <a:xfrm>
            <a:off x="355293" y="2545327"/>
            <a:ext cx="1601096" cy="0"/>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9DE344FF-DA66-152B-D2F6-454F3C4C94F5}"/>
              </a:ext>
            </a:extLst>
          </p:cNvPr>
          <p:cNvCxnSpPr/>
          <p:nvPr/>
        </p:nvCxnSpPr>
        <p:spPr>
          <a:xfrm>
            <a:off x="630620" y="734762"/>
            <a:ext cx="10731063" cy="0"/>
          </a:xfrm>
          <a:prstGeom prst="line">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graphicFrame>
        <p:nvGraphicFramePr>
          <p:cNvPr id="32" name="Diagram 31">
            <a:extLst>
              <a:ext uri="{FF2B5EF4-FFF2-40B4-BE49-F238E27FC236}">
                <a16:creationId xmlns:a16="http://schemas.microsoft.com/office/drawing/2014/main" id="{955542F1-8A45-6A0F-1AFF-A3EE619A3F29}"/>
              </a:ext>
            </a:extLst>
          </p:cNvPr>
          <p:cNvGraphicFramePr/>
          <p:nvPr>
            <p:extLst>
              <p:ext uri="{D42A27DB-BD31-4B8C-83A1-F6EECF244321}">
                <p14:modId xmlns:p14="http://schemas.microsoft.com/office/powerpoint/2010/main" val="925791756"/>
              </p:ext>
            </p:extLst>
          </p:nvPr>
        </p:nvGraphicFramePr>
        <p:xfrm>
          <a:off x="2621627" y="4304801"/>
          <a:ext cx="2483971" cy="2332042"/>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38" name="TextBox 37">
            <a:extLst>
              <a:ext uri="{FF2B5EF4-FFF2-40B4-BE49-F238E27FC236}">
                <a16:creationId xmlns:a16="http://schemas.microsoft.com/office/drawing/2014/main" id="{EBEDA0E0-42B6-F4AE-4E42-BF39BC95CADE}"/>
              </a:ext>
            </a:extLst>
          </p:cNvPr>
          <p:cNvSpPr txBox="1"/>
          <p:nvPr/>
        </p:nvSpPr>
        <p:spPr>
          <a:xfrm>
            <a:off x="2841106" y="6528449"/>
            <a:ext cx="1739855" cy="289441"/>
          </a:xfrm>
          <a:prstGeom prst="roundRect">
            <a:avLst/>
          </a:prstGeom>
          <a:solidFill>
            <a:schemeClr val="bg1"/>
          </a:solidFill>
        </p:spPr>
        <p:txBody>
          <a:bodyPr wrap="square" rtlCol="0">
            <a:spAutoFit/>
          </a:bodyPr>
          <a:lstStyle>
            <a:defPPr>
              <a:defRPr lang="en-US"/>
            </a:defPPr>
          </a:lstStyle>
          <a:p>
            <a:pPr algn="ctr"/>
            <a:r>
              <a:rPr lang="it-IT" sz="1100" b="1">
                <a:solidFill>
                  <a:srgbClr val="002060"/>
                </a:solidFill>
              </a:rPr>
              <a:t>PIRAMIDE DI HEINRICH</a:t>
            </a:r>
          </a:p>
        </p:txBody>
      </p:sp>
      <p:cxnSp>
        <p:nvCxnSpPr>
          <p:cNvPr id="56" name="Straight Arrow Connector 55">
            <a:extLst>
              <a:ext uri="{FF2B5EF4-FFF2-40B4-BE49-F238E27FC236}">
                <a16:creationId xmlns:a16="http://schemas.microsoft.com/office/drawing/2014/main" id="{7B3B3A59-D928-B887-13A9-631438A05D6B}"/>
              </a:ext>
            </a:extLst>
          </p:cNvPr>
          <p:cNvCxnSpPr>
            <a:cxnSpLocks/>
            <a:stCxn id="60" idx="2"/>
            <a:endCxn id="63" idx="0"/>
          </p:cNvCxnSpPr>
          <p:nvPr/>
        </p:nvCxnSpPr>
        <p:spPr bwMode="auto">
          <a:xfrm flipH="1">
            <a:off x="7397867" y="5071835"/>
            <a:ext cx="10476" cy="739079"/>
          </a:xfrm>
          <a:prstGeom prst="straightConnector1">
            <a:avLst/>
          </a:prstGeom>
          <a:ln w="127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57" name="Group 56">
            <a:extLst>
              <a:ext uri="{FF2B5EF4-FFF2-40B4-BE49-F238E27FC236}">
                <a16:creationId xmlns:a16="http://schemas.microsoft.com/office/drawing/2014/main" id="{40390541-768A-CAB1-7CCA-33563AF55408}"/>
              </a:ext>
            </a:extLst>
          </p:cNvPr>
          <p:cNvGrpSpPr/>
          <p:nvPr/>
        </p:nvGrpSpPr>
        <p:grpSpPr>
          <a:xfrm>
            <a:off x="6706351" y="4546745"/>
            <a:ext cx="1403983" cy="552038"/>
            <a:chOff x="1079987" y="234456"/>
            <a:chExt cx="1403983" cy="552038"/>
          </a:xfrm>
        </p:grpSpPr>
        <p:sp>
          <p:nvSpPr>
            <p:cNvPr id="59" name="Rectangle: Rounded Corners 58">
              <a:extLst>
                <a:ext uri="{FF2B5EF4-FFF2-40B4-BE49-F238E27FC236}">
                  <a16:creationId xmlns:a16="http://schemas.microsoft.com/office/drawing/2014/main" id="{4B3840C3-DC88-12EE-2A03-EFDB75CF84C2}"/>
                </a:ext>
              </a:extLst>
            </p:cNvPr>
            <p:cNvSpPr/>
            <p:nvPr/>
          </p:nvSpPr>
          <p:spPr>
            <a:xfrm>
              <a:off x="1079987" y="234456"/>
              <a:ext cx="1403983" cy="552038"/>
            </a:xfrm>
            <a:prstGeom prst="roundRect">
              <a:avLst/>
            </a:prstGeom>
            <a:ln w="19050">
              <a:solidFill>
                <a:srgbClr val="FF8C0A"/>
              </a:solidFill>
            </a:ln>
          </p:spPr>
          <p:style>
            <a:lnRef idx="2">
              <a:schemeClr val="accent5">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a:lstStyle/>
            <a:p>
              <a:endParaRPr lang="it-IT"/>
            </a:p>
          </p:txBody>
        </p:sp>
        <p:sp>
          <p:nvSpPr>
            <p:cNvPr id="60" name="Rectangle: Rounded Corners 4">
              <a:extLst>
                <a:ext uri="{FF2B5EF4-FFF2-40B4-BE49-F238E27FC236}">
                  <a16:creationId xmlns:a16="http://schemas.microsoft.com/office/drawing/2014/main" id="{49553094-4FF1-679D-E320-ADDB8CF186D7}"/>
                </a:ext>
              </a:extLst>
            </p:cNvPr>
            <p:cNvSpPr txBox="1"/>
            <p:nvPr/>
          </p:nvSpPr>
          <p:spPr>
            <a:xfrm>
              <a:off x="1106935" y="261404"/>
              <a:ext cx="1350087" cy="498142"/>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it-IT" sz="1200"/>
                <a:t>% Partecipazione alla formazione erogata</a:t>
              </a:r>
              <a:endParaRPr lang="it-IT" sz="1200" kern="1200"/>
            </a:p>
          </p:txBody>
        </p:sp>
      </p:grpSp>
      <mc:AlternateContent xmlns:mc="http://schemas.openxmlformats.org/markup-compatibility/2006" xmlns:a14="http://schemas.microsoft.com/office/drawing/2010/main">
        <mc:Choice Requires="a14">
          <p:sp>
            <p:nvSpPr>
              <p:cNvPr id="61" name="Rectangle: Rounded Corners 60">
                <a:extLst>
                  <a:ext uri="{FF2B5EF4-FFF2-40B4-BE49-F238E27FC236}">
                    <a16:creationId xmlns:a16="http://schemas.microsoft.com/office/drawing/2014/main" id="{B66A356B-344F-D58C-DDA6-DA91B722B560}"/>
                  </a:ext>
                </a:extLst>
              </p:cNvPr>
              <p:cNvSpPr/>
              <p:nvPr/>
            </p:nvSpPr>
            <p:spPr>
              <a:xfrm>
                <a:off x="6706832" y="5175107"/>
                <a:ext cx="1403983" cy="552038"/>
              </a:xfrm>
              <a:prstGeom prst="roundRect">
                <a:avLst/>
              </a:prstGeom>
              <a:ln w="19050">
                <a:solidFill>
                  <a:srgbClr val="AF78D2"/>
                </a:solidFill>
              </a:ln>
            </p:spPr>
            <p:style>
              <a:lnRef idx="2">
                <a:schemeClr val="accent5">
                  <a:hueOff val="-6758543"/>
                  <a:satOff val="-17419"/>
                  <a:lumOff val="-11765"/>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anchor="ctr"/>
              <a:lstStyle/>
              <a:p>
                <a:pPr algn="ctr"/>
                <a:r>
                  <a:rPr lang="it-IT" sz="1200"/>
                  <a:t>OHS index: </a:t>
                </a:r>
                <a14:m>
                  <m:oMath xmlns:m="http://schemas.openxmlformats.org/officeDocument/2006/math">
                    <m:r>
                      <m:rPr>
                        <m:nor/>
                      </m:rPr>
                      <a:rPr lang="en-US" sz="1200" i="1" dirty="0" smtClean="0"/>
                      <m:t>Σ</m:t>
                    </m:r>
                    <m:r>
                      <a:rPr lang="en-US" sz="1200" i="1" dirty="0">
                        <a:latin typeface="Cambria Math" panose="02040503050406030204" pitchFamily="18" charset="0"/>
                      </a:rPr>
                      <m:t> </m:t>
                    </m:r>
                  </m:oMath>
                </a14:m>
                <a:r>
                  <a:rPr lang="it-IT" sz="1200"/>
                  <a:t>Audit scores/audit eseguiti</a:t>
                </a:r>
              </a:p>
            </p:txBody>
          </p:sp>
        </mc:Choice>
        <mc:Fallback xmlns="">
          <p:sp>
            <p:nvSpPr>
              <p:cNvPr id="61" name="Rectangle: Rounded Corners 60">
                <a:extLst>
                  <a:ext uri="{FF2B5EF4-FFF2-40B4-BE49-F238E27FC236}">
                    <a16:creationId xmlns:a16="http://schemas.microsoft.com/office/drawing/2014/main" id="{B66A356B-344F-D58C-DDA6-DA91B722B560}"/>
                  </a:ext>
                </a:extLst>
              </p:cNvPr>
              <p:cNvSpPr>
                <a:spLocks noRot="1" noChangeAspect="1" noMove="1" noResize="1" noEditPoints="1" noAdjustHandles="1" noChangeArrowheads="1" noChangeShapeType="1" noTextEdit="1"/>
              </p:cNvSpPr>
              <p:nvPr/>
            </p:nvSpPr>
            <p:spPr>
              <a:xfrm>
                <a:off x="6706832" y="5175107"/>
                <a:ext cx="1403983" cy="552038"/>
              </a:xfrm>
              <a:prstGeom prst="roundRect">
                <a:avLst/>
              </a:prstGeom>
              <a:blipFill>
                <a:blip r:embed="rId10"/>
                <a:stretch>
                  <a:fillRect t="-7527" b="-15054"/>
                </a:stretch>
              </a:blipFill>
              <a:ln w="19050">
                <a:solidFill>
                  <a:srgbClr val="AF78D2"/>
                </a:solidFill>
              </a:ln>
            </p:spPr>
            <p:txBody>
              <a:bodyPr/>
              <a:lstStyle/>
              <a:p>
                <a:r>
                  <a:rPr lang="en-US">
                    <a:noFill/>
                  </a:rPr>
                  <a:t> </a:t>
                </a:r>
              </a:p>
            </p:txBody>
          </p:sp>
        </mc:Fallback>
      </mc:AlternateContent>
      <p:sp>
        <p:nvSpPr>
          <p:cNvPr id="63" name="Rectangle: Rounded Corners 62">
            <a:extLst>
              <a:ext uri="{FF2B5EF4-FFF2-40B4-BE49-F238E27FC236}">
                <a16:creationId xmlns:a16="http://schemas.microsoft.com/office/drawing/2014/main" id="{C0E02615-A92C-F4D0-FD53-DEED062A704D}"/>
              </a:ext>
            </a:extLst>
          </p:cNvPr>
          <p:cNvSpPr/>
          <p:nvPr/>
        </p:nvSpPr>
        <p:spPr>
          <a:xfrm>
            <a:off x="6695875" y="5810914"/>
            <a:ext cx="1403983" cy="552038"/>
          </a:xfrm>
          <a:prstGeom prst="roundRect">
            <a:avLst/>
          </a:prstGeom>
          <a:ln w="19050">
            <a:solidFill>
              <a:srgbClr val="00B050"/>
            </a:solidFill>
          </a:ln>
        </p:spPr>
        <p:style>
          <a:lnRef idx="2">
            <a:schemeClr val="accent5">
              <a:hueOff val="-6758543"/>
              <a:satOff val="-17419"/>
              <a:lumOff val="-11765"/>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anchor="ctr"/>
          <a:lstStyle/>
          <a:p>
            <a:pPr algn="ctr"/>
            <a:r>
              <a:rPr lang="it-IT" sz="1200"/>
              <a:t>Incidenza: n. NC/Audit eseguiti</a:t>
            </a:r>
          </a:p>
        </p:txBody>
      </p:sp>
    </p:spTree>
    <p:extLst>
      <p:ext uri="{BB962C8B-B14F-4D97-AF65-F5344CB8AC3E}">
        <p14:creationId xmlns:p14="http://schemas.microsoft.com/office/powerpoint/2010/main" val="277085544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9" name="Straight Arrow Connector 58">
            <a:extLst>
              <a:ext uri="{FF2B5EF4-FFF2-40B4-BE49-F238E27FC236}">
                <a16:creationId xmlns:a16="http://schemas.microsoft.com/office/drawing/2014/main" id="{069B3567-3E65-AC7B-3939-19C89DC686D5}"/>
              </a:ext>
            </a:extLst>
          </p:cNvPr>
          <p:cNvCxnSpPr>
            <a:cxnSpLocks/>
          </p:cNvCxnSpPr>
          <p:nvPr/>
        </p:nvCxnSpPr>
        <p:spPr bwMode="auto">
          <a:xfrm flipH="1">
            <a:off x="190785" y="4765960"/>
            <a:ext cx="11624684" cy="0"/>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 name="TextBox 4">
            <a:extLst>
              <a:ext uri="{FF2B5EF4-FFF2-40B4-BE49-F238E27FC236}">
                <a16:creationId xmlns:a16="http://schemas.microsoft.com/office/drawing/2014/main" id="{08F2B45B-2BC1-44B2-4465-F8FD2B97328F}"/>
              </a:ext>
            </a:extLst>
          </p:cNvPr>
          <p:cNvSpPr txBox="1"/>
          <p:nvPr/>
        </p:nvSpPr>
        <p:spPr>
          <a:xfrm>
            <a:off x="565953" y="254441"/>
            <a:ext cx="9763665" cy="523220"/>
          </a:xfrm>
          <a:prstGeom prst="rect">
            <a:avLst/>
          </a:prstGeom>
          <a:noFill/>
        </p:spPr>
        <p:txBody>
          <a:bodyPr wrap="square" rtlCol="0">
            <a:spAutoFit/>
          </a:bodyPr>
          <a:lstStyle/>
          <a:p>
            <a:r>
              <a:rPr lang="it-IT" sz="2800" b="1">
                <a:solidFill>
                  <a:schemeClr val="tx1">
                    <a:lumMod val="75000"/>
                    <a:lumOff val="25000"/>
                  </a:schemeClr>
                </a:solidFill>
              </a:rPr>
              <a:t>Formazione, Informazione e Comunicazione</a:t>
            </a:r>
          </a:p>
        </p:txBody>
      </p:sp>
      <p:cxnSp>
        <p:nvCxnSpPr>
          <p:cNvPr id="35" name="Straight Connector 34">
            <a:extLst>
              <a:ext uri="{FF2B5EF4-FFF2-40B4-BE49-F238E27FC236}">
                <a16:creationId xmlns:a16="http://schemas.microsoft.com/office/drawing/2014/main" id="{6DA4F8F9-EAFC-DA02-1EAC-A1777C1A0701}"/>
              </a:ext>
            </a:extLst>
          </p:cNvPr>
          <p:cNvCxnSpPr/>
          <p:nvPr/>
        </p:nvCxnSpPr>
        <p:spPr>
          <a:xfrm>
            <a:off x="630620" y="813143"/>
            <a:ext cx="10731063" cy="0"/>
          </a:xfrm>
          <a:prstGeom prst="line">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pic>
        <p:nvPicPr>
          <p:cNvPr id="2" name="Graphic 1">
            <a:extLst>
              <a:ext uri="{FF2B5EF4-FFF2-40B4-BE49-F238E27FC236}">
                <a16:creationId xmlns:a16="http://schemas.microsoft.com/office/drawing/2014/main" id="{C9079A39-95A3-A70A-AAFC-6C29D17ACE8E}"/>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547615" y="291526"/>
            <a:ext cx="256032" cy="256032"/>
          </a:xfrm>
          <a:prstGeom prst="rect">
            <a:avLst/>
          </a:prstGeom>
        </p:spPr>
      </p:pic>
      <p:grpSp>
        <p:nvGrpSpPr>
          <p:cNvPr id="4" name="Group 3">
            <a:extLst>
              <a:ext uri="{FF2B5EF4-FFF2-40B4-BE49-F238E27FC236}">
                <a16:creationId xmlns:a16="http://schemas.microsoft.com/office/drawing/2014/main" id="{5AE7ABDF-7DB8-E0A5-762B-55A3F2A76F2B}"/>
              </a:ext>
            </a:extLst>
          </p:cNvPr>
          <p:cNvGrpSpPr/>
          <p:nvPr/>
        </p:nvGrpSpPr>
        <p:grpSpPr>
          <a:xfrm>
            <a:off x="719828" y="2763796"/>
            <a:ext cx="10972648" cy="3866150"/>
            <a:chOff x="364375" y="2209604"/>
            <a:chExt cx="11966962" cy="4080339"/>
          </a:xfrm>
        </p:grpSpPr>
        <p:grpSp>
          <p:nvGrpSpPr>
            <p:cNvPr id="13" name="Group 12">
              <a:extLst>
                <a:ext uri="{FF2B5EF4-FFF2-40B4-BE49-F238E27FC236}">
                  <a16:creationId xmlns:a16="http://schemas.microsoft.com/office/drawing/2014/main" id="{DD3F4195-5D6E-4817-B7E2-E9C7FAD70EC2}"/>
                </a:ext>
              </a:extLst>
            </p:cNvPr>
            <p:cNvGrpSpPr/>
            <p:nvPr/>
          </p:nvGrpSpPr>
          <p:grpSpPr>
            <a:xfrm>
              <a:off x="364375" y="2209604"/>
              <a:ext cx="11966962" cy="4080339"/>
              <a:chOff x="365956" y="1397850"/>
              <a:chExt cx="12025035" cy="5598088"/>
            </a:xfrm>
          </p:grpSpPr>
          <p:sp>
            <p:nvSpPr>
              <p:cNvPr id="79" name="Rectangle 78">
                <a:extLst>
                  <a:ext uri="{FF2B5EF4-FFF2-40B4-BE49-F238E27FC236}">
                    <a16:creationId xmlns:a16="http://schemas.microsoft.com/office/drawing/2014/main" id="{E98047C3-903E-82AE-9967-53FAC9167A85}"/>
                  </a:ext>
                </a:extLst>
              </p:cNvPr>
              <p:cNvSpPr/>
              <p:nvPr/>
            </p:nvSpPr>
            <p:spPr>
              <a:xfrm>
                <a:off x="375833" y="1982479"/>
                <a:ext cx="11469034" cy="1580438"/>
              </a:xfrm>
              <a:prstGeom prst="rect">
                <a:avLst/>
              </a:prstGeom>
              <a:solidFill>
                <a:schemeClr val="accent6">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sz="1400"/>
              </a:p>
            </p:txBody>
          </p:sp>
          <p:sp>
            <p:nvSpPr>
              <p:cNvPr id="77" name="Rectangle 76">
                <a:extLst>
                  <a:ext uri="{FF2B5EF4-FFF2-40B4-BE49-F238E27FC236}">
                    <a16:creationId xmlns:a16="http://schemas.microsoft.com/office/drawing/2014/main" id="{6D80B591-96CB-6C24-BD6E-BEA7E770C324}"/>
                  </a:ext>
                </a:extLst>
              </p:cNvPr>
              <p:cNvSpPr/>
              <p:nvPr/>
            </p:nvSpPr>
            <p:spPr>
              <a:xfrm>
                <a:off x="375588" y="5145052"/>
                <a:ext cx="11469034" cy="1655965"/>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sz="1400"/>
              </a:p>
            </p:txBody>
          </p:sp>
          <p:sp>
            <p:nvSpPr>
              <p:cNvPr id="75" name="Rectangle 74">
                <a:extLst>
                  <a:ext uri="{FF2B5EF4-FFF2-40B4-BE49-F238E27FC236}">
                    <a16:creationId xmlns:a16="http://schemas.microsoft.com/office/drawing/2014/main" id="{709994A3-9B97-8BB0-EF6C-4F994953AC53}"/>
                  </a:ext>
                </a:extLst>
              </p:cNvPr>
              <p:cNvSpPr/>
              <p:nvPr/>
            </p:nvSpPr>
            <p:spPr>
              <a:xfrm>
                <a:off x="375833" y="3564613"/>
                <a:ext cx="11469034" cy="1589922"/>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sz="1400"/>
              </a:p>
            </p:txBody>
          </p:sp>
          <p:sp>
            <p:nvSpPr>
              <p:cNvPr id="21" name="Arrow: Right 20">
                <a:extLst>
                  <a:ext uri="{FF2B5EF4-FFF2-40B4-BE49-F238E27FC236}">
                    <a16:creationId xmlns:a16="http://schemas.microsoft.com/office/drawing/2014/main" id="{B46ED968-168C-9A86-5030-D97F5FBEBE98}"/>
                  </a:ext>
                </a:extLst>
              </p:cNvPr>
              <p:cNvSpPr/>
              <p:nvPr/>
            </p:nvSpPr>
            <p:spPr>
              <a:xfrm>
                <a:off x="375588" y="1701767"/>
                <a:ext cx="11658189" cy="356879"/>
              </a:xfrm>
              <a:prstGeom prst="rightArrow">
                <a:avLst/>
              </a:prstGeom>
              <a:gradFill flip="none" rotWithShape="1">
                <a:gsLst>
                  <a:gs pos="0">
                    <a:schemeClr val="accent1">
                      <a:lumMod val="50000"/>
                    </a:schemeClr>
                  </a:gs>
                  <a:gs pos="50000">
                    <a:schemeClr val="accent1">
                      <a:lumMod val="60000"/>
                      <a:lumOff val="40000"/>
                    </a:schemeClr>
                  </a:gs>
                  <a:gs pos="100000">
                    <a:schemeClr val="accent1">
                      <a:lumMod val="40000"/>
                      <a:lumOff val="60000"/>
                    </a:schemeClr>
                  </a:gs>
                </a:gsLst>
                <a:lin ang="0" scaled="1"/>
                <a:tileRect/>
              </a:gra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sz="1400"/>
              </a:p>
            </p:txBody>
          </p:sp>
          <p:sp>
            <p:nvSpPr>
              <p:cNvPr id="17" name="Oval 16">
                <a:extLst>
                  <a:ext uri="{FF2B5EF4-FFF2-40B4-BE49-F238E27FC236}">
                    <a16:creationId xmlns:a16="http://schemas.microsoft.com/office/drawing/2014/main" id="{969DFB51-5133-0A84-73B4-DD4CAF6315D5}"/>
                  </a:ext>
                </a:extLst>
              </p:cNvPr>
              <p:cNvSpPr/>
              <p:nvPr/>
            </p:nvSpPr>
            <p:spPr>
              <a:xfrm>
                <a:off x="6171723" y="1528957"/>
                <a:ext cx="1738313" cy="590596"/>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it-IT" sz="1400"/>
                  <a:t>Lavoratori</a:t>
                </a:r>
              </a:p>
            </p:txBody>
          </p:sp>
          <p:sp>
            <p:nvSpPr>
              <p:cNvPr id="19" name="Oval 18">
                <a:extLst>
                  <a:ext uri="{FF2B5EF4-FFF2-40B4-BE49-F238E27FC236}">
                    <a16:creationId xmlns:a16="http://schemas.microsoft.com/office/drawing/2014/main" id="{60E86AD5-C36C-4314-3EC9-8737EF7DF066}"/>
                  </a:ext>
                </a:extLst>
              </p:cNvPr>
              <p:cNvSpPr/>
              <p:nvPr/>
            </p:nvSpPr>
            <p:spPr>
              <a:xfrm>
                <a:off x="9507817" y="1529218"/>
                <a:ext cx="1738313" cy="590596"/>
              </a:xfrm>
              <a:prstGeom prst="ellipse">
                <a:avLst/>
              </a:prstGeom>
              <a:solidFill>
                <a:srgbClr val="0082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it-IT" sz="1400"/>
                  <a:t>Fornitori</a:t>
                </a:r>
              </a:p>
            </p:txBody>
          </p:sp>
          <p:sp>
            <p:nvSpPr>
              <p:cNvPr id="20" name="Oval 19">
                <a:extLst>
                  <a:ext uri="{FF2B5EF4-FFF2-40B4-BE49-F238E27FC236}">
                    <a16:creationId xmlns:a16="http://schemas.microsoft.com/office/drawing/2014/main" id="{14C8A7E7-43F6-E14B-20E6-DBEB809E4BC8}"/>
                  </a:ext>
                </a:extLst>
              </p:cNvPr>
              <p:cNvSpPr/>
              <p:nvPr/>
            </p:nvSpPr>
            <p:spPr>
              <a:xfrm>
                <a:off x="2426227" y="1516941"/>
                <a:ext cx="1671749" cy="590595"/>
              </a:xfrm>
              <a:prstGeom prst="ellipse">
                <a:avLst/>
              </a:prstGeom>
              <a:solidFill>
                <a:srgbClr val="FF8C0A"/>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it-IT" sz="1400"/>
                  <a:t>Leaders</a:t>
                </a:r>
              </a:p>
            </p:txBody>
          </p:sp>
          <p:cxnSp>
            <p:nvCxnSpPr>
              <p:cNvPr id="23" name="Straight Connector 22">
                <a:extLst>
                  <a:ext uri="{FF2B5EF4-FFF2-40B4-BE49-F238E27FC236}">
                    <a16:creationId xmlns:a16="http://schemas.microsoft.com/office/drawing/2014/main" id="{68B34A58-39CC-819E-3E1D-FF270B69F75D}"/>
                  </a:ext>
                </a:extLst>
              </p:cNvPr>
              <p:cNvCxnSpPr>
                <a:cxnSpLocks/>
              </p:cNvCxnSpPr>
              <p:nvPr/>
            </p:nvCxnSpPr>
            <p:spPr>
              <a:xfrm>
                <a:off x="5114936" y="2013202"/>
                <a:ext cx="0" cy="4825554"/>
              </a:xfrm>
              <a:prstGeom prst="line">
                <a:avLst/>
              </a:prstGeom>
              <a:ln>
                <a:prstDash val="sysDash"/>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18AAD116-3101-5937-8BDB-AC511F7DA433}"/>
                  </a:ext>
                </a:extLst>
              </p:cNvPr>
              <p:cNvCxnSpPr>
                <a:cxnSpLocks/>
              </p:cNvCxnSpPr>
              <p:nvPr/>
            </p:nvCxnSpPr>
            <p:spPr>
              <a:xfrm>
                <a:off x="8720605" y="2013202"/>
                <a:ext cx="43159" cy="4787816"/>
              </a:xfrm>
              <a:prstGeom prst="line">
                <a:avLst/>
              </a:prstGeom>
              <a:ln>
                <a:prstDash val="sysDash"/>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C3008102-AC26-D275-4041-F24C5A60D37F}"/>
                  </a:ext>
                </a:extLst>
              </p:cNvPr>
              <p:cNvCxnSpPr>
                <a:cxnSpLocks/>
              </p:cNvCxnSpPr>
              <p:nvPr/>
            </p:nvCxnSpPr>
            <p:spPr>
              <a:xfrm flipH="1">
                <a:off x="1681018" y="3532885"/>
                <a:ext cx="10163604" cy="14994"/>
              </a:xfrm>
              <a:prstGeom prst="line">
                <a:avLst/>
              </a:prstGeom>
              <a:ln>
                <a:prstDash val="sysDash"/>
              </a:ln>
            </p:spPr>
            <p:style>
              <a:lnRef idx="1">
                <a:schemeClr val="accent1"/>
              </a:lnRef>
              <a:fillRef idx="0">
                <a:schemeClr val="accent1"/>
              </a:fillRef>
              <a:effectRef idx="0">
                <a:schemeClr val="accent1"/>
              </a:effectRef>
              <a:fontRef idx="minor">
                <a:schemeClr val="tx1"/>
              </a:fontRef>
            </p:style>
          </p:cxnSp>
          <p:sp>
            <p:nvSpPr>
              <p:cNvPr id="40" name="TextBox 39">
                <a:extLst>
                  <a:ext uri="{FF2B5EF4-FFF2-40B4-BE49-F238E27FC236}">
                    <a16:creationId xmlns:a16="http://schemas.microsoft.com/office/drawing/2014/main" id="{30F58BFE-AEB5-A374-EBD8-D2E43C251A0A}"/>
                  </a:ext>
                </a:extLst>
              </p:cNvPr>
              <p:cNvSpPr txBox="1"/>
              <p:nvPr/>
            </p:nvSpPr>
            <p:spPr>
              <a:xfrm>
                <a:off x="1696271" y="2221592"/>
                <a:ext cx="3378907" cy="1055647"/>
              </a:xfrm>
              <a:prstGeom prst="rect">
                <a:avLst/>
              </a:prstGeom>
              <a:noFill/>
            </p:spPr>
            <p:txBody>
              <a:bodyPr wrap="square">
                <a:spAutoFit/>
              </a:bodyPr>
              <a:lstStyle/>
              <a:p>
                <a:pPr marL="285750" indent="-285750">
                  <a:buFont typeface="Wingdings" panose="05000000000000000000" pitchFamily="2" charset="2"/>
                  <a:buChar char="q"/>
                </a:pPr>
                <a:r>
                  <a:rPr lang="it-IT" sz="1100" b="1">
                    <a:effectLst/>
                    <a:latin typeface="Calibri" panose="020F0502020204030204" pitchFamily="34" charset="0"/>
                    <a:ea typeface="Times New Roman" panose="02020603050405020304" pitchFamily="18" charset="0"/>
                  </a:rPr>
                  <a:t>Safety Workshop </a:t>
                </a:r>
                <a:r>
                  <a:rPr lang="it-IT" sz="1100">
                    <a:effectLst/>
                    <a:latin typeface="Calibri" panose="020F0502020204030204" pitchFamily="34" charset="0"/>
                    <a:ea typeface="Times New Roman" panose="02020603050405020304" pitchFamily="18" charset="0"/>
                  </a:rPr>
                  <a:t>– seminario </a:t>
                </a:r>
                <a:r>
                  <a:rPr lang="it-IT" sz="1100">
                    <a:latin typeface="Calibri" panose="020F0502020204030204" pitchFamily="34" charset="0"/>
                  </a:rPr>
                  <a:t>interattivo </a:t>
                </a:r>
                <a:r>
                  <a:rPr lang="it-IT" sz="1100">
                    <a:effectLst/>
                    <a:latin typeface="Calibri" panose="020F0502020204030204" pitchFamily="34" charset="0"/>
                    <a:ea typeface="Times New Roman" panose="02020603050405020304" pitchFamily="18" charset="0"/>
                  </a:rPr>
                  <a:t>di sensibilizzazione (6 ore)</a:t>
                </a:r>
              </a:p>
              <a:p>
                <a:pPr marL="285750" indent="-285750">
                  <a:buFont typeface="Wingdings" panose="05000000000000000000" pitchFamily="2" charset="2"/>
                  <a:buChar char="q"/>
                </a:pPr>
                <a:r>
                  <a:rPr lang="it-IT" sz="1100" b="1">
                    <a:latin typeface="Calibri" panose="020F0502020204030204" pitchFamily="34" charset="0"/>
                  </a:rPr>
                  <a:t>Mental Health Workshop </a:t>
                </a:r>
                <a:r>
                  <a:rPr lang="it-IT" sz="1100">
                    <a:latin typeface="Calibri" panose="020F0502020204030204" pitchFamily="34" charset="0"/>
                  </a:rPr>
                  <a:t>– seminario interattivo di sensibilizzazione (6 ore)</a:t>
                </a:r>
              </a:p>
            </p:txBody>
          </p:sp>
          <p:sp>
            <p:nvSpPr>
              <p:cNvPr id="41" name="TextBox 40">
                <a:extLst>
                  <a:ext uri="{FF2B5EF4-FFF2-40B4-BE49-F238E27FC236}">
                    <a16:creationId xmlns:a16="http://schemas.microsoft.com/office/drawing/2014/main" id="{2EDF945F-5745-C2B9-9C6F-1C521C79633E}"/>
                  </a:ext>
                </a:extLst>
              </p:cNvPr>
              <p:cNvSpPr txBox="1"/>
              <p:nvPr/>
            </p:nvSpPr>
            <p:spPr>
              <a:xfrm>
                <a:off x="460717" y="2536974"/>
                <a:ext cx="1128737" cy="397103"/>
              </a:xfrm>
              <a:prstGeom prst="roundRect">
                <a:avLst/>
              </a:prstGeom>
              <a:noFill/>
            </p:spPr>
            <p:txBody>
              <a:bodyPr wrap="square">
                <a:spAutoFit/>
              </a:bodyPr>
              <a:lstStyle>
                <a:defPPr>
                  <a:defRPr lang="en-US"/>
                </a:defPPr>
                <a:lvl1pPr>
                  <a:defRPr sz="1500" b="1">
                    <a:solidFill>
                      <a:srgbClr val="002060"/>
                    </a:solidFill>
                    <a:latin typeface="Calibri" panose="020F0502020204030204" pitchFamily="34" charset="0"/>
                  </a:defRPr>
                </a:lvl1pPr>
              </a:lstStyle>
              <a:p>
                <a:r>
                  <a:rPr lang="en-US" sz="1100"/>
                  <a:t>WORKSHOP</a:t>
                </a:r>
                <a:endParaRPr lang="it-IT" sz="1100"/>
              </a:p>
            </p:txBody>
          </p:sp>
          <p:sp>
            <p:nvSpPr>
              <p:cNvPr id="42" name="TextBox 41">
                <a:extLst>
                  <a:ext uri="{FF2B5EF4-FFF2-40B4-BE49-F238E27FC236}">
                    <a16:creationId xmlns:a16="http://schemas.microsoft.com/office/drawing/2014/main" id="{F2F04CE0-56D3-4BA9-1B85-6CA1F24EF854}"/>
                  </a:ext>
                </a:extLst>
              </p:cNvPr>
              <p:cNvSpPr txBox="1"/>
              <p:nvPr/>
            </p:nvSpPr>
            <p:spPr>
              <a:xfrm>
                <a:off x="365956" y="4084256"/>
                <a:ext cx="1773300" cy="417930"/>
              </a:xfrm>
              <a:prstGeom prst="roundRect">
                <a:avLst>
                  <a:gd name="adj" fmla="val 24709"/>
                </a:avLst>
              </a:prstGeom>
              <a:noFill/>
            </p:spPr>
            <p:txBody>
              <a:bodyPr wrap="square">
                <a:spAutoFit/>
              </a:bodyPr>
              <a:lstStyle/>
              <a:p>
                <a:r>
                  <a:rPr lang="en-US" sz="1100" b="1">
                    <a:solidFill>
                      <a:srgbClr val="002060"/>
                    </a:solidFill>
                    <a:latin typeface="Calibri" panose="020F0502020204030204" pitchFamily="34" charset="0"/>
                  </a:rPr>
                  <a:t>COMUNICAZIONI</a:t>
                </a:r>
                <a:endParaRPr lang="it-IT" sz="1100" b="1">
                  <a:solidFill>
                    <a:srgbClr val="002060"/>
                  </a:solidFill>
                  <a:latin typeface="Calibri" panose="020F0502020204030204" pitchFamily="34" charset="0"/>
                </a:endParaRPr>
              </a:p>
            </p:txBody>
          </p:sp>
          <p:sp>
            <p:nvSpPr>
              <p:cNvPr id="43" name="TextBox 42">
                <a:extLst>
                  <a:ext uri="{FF2B5EF4-FFF2-40B4-BE49-F238E27FC236}">
                    <a16:creationId xmlns:a16="http://schemas.microsoft.com/office/drawing/2014/main" id="{53F22E50-4D44-31F6-15B5-238DB5AA8586}"/>
                  </a:ext>
                </a:extLst>
              </p:cNvPr>
              <p:cNvSpPr txBox="1"/>
              <p:nvPr/>
            </p:nvSpPr>
            <p:spPr>
              <a:xfrm>
                <a:off x="460717" y="5576076"/>
                <a:ext cx="1284196" cy="654052"/>
              </a:xfrm>
              <a:prstGeom prst="roundRect">
                <a:avLst/>
              </a:prstGeom>
              <a:noFill/>
            </p:spPr>
            <p:txBody>
              <a:bodyPr wrap="square">
                <a:spAutoFit/>
              </a:bodyPr>
              <a:lstStyle/>
              <a:p>
                <a:r>
                  <a:rPr lang="en-US" sz="1100" b="1">
                    <a:solidFill>
                      <a:srgbClr val="002060"/>
                    </a:solidFill>
                    <a:latin typeface="Calibri" panose="020F0502020204030204" pitchFamily="34" charset="0"/>
                  </a:rPr>
                  <a:t>FORMAZIONE ONLINE</a:t>
                </a:r>
                <a:endParaRPr lang="it-IT" sz="1100" b="1">
                  <a:solidFill>
                    <a:srgbClr val="002060"/>
                  </a:solidFill>
                  <a:latin typeface="Calibri" panose="020F0502020204030204" pitchFamily="34" charset="0"/>
                </a:endParaRPr>
              </a:p>
            </p:txBody>
          </p:sp>
          <p:sp>
            <p:nvSpPr>
              <p:cNvPr id="49" name="TextBox 48">
                <a:extLst>
                  <a:ext uri="{FF2B5EF4-FFF2-40B4-BE49-F238E27FC236}">
                    <a16:creationId xmlns:a16="http://schemas.microsoft.com/office/drawing/2014/main" id="{070946A4-585E-68F5-EBEF-E7D4BFDCE886}"/>
                  </a:ext>
                </a:extLst>
              </p:cNvPr>
              <p:cNvSpPr txBox="1"/>
              <p:nvPr/>
            </p:nvSpPr>
            <p:spPr>
              <a:xfrm>
                <a:off x="5194776" y="3690738"/>
                <a:ext cx="3594571" cy="1055647"/>
              </a:xfrm>
              <a:prstGeom prst="rect">
                <a:avLst/>
              </a:prstGeom>
              <a:noFill/>
            </p:spPr>
            <p:txBody>
              <a:bodyPr wrap="square">
                <a:spAutoFit/>
              </a:bodyPr>
              <a:lstStyle/>
              <a:p>
                <a:pPr marL="285750" indent="-285750">
                  <a:buFont typeface="Wingdings" panose="05000000000000000000" pitchFamily="2" charset="2"/>
                  <a:buChar char="q"/>
                </a:pPr>
                <a:r>
                  <a:rPr lang="it-IT" sz="1100" b="1">
                    <a:latin typeface="Calibri" panose="020F0502020204030204" pitchFamily="34" charset="0"/>
                  </a:rPr>
                  <a:t>EHS Newsletter </a:t>
                </a:r>
                <a:r>
                  <a:rPr lang="it-IT" sz="1100">
                    <a:latin typeface="Calibri" panose="020F0502020204030204" pitchFamily="34" charset="0"/>
                  </a:rPr>
                  <a:t>– comunicazione semestrale su aggiornamenti EHS</a:t>
                </a:r>
              </a:p>
              <a:p>
                <a:pPr marL="285750" indent="-285750">
                  <a:buFont typeface="Wingdings" panose="05000000000000000000" pitchFamily="2" charset="2"/>
                  <a:buChar char="q"/>
                </a:pPr>
                <a:r>
                  <a:rPr lang="it-IT" sz="1100" b="1">
                    <a:latin typeface="Calibri" panose="020F0502020204030204" pitchFamily="34" charset="0"/>
                  </a:rPr>
                  <a:t>SafetyFirst Newsletter </a:t>
                </a:r>
                <a:r>
                  <a:rPr lang="it-IT" sz="1100">
                    <a:latin typeface="Calibri" panose="020F0502020204030204" pitchFamily="34" charset="0"/>
                  </a:rPr>
                  <a:t>– comunicazioni puntuali su particolari rischi (es. Heat stress, driving, etc.)</a:t>
                </a:r>
              </a:p>
            </p:txBody>
          </p:sp>
          <p:sp>
            <p:nvSpPr>
              <p:cNvPr id="51" name="TextBox 50">
                <a:extLst>
                  <a:ext uri="{FF2B5EF4-FFF2-40B4-BE49-F238E27FC236}">
                    <a16:creationId xmlns:a16="http://schemas.microsoft.com/office/drawing/2014/main" id="{EC7B8729-BD53-2EA0-C92A-E7910735DD77}"/>
                  </a:ext>
                </a:extLst>
              </p:cNvPr>
              <p:cNvSpPr txBox="1"/>
              <p:nvPr/>
            </p:nvSpPr>
            <p:spPr>
              <a:xfrm>
                <a:off x="5194776" y="5163741"/>
                <a:ext cx="3525829" cy="1520133"/>
              </a:xfrm>
              <a:prstGeom prst="rect">
                <a:avLst/>
              </a:prstGeom>
              <a:noFill/>
            </p:spPr>
            <p:txBody>
              <a:bodyPr wrap="square">
                <a:spAutoFit/>
              </a:bodyPr>
              <a:lstStyle/>
              <a:p>
                <a:pPr marL="285750" indent="-285750">
                  <a:buFont typeface="Wingdings" panose="05000000000000000000" pitchFamily="2" charset="2"/>
                  <a:buChar char="q"/>
                </a:pPr>
                <a:r>
                  <a:rPr lang="en-US" sz="1100" b="1">
                    <a:latin typeface="Calibri" panose="020F0502020204030204" pitchFamily="34" charset="0"/>
                  </a:rPr>
                  <a:t>Bite-Sized learning modules</a:t>
                </a:r>
                <a:r>
                  <a:rPr lang="en-US" sz="1100">
                    <a:latin typeface="Calibri" panose="020F0502020204030204" pitchFamily="34" charset="0"/>
                  </a:rPr>
                  <a:t> (es. It’s all about Perception, Target Zero, Learning from mistakes etc.)</a:t>
                </a:r>
              </a:p>
              <a:p>
                <a:pPr marL="285750" indent="-285750">
                  <a:buFont typeface="Wingdings" panose="05000000000000000000" pitchFamily="2" charset="2"/>
                  <a:buChar char="q"/>
                </a:pPr>
                <a:r>
                  <a:rPr lang="en-US" sz="1100" b="1">
                    <a:latin typeface="Calibri" panose="020F0502020204030204" pitchFamily="34" charset="0"/>
                  </a:rPr>
                  <a:t>OHS induction training </a:t>
                </a:r>
                <a:r>
                  <a:rPr lang="en-US" sz="1100">
                    <a:latin typeface="Calibri" panose="020F0502020204030204" pitchFamily="34" charset="0"/>
                  </a:rPr>
                  <a:t>– formazione online </a:t>
                </a:r>
                <a:r>
                  <a:rPr lang="en-US" sz="1100" err="1">
                    <a:latin typeface="Calibri" panose="020F0502020204030204" pitchFamily="34" charset="0"/>
                  </a:rPr>
                  <a:t>su</a:t>
                </a:r>
                <a:r>
                  <a:rPr lang="en-US" sz="1100">
                    <a:latin typeface="Calibri" panose="020F0502020204030204" pitchFamily="34" charset="0"/>
                  </a:rPr>
                  <a:t> </a:t>
                </a:r>
                <a:r>
                  <a:rPr lang="en-US" sz="1100" err="1">
                    <a:latin typeface="Calibri" panose="020F0502020204030204" pitchFamily="34" charset="0"/>
                  </a:rPr>
                  <a:t>tematiche</a:t>
                </a:r>
                <a:r>
                  <a:rPr lang="en-US" sz="1100">
                    <a:latin typeface="Calibri" panose="020F0502020204030204" pitchFamily="34" charset="0"/>
                  </a:rPr>
                  <a:t> salute e sicurezza e </a:t>
                </a:r>
                <a:r>
                  <a:rPr lang="en-US" sz="1100" err="1">
                    <a:latin typeface="Calibri" panose="020F0502020204030204" pitchFamily="34" charset="0"/>
                  </a:rPr>
                  <a:t>presentazione</a:t>
                </a:r>
                <a:r>
                  <a:rPr lang="en-US" sz="1100">
                    <a:latin typeface="Calibri" panose="020F0502020204030204" pitchFamily="34" charset="0"/>
                  </a:rPr>
                  <a:t> del Progetto Target Zero. </a:t>
                </a:r>
                <a:endParaRPr lang="it-IT" sz="1100" b="1">
                  <a:latin typeface="Calibri" panose="020F0502020204030204" pitchFamily="34" charset="0"/>
                </a:endParaRPr>
              </a:p>
            </p:txBody>
          </p:sp>
          <p:cxnSp>
            <p:nvCxnSpPr>
              <p:cNvPr id="52" name="Straight Connector 51">
                <a:extLst>
                  <a:ext uri="{FF2B5EF4-FFF2-40B4-BE49-F238E27FC236}">
                    <a16:creationId xmlns:a16="http://schemas.microsoft.com/office/drawing/2014/main" id="{50B8B9F3-2164-70EB-BCA0-07C6861DE066}"/>
                  </a:ext>
                </a:extLst>
              </p:cNvPr>
              <p:cNvCxnSpPr>
                <a:cxnSpLocks/>
              </p:cNvCxnSpPr>
              <p:nvPr/>
            </p:nvCxnSpPr>
            <p:spPr>
              <a:xfrm flipH="1" flipV="1">
                <a:off x="1681017" y="5154537"/>
                <a:ext cx="10138751" cy="9205"/>
              </a:xfrm>
              <a:prstGeom prst="line">
                <a:avLst/>
              </a:prstGeom>
              <a:ln>
                <a:prstDash val="sysDash"/>
              </a:ln>
            </p:spPr>
            <p:style>
              <a:lnRef idx="1">
                <a:schemeClr val="accent1"/>
              </a:lnRef>
              <a:fillRef idx="0">
                <a:schemeClr val="accent1"/>
              </a:fillRef>
              <a:effectRef idx="0">
                <a:schemeClr val="accent1"/>
              </a:effectRef>
              <a:fontRef idx="minor">
                <a:schemeClr val="tx1"/>
              </a:fontRef>
            </p:style>
          </p:cxnSp>
          <p:sp>
            <p:nvSpPr>
              <p:cNvPr id="6" name="TextBox 5">
                <a:extLst>
                  <a:ext uri="{FF2B5EF4-FFF2-40B4-BE49-F238E27FC236}">
                    <a16:creationId xmlns:a16="http://schemas.microsoft.com/office/drawing/2014/main" id="{FFABCD6A-1374-138C-3981-9023D4416A58}"/>
                  </a:ext>
                </a:extLst>
              </p:cNvPr>
              <p:cNvSpPr txBox="1"/>
              <p:nvPr/>
            </p:nvSpPr>
            <p:spPr>
              <a:xfrm>
                <a:off x="8792691" y="2274982"/>
                <a:ext cx="3082267" cy="591162"/>
              </a:xfrm>
              <a:prstGeom prst="rect">
                <a:avLst/>
              </a:prstGeom>
              <a:noFill/>
            </p:spPr>
            <p:txBody>
              <a:bodyPr wrap="square">
                <a:spAutoFit/>
              </a:bodyPr>
              <a:lstStyle/>
              <a:p>
                <a:pPr marL="285750" indent="-285750">
                  <a:buFont typeface="Wingdings" panose="05000000000000000000" pitchFamily="2" charset="2"/>
                  <a:buChar char="q"/>
                </a:pPr>
                <a:r>
                  <a:rPr lang="en-US" sz="1100" b="1">
                    <a:latin typeface="Calibri" panose="020F0502020204030204" pitchFamily="34" charset="0"/>
                  </a:rPr>
                  <a:t>Workshop </a:t>
                </a:r>
                <a:r>
                  <a:rPr lang="en-US" sz="1100" b="1" err="1">
                    <a:latin typeface="Calibri" panose="020F0502020204030204" pitchFamily="34" charset="0"/>
                  </a:rPr>
                  <a:t>annuale</a:t>
                </a:r>
                <a:r>
                  <a:rPr lang="en-US" sz="1100" b="1">
                    <a:latin typeface="Calibri" panose="020F0502020204030204" pitchFamily="34" charset="0"/>
                  </a:rPr>
                  <a:t> </a:t>
                </a:r>
                <a:r>
                  <a:rPr lang="en-US" sz="1100">
                    <a:latin typeface="Calibri" panose="020F0502020204030204" pitchFamily="34" charset="0"/>
                  </a:rPr>
                  <a:t>– </a:t>
                </a:r>
                <a:r>
                  <a:rPr lang="en-US" sz="1100" err="1">
                    <a:latin typeface="Calibri" panose="020F0502020204030204" pitchFamily="34" charset="0"/>
                  </a:rPr>
                  <a:t>seminario</a:t>
                </a:r>
                <a:r>
                  <a:rPr lang="en-US" sz="1100">
                    <a:latin typeface="Calibri" panose="020F0502020204030204" pitchFamily="34" charset="0"/>
                  </a:rPr>
                  <a:t> </a:t>
                </a:r>
                <a:r>
                  <a:rPr lang="en-US" sz="1100" err="1">
                    <a:latin typeface="Calibri" panose="020F0502020204030204" pitchFamily="34" charset="0"/>
                  </a:rPr>
                  <a:t>interattivo</a:t>
                </a:r>
                <a:r>
                  <a:rPr lang="en-US" sz="1100">
                    <a:latin typeface="Calibri" panose="020F0502020204030204" pitchFamily="34" charset="0"/>
                  </a:rPr>
                  <a:t> per </a:t>
                </a:r>
                <a:r>
                  <a:rPr lang="en-US" sz="1100" err="1">
                    <a:latin typeface="Calibri" panose="020F0502020204030204" pitchFamily="34" charset="0"/>
                  </a:rPr>
                  <a:t>aumentare</a:t>
                </a:r>
                <a:r>
                  <a:rPr lang="en-US" sz="1100">
                    <a:latin typeface="Calibri" panose="020F0502020204030204" pitchFamily="34" charset="0"/>
                  </a:rPr>
                  <a:t> </a:t>
                </a:r>
                <a:r>
                  <a:rPr lang="en-US" sz="1100" err="1">
                    <a:latin typeface="Calibri" panose="020F0502020204030204" pitchFamily="34" charset="0"/>
                  </a:rPr>
                  <a:t>consapevolezza</a:t>
                </a:r>
                <a:endParaRPr lang="en-US" sz="1100">
                  <a:latin typeface="Calibri" panose="020F0502020204030204" pitchFamily="34" charset="0"/>
                </a:endParaRPr>
              </a:p>
            </p:txBody>
          </p:sp>
          <p:sp>
            <p:nvSpPr>
              <p:cNvPr id="8" name="TextBox 7">
                <a:extLst>
                  <a:ext uri="{FF2B5EF4-FFF2-40B4-BE49-F238E27FC236}">
                    <a16:creationId xmlns:a16="http://schemas.microsoft.com/office/drawing/2014/main" id="{804D4AA4-B730-E2CA-B27A-024E8D8AA900}"/>
                  </a:ext>
                </a:extLst>
              </p:cNvPr>
              <p:cNvSpPr txBox="1"/>
              <p:nvPr/>
            </p:nvSpPr>
            <p:spPr>
              <a:xfrm>
                <a:off x="8780190" y="5401686"/>
                <a:ext cx="3088983" cy="823405"/>
              </a:xfrm>
              <a:prstGeom prst="rect">
                <a:avLst/>
              </a:prstGeom>
              <a:noFill/>
            </p:spPr>
            <p:txBody>
              <a:bodyPr wrap="square">
                <a:spAutoFit/>
              </a:bodyPr>
              <a:lstStyle/>
              <a:p>
                <a:pPr marL="285750" indent="-285750">
                  <a:buFont typeface="Wingdings" panose="05000000000000000000" pitchFamily="2" charset="2"/>
                  <a:buChar char="q"/>
                </a:pPr>
                <a:r>
                  <a:rPr lang="en-US" sz="1100" b="1">
                    <a:latin typeface="Calibri" panose="020F0502020204030204" pitchFamily="34" charset="0"/>
                  </a:rPr>
                  <a:t>OHS induction training </a:t>
                </a:r>
                <a:r>
                  <a:rPr lang="en-US" sz="1100">
                    <a:latin typeface="Calibri" panose="020F0502020204030204" pitchFamily="34" charset="0"/>
                  </a:rPr>
                  <a:t>– formazione online </a:t>
                </a:r>
                <a:r>
                  <a:rPr lang="en-US" sz="1100" err="1">
                    <a:latin typeface="Calibri" panose="020F0502020204030204" pitchFamily="34" charset="0"/>
                  </a:rPr>
                  <a:t>su</a:t>
                </a:r>
                <a:r>
                  <a:rPr lang="en-US" sz="1100">
                    <a:latin typeface="Calibri" panose="020F0502020204030204" pitchFamily="34" charset="0"/>
                  </a:rPr>
                  <a:t> </a:t>
                </a:r>
                <a:r>
                  <a:rPr lang="en-US" sz="1100" err="1">
                    <a:latin typeface="Calibri" panose="020F0502020204030204" pitchFamily="34" charset="0"/>
                  </a:rPr>
                  <a:t>tematiche</a:t>
                </a:r>
                <a:r>
                  <a:rPr lang="en-US" sz="1100">
                    <a:latin typeface="Calibri" panose="020F0502020204030204" pitchFamily="34" charset="0"/>
                  </a:rPr>
                  <a:t> salute e sicurezza e </a:t>
                </a:r>
                <a:r>
                  <a:rPr lang="en-US" sz="1100" err="1">
                    <a:latin typeface="Calibri" panose="020F0502020204030204" pitchFamily="34" charset="0"/>
                  </a:rPr>
                  <a:t>presentazione</a:t>
                </a:r>
                <a:r>
                  <a:rPr lang="en-US" sz="1100">
                    <a:latin typeface="Calibri" panose="020F0502020204030204" pitchFamily="34" charset="0"/>
                  </a:rPr>
                  <a:t> del Progetto Target Zero. </a:t>
                </a:r>
                <a:endParaRPr lang="it-IT" sz="1100">
                  <a:latin typeface="Calibri" panose="020F0502020204030204" pitchFamily="34" charset="0"/>
                </a:endParaRPr>
              </a:p>
            </p:txBody>
          </p:sp>
          <p:sp>
            <p:nvSpPr>
              <p:cNvPr id="3" name="TextBox 2">
                <a:extLst>
                  <a:ext uri="{FF2B5EF4-FFF2-40B4-BE49-F238E27FC236}">
                    <a16:creationId xmlns:a16="http://schemas.microsoft.com/office/drawing/2014/main" id="{EE7D3073-5DFD-90AB-C028-1ED40019F5E9}"/>
                  </a:ext>
                </a:extLst>
              </p:cNvPr>
              <p:cNvSpPr txBox="1"/>
              <p:nvPr/>
            </p:nvSpPr>
            <p:spPr>
              <a:xfrm>
                <a:off x="8784224" y="3699269"/>
                <a:ext cx="3010690" cy="1055647"/>
              </a:xfrm>
              <a:prstGeom prst="rect">
                <a:avLst/>
              </a:prstGeom>
              <a:noFill/>
            </p:spPr>
            <p:txBody>
              <a:bodyPr wrap="square">
                <a:spAutoFit/>
              </a:bodyPr>
              <a:lstStyle/>
              <a:p>
                <a:pPr marL="285750" indent="-285750">
                  <a:buFont typeface="Wingdings" panose="05000000000000000000" pitchFamily="2" charset="2"/>
                  <a:buChar char="q"/>
                </a:pPr>
                <a:r>
                  <a:rPr lang="en-US" sz="1100" b="1">
                    <a:latin typeface="Calibri" panose="020F0502020204030204" pitchFamily="34" charset="0"/>
                  </a:rPr>
                  <a:t>EHS Safety Pills </a:t>
                </a:r>
                <a:r>
                  <a:rPr lang="en-US" sz="1100">
                    <a:latin typeface="Calibri" panose="020F0502020204030204" pitchFamily="34" charset="0"/>
                  </a:rPr>
                  <a:t>– </a:t>
                </a:r>
                <a:r>
                  <a:rPr lang="en-US" sz="1100" err="1">
                    <a:latin typeface="Calibri" panose="020F0502020204030204" pitchFamily="34" charset="0"/>
                  </a:rPr>
                  <a:t>approfondimenti</a:t>
                </a:r>
                <a:r>
                  <a:rPr lang="en-US" sz="1100">
                    <a:latin typeface="Calibri" panose="020F0502020204030204" pitchFamily="34" charset="0"/>
                  </a:rPr>
                  <a:t> </a:t>
                </a:r>
                <a:r>
                  <a:rPr lang="en-US" sz="1100" err="1">
                    <a:latin typeface="Calibri" panose="020F0502020204030204" pitchFamily="34" charset="0"/>
                  </a:rPr>
                  <a:t>trimestrali</a:t>
                </a:r>
                <a:r>
                  <a:rPr lang="en-US" sz="1100">
                    <a:latin typeface="Calibri" panose="020F0502020204030204" pitchFamily="34" charset="0"/>
                  </a:rPr>
                  <a:t> </a:t>
                </a:r>
                <a:r>
                  <a:rPr lang="en-US" sz="1100" err="1">
                    <a:latin typeface="Calibri" panose="020F0502020204030204" pitchFamily="34" charset="0"/>
                  </a:rPr>
                  <a:t>su</a:t>
                </a:r>
                <a:r>
                  <a:rPr lang="en-US" sz="1100">
                    <a:latin typeface="Calibri" panose="020F0502020204030204" pitchFamily="34" charset="0"/>
                  </a:rPr>
                  <a:t> </a:t>
                </a:r>
                <a:r>
                  <a:rPr lang="en-US" sz="1100" err="1">
                    <a:latin typeface="Calibri" panose="020F0502020204030204" pitchFamily="34" charset="0"/>
                  </a:rPr>
                  <a:t>tematiche</a:t>
                </a:r>
                <a:r>
                  <a:rPr lang="en-US" sz="1100">
                    <a:latin typeface="Calibri" panose="020F0502020204030204" pitchFamily="34" charset="0"/>
                  </a:rPr>
                  <a:t> EHS </a:t>
                </a:r>
                <a:r>
                  <a:rPr lang="en-US" sz="1100" err="1">
                    <a:latin typeface="Calibri" panose="020F0502020204030204" pitchFamily="34" charset="0"/>
                  </a:rPr>
                  <a:t>più</a:t>
                </a:r>
                <a:r>
                  <a:rPr lang="en-US" sz="1100">
                    <a:latin typeface="Calibri" panose="020F0502020204030204" pitchFamily="34" charset="0"/>
                  </a:rPr>
                  <a:t> </a:t>
                </a:r>
                <a:r>
                  <a:rPr lang="en-US" sz="1100" err="1">
                    <a:latin typeface="Calibri" panose="020F0502020204030204" pitchFamily="34" charset="0"/>
                  </a:rPr>
                  <a:t>rilevanti</a:t>
                </a:r>
                <a:r>
                  <a:rPr lang="en-US" sz="1100">
                    <a:latin typeface="Calibri" panose="020F0502020204030204" pitchFamily="34" charset="0"/>
                  </a:rPr>
                  <a:t> (es. </a:t>
                </a:r>
                <a:r>
                  <a:rPr lang="en-US" sz="1100" err="1">
                    <a:latin typeface="Calibri" panose="020F0502020204030204" pitchFamily="34" charset="0"/>
                  </a:rPr>
                  <a:t>segnalazione</a:t>
                </a:r>
                <a:r>
                  <a:rPr lang="en-US" sz="1100">
                    <a:latin typeface="Calibri" panose="020F0502020204030204" pitchFamily="34" charset="0"/>
                  </a:rPr>
                  <a:t> near miss, </a:t>
                </a:r>
                <a:r>
                  <a:rPr lang="en-US" sz="1100" err="1">
                    <a:latin typeface="Calibri" panose="020F0502020204030204" pitchFamily="34" charset="0"/>
                  </a:rPr>
                  <a:t>utilizzo</a:t>
                </a:r>
                <a:r>
                  <a:rPr lang="en-US" sz="1100">
                    <a:latin typeface="Calibri" panose="020F0502020204030204" pitchFamily="34" charset="0"/>
                  </a:rPr>
                  <a:t> field monitor in campo, </a:t>
                </a:r>
                <a:r>
                  <a:rPr lang="en-US" sz="1100" err="1">
                    <a:latin typeface="Calibri" panose="020F0502020204030204" pitchFamily="34" charset="0"/>
                  </a:rPr>
                  <a:t>distacchi</a:t>
                </a:r>
                <a:r>
                  <a:rPr lang="en-US" sz="1100">
                    <a:latin typeface="Calibri" panose="020F0502020204030204" pitchFamily="34" charset="0"/>
                  </a:rPr>
                  <a:t> etc.)</a:t>
                </a:r>
                <a:endParaRPr lang="it-IT" sz="1100">
                  <a:latin typeface="Calibri" panose="020F0502020204030204" pitchFamily="34" charset="0"/>
                </a:endParaRPr>
              </a:p>
            </p:txBody>
          </p:sp>
          <p:sp>
            <p:nvSpPr>
              <p:cNvPr id="12" name="TextBox 11">
                <a:extLst>
                  <a:ext uri="{FF2B5EF4-FFF2-40B4-BE49-F238E27FC236}">
                    <a16:creationId xmlns:a16="http://schemas.microsoft.com/office/drawing/2014/main" id="{258FAEE9-7314-BD6D-EDF6-A13174654F50}"/>
                  </a:ext>
                </a:extLst>
              </p:cNvPr>
              <p:cNvSpPr txBox="1"/>
              <p:nvPr/>
            </p:nvSpPr>
            <p:spPr>
              <a:xfrm>
                <a:off x="1702689" y="3595307"/>
                <a:ext cx="3220443" cy="1287891"/>
              </a:xfrm>
              <a:prstGeom prst="rect">
                <a:avLst/>
              </a:prstGeom>
              <a:noFill/>
            </p:spPr>
            <p:txBody>
              <a:bodyPr wrap="square">
                <a:spAutoFit/>
              </a:bodyPr>
              <a:lstStyle/>
              <a:p>
                <a:pPr marL="285750" indent="-285750">
                  <a:buFont typeface="Wingdings" panose="05000000000000000000" pitchFamily="2" charset="2"/>
                  <a:buChar char="q"/>
                </a:pPr>
                <a:r>
                  <a:rPr lang="it-IT" sz="1100" b="1">
                    <a:latin typeface="Calibri" panose="020F0502020204030204" pitchFamily="34" charset="0"/>
                  </a:rPr>
                  <a:t>EHS Newsletter </a:t>
                </a:r>
                <a:r>
                  <a:rPr lang="it-IT" sz="1100">
                    <a:latin typeface="Calibri" panose="020F0502020204030204" pitchFamily="34" charset="0"/>
                  </a:rPr>
                  <a:t>– comunicazione semestrale dedicata, su aggiornamenti EHS</a:t>
                </a:r>
              </a:p>
              <a:p>
                <a:pPr marL="285750" indent="-285750">
                  <a:buFont typeface="Wingdings" panose="05000000000000000000" pitchFamily="2" charset="2"/>
                  <a:buChar char="q"/>
                </a:pPr>
                <a:r>
                  <a:rPr lang="it-IT" sz="1100" b="1">
                    <a:latin typeface="Calibri" panose="020F0502020204030204" pitchFamily="34" charset="0"/>
                  </a:rPr>
                  <a:t>Relazione di Bilancio </a:t>
                </a:r>
                <a:r>
                  <a:rPr lang="it-IT" sz="1100">
                    <a:latin typeface="Calibri" panose="020F0502020204030204" pitchFamily="34" charset="0"/>
                  </a:rPr>
                  <a:t>– relazione periodica con le iniziative e i risultati delle azioni implementate</a:t>
                </a:r>
              </a:p>
            </p:txBody>
          </p:sp>
          <p:sp>
            <p:nvSpPr>
              <p:cNvPr id="18" name="TextBox 17">
                <a:extLst>
                  <a:ext uri="{FF2B5EF4-FFF2-40B4-BE49-F238E27FC236}">
                    <a16:creationId xmlns:a16="http://schemas.microsoft.com/office/drawing/2014/main" id="{1E306067-D0A0-56F3-F009-9A8A91DC8CAD}"/>
                  </a:ext>
                </a:extLst>
              </p:cNvPr>
              <p:cNvSpPr txBox="1"/>
              <p:nvPr/>
            </p:nvSpPr>
            <p:spPr>
              <a:xfrm>
                <a:off x="5206371" y="2086852"/>
                <a:ext cx="2618025" cy="358920"/>
              </a:xfrm>
              <a:prstGeom prst="rect">
                <a:avLst/>
              </a:prstGeom>
              <a:noFill/>
            </p:spPr>
            <p:txBody>
              <a:bodyPr wrap="square">
                <a:spAutoFit/>
              </a:bodyPr>
              <a:lstStyle/>
              <a:p>
                <a:pPr marL="285750" indent="-285750">
                  <a:buFont typeface="Wingdings" panose="05000000000000000000" pitchFamily="2" charset="2"/>
                  <a:buChar char="q"/>
                </a:pPr>
                <a:r>
                  <a:rPr lang="en-US" sz="1100" b="1">
                    <a:latin typeface="Calibri" panose="020F0502020204030204" pitchFamily="34" charset="0"/>
                  </a:rPr>
                  <a:t>Lifesaving rules   </a:t>
                </a:r>
                <a:endParaRPr lang="it-IT" sz="1100" b="1">
                  <a:latin typeface="Calibri" panose="020F0502020204030204" pitchFamily="34" charset="0"/>
                </a:endParaRPr>
              </a:p>
            </p:txBody>
          </p:sp>
          <p:cxnSp>
            <p:nvCxnSpPr>
              <p:cNvPr id="36" name="Straight Connector 35">
                <a:extLst>
                  <a:ext uri="{FF2B5EF4-FFF2-40B4-BE49-F238E27FC236}">
                    <a16:creationId xmlns:a16="http://schemas.microsoft.com/office/drawing/2014/main" id="{AEA5E12F-5818-2E6F-8D88-F495B65BFB45}"/>
                  </a:ext>
                </a:extLst>
              </p:cNvPr>
              <p:cNvCxnSpPr>
                <a:cxnSpLocks/>
              </p:cNvCxnSpPr>
              <p:nvPr/>
            </p:nvCxnSpPr>
            <p:spPr>
              <a:xfrm flipH="1">
                <a:off x="1674338" y="2013202"/>
                <a:ext cx="9668" cy="4982736"/>
              </a:xfrm>
              <a:prstGeom prst="line">
                <a:avLst/>
              </a:prstGeom>
              <a:ln w="9525" cap="flat" cmpd="sng" algn="ctr">
                <a:solidFill>
                  <a:schemeClr val="accent1"/>
                </a:solidFill>
                <a:prstDash val="solid"/>
                <a:round/>
                <a:headEnd type="none" w="med" len="med"/>
                <a:tailEnd type="arrow" w="med" len="med"/>
              </a:ln>
            </p:spPr>
            <p:style>
              <a:lnRef idx="0">
                <a:scrgbClr r="0" g="0" b="0"/>
              </a:lnRef>
              <a:fillRef idx="0">
                <a:scrgbClr r="0" g="0" b="0"/>
              </a:fillRef>
              <a:effectRef idx="0">
                <a:scrgbClr r="0" g="0" b="0"/>
              </a:effectRef>
              <a:fontRef idx="minor">
                <a:schemeClr val="tx1"/>
              </a:fontRef>
            </p:style>
          </p:cxnSp>
          <p:sp>
            <p:nvSpPr>
              <p:cNvPr id="64" name="TextBox 63">
                <a:extLst>
                  <a:ext uri="{FF2B5EF4-FFF2-40B4-BE49-F238E27FC236}">
                    <a16:creationId xmlns:a16="http://schemas.microsoft.com/office/drawing/2014/main" id="{D6F36F33-2C1B-979D-D876-34D7E98229FF}"/>
                  </a:ext>
                </a:extLst>
              </p:cNvPr>
              <p:cNvSpPr txBox="1"/>
              <p:nvPr/>
            </p:nvSpPr>
            <p:spPr>
              <a:xfrm>
                <a:off x="1154147" y="1440141"/>
                <a:ext cx="1128737" cy="397103"/>
              </a:xfrm>
              <a:prstGeom prst="roundRect">
                <a:avLst/>
              </a:prstGeom>
              <a:noFill/>
            </p:spPr>
            <p:txBody>
              <a:bodyPr wrap="square">
                <a:spAutoFit/>
              </a:bodyPr>
              <a:lstStyle>
                <a:defPPr>
                  <a:defRPr lang="en-US"/>
                </a:defPPr>
                <a:lvl1pPr>
                  <a:defRPr sz="1500" b="1">
                    <a:solidFill>
                      <a:srgbClr val="002060"/>
                    </a:solidFill>
                    <a:latin typeface="Calibri" panose="020F0502020204030204" pitchFamily="34" charset="0"/>
                  </a:defRPr>
                </a:lvl1pPr>
              </a:lstStyle>
              <a:p>
                <a:r>
                  <a:rPr lang="en-US" sz="1100"/>
                  <a:t>Influence</a:t>
                </a:r>
                <a:endParaRPr lang="it-IT" sz="1100"/>
              </a:p>
            </p:txBody>
          </p:sp>
          <p:sp>
            <p:nvSpPr>
              <p:cNvPr id="65" name="TextBox 64">
                <a:extLst>
                  <a:ext uri="{FF2B5EF4-FFF2-40B4-BE49-F238E27FC236}">
                    <a16:creationId xmlns:a16="http://schemas.microsoft.com/office/drawing/2014/main" id="{F59E6535-81CA-1663-4C79-3A0A3E31EA04}"/>
                  </a:ext>
                </a:extLst>
              </p:cNvPr>
              <p:cNvSpPr txBox="1"/>
              <p:nvPr/>
            </p:nvSpPr>
            <p:spPr>
              <a:xfrm>
                <a:off x="4752447" y="1425920"/>
                <a:ext cx="1128737" cy="397103"/>
              </a:xfrm>
              <a:prstGeom prst="roundRect">
                <a:avLst/>
              </a:prstGeom>
              <a:noFill/>
            </p:spPr>
            <p:txBody>
              <a:bodyPr wrap="square">
                <a:spAutoFit/>
              </a:bodyPr>
              <a:lstStyle>
                <a:defPPr>
                  <a:defRPr lang="en-US"/>
                </a:defPPr>
                <a:lvl1pPr>
                  <a:defRPr sz="1500" b="1">
                    <a:solidFill>
                      <a:srgbClr val="002060"/>
                    </a:solidFill>
                    <a:latin typeface="Calibri" panose="020F0502020204030204" pitchFamily="34" charset="0"/>
                  </a:defRPr>
                </a:lvl1pPr>
              </a:lstStyle>
              <a:p>
                <a:r>
                  <a:rPr lang="en-US" sz="1100"/>
                  <a:t>Influence</a:t>
                </a:r>
                <a:endParaRPr lang="it-IT" sz="1100"/>
              </a:p>
            </p:txBody>
          </p:sp>
          <p:sp>
            <p:nvSpPr>
              <p:cNvPr id="66" name="TextBox 65">
                <a:extLst>
                  <a:ext uri="{FF2B5EF4-FFF2-40B4-BE49-F238E27FC236}">
                    <a16:creationId xmlns:a16="http://schemas.microsoft.com/office/drawing/2014/main" id="{CBD5F577-3540-C98A-9E38-386A377E9190}"/>
                  </a:ext>
                </a:extLst>
              </p:cNvPr>
              <p:cNvSpPr txBox="1"/>
              <p:nvPr/>
            </p:nvSpPr>
            <p:spPr>
              <a:xfrm>
                <a:off x="8332644" y="1423008"/>
                <a:ext cx="1128737" cy="397103"/>
              </a:xfrm>
              <a:prstGeom prst="roundRect">
                <a:avLst/>
              </a:prstGeom>
              <a:noFill/>
            </p:spPr>
            <p:txBody>
              <a:bodyPr wrap="square">
                <a:spAutoFit/>
              </a:bodyPr>
              <a:lstStyle>
                <a:defPPr>
                  <a:defRPr lang="en-US"/>
                </a:defPPr>
                <a:lvl1pPr>
                  <a:defRPr sz="1500" b="1">
                    <a:solidFill>
                      <a:srgbClr val="002060"/>
                    </a:solidFill>
                    <a:latin typeface="Calibri" panose="020F0502020204030204" pitchFamily="34" charset="0"/>
                  </a:defRPr>
                </a:lvl1pPr>
              </a:lstStyle>
              <a:p>
                <a:r>
                  <a:rPr lang="en-US" sz="1100"/>
                  <a:t>Influence</a:t>
                </a:r>
                <a:endParaRPr lang="it-IT" sz="1100"/>
              </a:p>
            </p:txBody>
          </p:sp>
          <p:sp>
            <p:nvSpPr>
              <p:cNvPr id="67" name="TextBox 66">
                <a:extLst>
                  <a:ext uri="{FF2B5EF4-FFF2-40B4-BE49-F238E27FC236}">
                    <a16:creationId xmlns:a16="http://schemas.microsoft.com/office/drawing/2014/main" id="{4FBA009E-E370-B053-67A5-4AFD4836DBA9}"/>
                  </a:ext>
                </a:extLst>
              </p:cNvPr>
              <p:cNvSpPr txBox="1"/>
              <p:nvPr/>
            </p:nvSpPr>
            <p:spPr>
              <a:xfrm>
                <a:off x="11262254" y="1397850"/>
                <a:ext cx="1128737" cy="397103"/>
              </a:xfrm>
              <a:prstGeom prst="roundRect">
                <a:avLst/>
              </a:prstGeom>
              <a:noFill/>
            </p:spPr>
            <p:txBody>
              <a:bodyPr wrap="square">
                <a:spAutoFit/>
              </a:bodyPr>
              <a:lstStyle>
                <a:defPPr>
                  <a:defRPr lang="en-US"/>
                </a:defPPr>
                <a:lvl1pPr>
                  <a:defRPr sz="1500" b="1">
                    <a:solidFill>
                      <a:srgbClr val="002060"/>
                    </a:solidFill>
                    <a:latin typeface="Calibri" panose="020F0502020204030204" pitchFamily="34" charset="0"/>
                  </a:defRPr>
                </a:lvl1pPr>
              </a:lstStyle>
              <a:p>
                <a:r>
                  <a:rPr lang="en-US" sz="1100"/>
                  <a:t>Influence</a:t>
                </a:r>
                <a:endParaRPr lang="it-IT" sz="1100"/>
              </a:p>
            </p:txBody>
          </p:sp>
          <p:sp>
            <p:nvSpPr>
              <p:cNvPr id="9" name="TextBox 8">
                <a:extLst>
                  <a:ext uri="{FF2B5EF4-FFF2-40B4-BE49-F238E27FC236}">
                    <a16:creationId xmlns:a16="http://schemas.microsoft.com/office/drawing/2014/main" id="{87227CF3-CECD-7D93-09A1-6EBA7F2DB013}"/>
                  </a:ext>
                </a:extLst>
              </p:cNvPr>
              <p:cNvSpPr txBox="1"/>
              <p:nvPr/>
            </p:nvSpPr>
            <p:spPr>
              <a:xfrm>
                <a:off x="5199558" y="2445282"/>
                <a:ext cx="3564206" cy="591162"/>
              </a:xfrm>
              <a:prstGeom prst="rect">
                <a:avLst/>
              </a:prstGeom>
              <a:noFill/>
            </p:spPr>
            <p:txBody>
              <a:bodyPr wrap="square">
                <a:spAutoFit/>
              </a:bodyPr>
              <a:lstStyle/>
              <a:p>
                <a:pPr marL="285750" indent="-285750">
                  <a:buFont typeface="Wingdings" panose="05000000000000000000" pitchFamily="2" charset="2"/>
                  <a:buChar char="q"/>
                </a:pPr>
                <a:r>
                  <a:rPr lang="en-US" sz="1100" b="1">
                    <a:latin typeface="Calibri" panose="020F0502020204030204" pitchFamily="34" charset="0"/>
                  </a:rPr>
                  <a:t>Mental Health Workshop </a:t>
                </a:r>
                <a:r>
                  <a:rPr lang="en-US" sz="1100">
                    <a:latin typeface="Calibri" panose="020F0502020204030204" pitchFamily="34" charset="0"/>
                  </a:rPr>
                  <a:t>– </a:t>
                </a:r>
                <a:r>
                  <a:rPr lang="en-US" sz="1100" err="1">
                    <a:latin typeface="Calibri" panose="020F0502020204030204" pitchFamily="34" charset="0"/>
                  </a:rPr>
                  <a:t>seminari</a:t>
                </a:r>
                <a:r>
                  <a:rPr lang="en-US" sz="1100">
                    <a:latin typeface="Calibri" panose="020F0502020204030204" pitchFamily="34" charset="0"/>
                  </a:rPr>
                  <a:t> </a:t>
                </a:r>
                <a:r>
                  <a:rPr lang="en-US" sz="1100" err="1">
                    <a:latin typeface="Calibri" panose="020F0502020204030204" pitchFamily="34" charset="0"/>
                  </a:rPr>
                  <a:t>su</a:t>
                </a:r>
                <a:r>
                  <a:rPr lang="en-US" sz="1100">
                    <a:latin typeface="Calibri" panose="020F0502020204030204" pitchFamily="34" charset="0"/>
                  </a:rPr>
                  <a:t> </a:t>
                </a:r>
                <a:r>
                  <a:rPr lang="en-US" sz="1100" err="1">
                    <a:latin typeface="Calibri" panose="020F0502020204030204" pitchFamily="34" charset="0"/>
                  </a:rPr>
                  <a:t>gestione</a:t>
                </a:r>
                <a:r>
                  <a:rPr lang="en-US" sz="1100">
                    <a:latin typeface="Calibri" panose="020F0502020204030204" pitchFamily="34" charset="0"/>
                  </a:rPr>
                  <a:t> di </a:t>
                </a:r>
                <a:r>
                  <a:rPr lang="en-US" sz="1100" err="1">
                    <a:latin typeface="Calibri" panose="020F0502020204030204" pitchFamily="34" charset="0"/>
                  </a:rPr>
                  <a:t>ansia</a:t>
                </a:r>
                <a:r>
                  <a:rPr lang="en-US" sz="1100">
                    <a:latin typeface="Calibri" panose="020F0502020204030204" pitchFamily="34" charset="0"/>
                  </a:rPr>
                  <a:t> e stress e well-being.</a:t>
                </a:r>
              </a:p>
            </p:txBody>
          </p:sp>
          <p:sp>
            <p:nvSpPr>
              <p:cNvPr id="10" name="TextBox 9">
                <a:extLst>
                  <a:ext uri="{FF2B5EF4-FFF2-40B4-BE49-F238E27FC236}">
                    <a16:creationId xmlns:a16="http://schemas.microsoft.com/office/drawing/2014/main" id="{5C7E8D35-F857-DC93-98D1-E35DA87032D3}"/>
                  </a:ext>
                </a:extLst>
              </p:cNvPr>
              <p:cNvSpPr txBox="1"/>
              <p:nvPr/>
            </p:nvSpPr>
            <p:spPr>
              <a:xfrm>
                <a:off x="5205805" y="2996977"/>
                <a:ext cx="3564206" cy="591162"/>
              </a:xfrm>
              <a:prstGeom prst="rect">
                <a:avLst/>
              </a:prstGeom>
              <a:noFill/>
            </p:spPr>
            <p:txBody>
              <a:bodyPr wrap="square">
                <a:spAutoFit/>
              </a:bodyPr>
              <a:lstStyle/>
              <a:p>
                <a:pPr marL="285750" indent="-285750">
                  <a:buFont typeface="Wingdings" panose="05000000000000000000" pitchFamily="2" charset="2"/>
                  <a:buChar char="q"/>
                </a:pPr>
                <a:r>
                  <a:rPr lang="en-US" sz="1100" b="1">
                    <a:latin typeface="Calibri" panose="020F0502020204030204" pitchFamily="34" charset="0"/>
                  </a:rPr>
                  <a:t>Hybrid Working </a:t>
                </a:r>
                <a:r>
                  <a:rPr lang="en-US" sz="1100">
                    <a:latin typeface="Calibri" panose="020F0502020204030204" pitchFamily="34" charset="0"/>
                  </a:rPr>
                  <a:t>– </a:t>
                </a:r>
                <a:r>
                  <a:rPr lang="en-US" sz="1100" err="1">
                    <a:latin typeface="Calibri" panose="020F0502020204030204" pitchFamily="34" charset="0"/>
                  </a:rPr>
                  <a:t>seminario</a:t>
                </a:r>
                <a:r>
                  <a:rPr lang="en-US" sz="1100">
                    <a:latin typeface="Calibri" panose="020F0502020204030204" pitchFamily="34" charset="0"/>
                  </a:rPr>
                  <a:t> sui </a:t>
                </a:r>
                <a:r>
                  <a:rPr lang="en-US" sz="1100" err="1">
                    <a:latin typeface="Calibri" panose="020F0502020204030204" pitchFamily="34" charset="0"/>
                  </a:rPr>
                  <a:t>rischi</a:t>
                </a:r>
                <a:r>
                  <a:rPr lang="en-US" sz="1100">
                    <a:latin typeface="Calibri" panose="020F0502020204030204" pitchFamily="34" charset="0"/>
                  </a:rPr>
                  <a:t> e le </a:t>
                </a:r>
                <a:r>
                  <a:rPr lang="en-US" sz="1100" err="1">
                    <a:latin typeface="Calibri" panose="020F0502020204030204" pitchFamily="34" charset="0"/>
                  </a:rPr>
                  <a:t>modalità</a:t>
                </a:r>
                <a:r>
                  <a:rPr lang="en-US" sz="1100">
                    <a:latin typeface="Calibri" panose="020F0502020204030204" pitchFamily="34" charset="0"/>
                  </a:rPr>
                  <a:t> del lavoro </a:t>
                </a:r>
                <a:r>
                  <a:rPr lang="en-US" sz="1100" err="1">
                    <a:latin typeface="Calibri" panose="020F0502020204030204" pitchFamily="34" charset="0"/>
                  </a:rPr>
                  <a:t>ibrido</a:t>
                </a:r>
                <a:r>
                  <a:rPr lang="en-US" sz="1100" b="1">
                    <a:latin typeface="Calibri" panose="020F0502020204030204" pitchFamily="34" charset="0"/>
                  </a:rPr>
                  <a:t>  </a:t>
                </a:r>
                <a:endParaRPr lang="it-IT" sz="1100" b="1">
                  <a:latin typeface="Calibri" panose="020F0502020204030204" pitchFamily="34" charset="0"/>
                </a:endParaRPr>
              </a:p>
            </p:txBody>
          </p:sp>
        </p:grpSp>
        <p:sp>
          <p:nvSpPr>
            <p:cNvPr id="7" name="TextBox 6">
              <a:extLst>
                <a:ext uri="{FF2B5EF4-FFF2-40B4-BE49-F238E27FC236}">
                  <a16:creationId xmlns:a16="http://schemas.microsoft.com/office/drawing/2014/main" id="{1796BDA9-9F87-58FE-659A-F42F2C1C586A}"/>
                </a:ext>
              </a:extLst>
            </p:cNvPr>
            <p:cNvSpPr txBox="1"/>
            <p:nvPr/>
          </p:nvSpPr>
          <p:spPr>
            <a:xfrm>
              <a:off x="1693929" y="4975047"/>
              <a:ext cx="3302656" cy="1107996"/>
            </a:xfrm>
            <a:prstGeom prst="rect">
              <a:avLst/>
            </a:prstGeom>
            <a:noFill/>
          </p:spPr>
          <p:txBody>
            <a:bodyPr wrap="square">
              <a:spAutoFit/>
            </a:bodyPr>
            <a:lstStyle/>
            <a:p>
              <a:pPr marL="285750" indent="-285750">
                <a:buFont typeface="Wingdings" panose="05000000000000000000" pitchFamily="2" charset="2"/>
                <a:buChar char="q"/>
              </a:pPr>
              <a:r>
                <a:rPr lang="en-US" sz="1100" b="1">
                  <a:latin typeface="Calibri" panose="020F0502020204030204" pitchFamily="34" charset="0"/>
                </a:rPr>
                <a:t>Bite-Sized learning modules </a:t>
              </a:r>
              <a:r>
                <a:rPr lang="en-US" sz="1100">
                  <a:latin typeface="Calibri" panose="020F0502020204030204" pitchFamily="34" charset="0"/>
                </a:rPr>
                <a:t>(es. It’s all about Perception, Target Zero, Learning from mistakes etc.)</a:t>
              </a:r>
            </a:p>
            <a:p>
              <a:pPr marL="285750" indent="-285750">
                <a:buFont typeface="Wingdings" panose="05000000000000000000" pitchFamily="2" charset="2"/>
                <a:buChar char="q"/>
              </a:pPr>
              <a:r>
                <a:rPr lang="en-US" sz="1100" b="1">
                  <a:latin typeface="Calibri" panose="020F0502020204030204" pitchFamily="34" charset="0"/>
                </a:rPr>
                <a:t>OHS induction training</a:t>
              </a:r>
              <a:r>
                <a:rPr lang="en-US" sz="1100">
                  <a:latin typeface="Calibri" panose="020F0502020204030204" pitchFamily="34" charset="0"/>
                </a:rPr>
                <a:t> – formazione online </a:t>
              </a:r>
              <a:r>
                <a:rPr lang="en-US" sz="1100" err="1">
                  <a:latin typeface="Calibri" panose="020F0502020204030204" pitchFamily="34" charset="0"/>
                </a:rPr>
                <a:t>su</a:t>
              </a:r>
              <a:r>
                <a:rPr lang="en-US" sz="1100">
                  <a:latin typeface="Calibri" panose="020F0502020204030204" pitchFamily="34" charset="0"/>
                </a:rPr>
                <a:t> </a:t>
              </a:r>
              <a:r>
                <a:rPr lang="en-US" sz="1100" err="1">
                  <a:latin typeface="Calibri" panose="020F0502020204030204" pitchFamily="34" charset="0"/>
                </a:rPr>
                <a:t>tematiche</a:t>
              </a:r>
              <a:r>
                <a:rPr lang="en-US" sz="1100">
                  <a:latin typeface="Calibri" panose="020F0502020204030204" pitchFamily="34" charset="0"/>
                </a:rPr>
                <a:t> salute e sicurezza e </a:t>
              </a:r>
              <a:r>
                <a:rPr lang="en-US" sz="1100" err="1">
                  <a:latin typeface="Calibri" panose="020F0502020204030204" pitchFamily="34" charset="0"/>
                </a:rPr>
                <a:t>presentazione</a:t>
              </a:r>
              <a:r>
                <a:rPr lang="en-US" sz="1100">
                  <a:latin typeface="Calibri" panose="020F0502020204030204" pitchFamily="34" charset="0"/>
                </a:rPr>
                <a:t> del Progetto Target Zero. </a:t>
              </a:r>
              <a:endParaRPr lang="it-IT" sz="1100">
                <a:latin typeface="Calibri" panose="020F0502020204030204" pitchFamily="34" charset="0"/>
              </a:endParaRPr>
            </a:p>
          </p:txBody>
        </p:sp>
      </p:grpSp>
      <p:cxnSp>
        <p:nvCxnSpPr>
          <p:cNvPr id="22" name="Straight Arrow Connector 21">
            <a:extLst>
              <a:ext uri="{FF2B5EF4-FFF2-40B4-BE49-F238E27FC236}">
                <a16:creationId xmlns:a16="http://schemas.microsoft.com/office/drawing/2014/main" id="{1B82739E-A292-9526-6551-9F38155A43A3}"/>
              </a:ext>
            </a:extLst>
          </p:cNvPr>
          <p:cNvCxnSpPr>
            <a:cxnSpLocks/>
          </p:cNvCxnSpPr>
          <p:nvPr/>
        </p:nvCxnSpPr>
        <p:spPr bwMode="auto">
          <a:xfrm flipH="1">
            <a:off x="185843" y="1880284"/>
            <a:ext cx="11617804" cy="15535"/>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 name="TextBox 26">
            <a:extLst>
              <a:ext uri="{FF2B5EF4-FFF2-40B4-BE49-F238E27FC236}">
                <a16:creationId xmlns:a16="http://schemas.microsoft.com/office/drawing/2014/main" id="{83108EE3-E356-F6DB-575D-1F375F981C50}"/>
              </a:ext>
            </a:extLst>
          </p:cNvPr>
          <p:cNvSpPr txBox="1"/>
          <p:nvPr/>
        </p:nvSpPr>
        <p:spPr>
          <a:xfrm>
            <a:off x="859188" y="1400444"/>
            <a:ext cx="4388968" cy="919401"/>
          </a:xfrm>
          <a:prstGeom prst="roundRect">
            <a:avLst/>
          </a:prstGeom>
          <a:solidFill>
            <a:srgbClr val="ECEFF4"/>
          </a:solidFill>
          <a:ln w="19050">
            <a:solidFill>
              <a:srgbClr val="0082F0"/>
            </a:solidFill>
          </a:ln>
        </p:spPr>
        <p:txBody>
          <a:bodyPr wrap="square" lIns="91440" tIns="45720" rIns="91440" bIns="45720" rtlCol="0" anchor="t">
            <a:spAutoFit/>
          </a:bodyPr>
          <a:lstStyle/>
          <a:p>
            <a:r>
              <a:rPr lang="it-IT" sz="1600"/>
              <a:t>Un piano di formazione specifico e mirato alla consapevolezza esteso a tutti: leader, lavoratori Ericsson e fornitori/partner del Gruppo</a:t>
            </a:r>
          </a:p>
        </p:txBody>
      </p:sp>
      <p:cxnSp>
        <p:nvCxnSpPr>
          <p:cNvPr id="32" name="Straight Arrow Connector 31">
            <a:extLst>
              <a:ext uri="{FF2B5EF4-FFF2-40B4-BE49-F238E27FC236}">
                <a16:creationId xmlns:a16="http://schemas.microsoft.com/office/drawing/2014/main" id="{C194E91A-1357-1C50-E257-21A0C6C8055D}"/>
              </a:ext>
            </a:extLst>
          </p:cNvPr>
          <p:cNvCxnSpPr>
            <a:cxnSpLocks/>
          </p:cNvCxnSpPr>
          <p:nvPr/>
        </p:nvCxnSpPr>
        <p:spPr bwMode="auto">
          <a:xfrm flipV="1">
            <a:off x="191184" y="1880284"/>
            <a:ext cx="0" cy="2884542"/>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 name="TextBox 37">
            <a:extLst>
              <a:ext uri="{FF2B5EF4-FFF2-40B4-BE49-F238E27FC236}">
                <a16:creationId xmlns:a16="http://schemas.microsoft.com/office/drawing/2014/main" id="{BB79BE12-AAA8-5880-EE3C-011B25971CA1}"/>
              </a:ext>
            </a:extLst>
          </p:cNvPr>
          <p:cNvSpPr txBox="1"/>
          <p:nvPr/>
        </p:nvSpPr>
        <p:spPr>
          <a:xfrm>
            <a:off x="6206152" y="1067463"/>
            <a:ext cx="4802232" cy="1464231"/>
          </a:xfrm>
          <a:prstGeom prst="roundRect">
            <a:avLst/>
          </a:prstGeom>
          <a:solidFill>
            <a:schemeClr val="bg1"/>
          </a:solidFill>
          <a:ln w="19050">
            <a:solidFill>
              <a:srgbClr val="00B050"/>
            </a:solidFill>
          </a:ln>
        </p:spPr>
        <p:txBody>
          <a:bodyPr wrap="square" rtlCol="0">
            <a:spAutoFit/>
          </a:bodyPr>
          <a:lstStyle/>
          <a:p>
            <a:r>
              <a:rPr lang="it-IT" sz="1600"/>
              <a:t>Diffondere la cultura della sicurezza in modo circolare, così da incoraggiare azioni e comportamenti sicuri all’interno e all’esterno del Gruppo. Questo permette di integrare la cultura della sicurezza positiva e robusta anche nelle organizzazioni dei nostri Partner.</a:t>
            </a:r>
          </a:p>
        </p:txBody>
      </p:sp>
      <p:cxnSp>
        <p:nvCxnSpPr>
          <p:cNvPr id="39" name="Straight Arrow Connector 38">
            <a:extLst>
              <a:ext uri="{FF2B5EF4-FFF2-40B4-BE49-F238E27FC236}">
                <a16:creationId xmlns:a16="http://schemas.microsoft.com/office/drawing/2014/main" id="{5BD9A211-1BA1-DAC2-4785-DC88381EA33B}"/>
              </a:ext>
            </a:extLst>
          </p:cNvPr>
          <p:cNvCxnSpPr>
            <a:cxnSpLocks/>
          </p:cNvCxnSpPr>
          <p:nvPr/>
        </p:nvCxnSpPr>
        <p:spPr bwMode="auto">
          <a:xfrm flipV="1">
            <a:off x="11815469" y="1889520"/>
            <a:ext cx="0" cy="2884542"/>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4" name="Oval 43">
            <a:extLst>
              <a:ext uri="{FF2B5EF4-FFF2-40B4-BE49-F238E27FC236}">
                <a16:creationId xmlns:a16="http://schemas.microsoft.com/office/drawing/2014/main" id="{BDBAD41A-128C-624B-69D1-9B7B60EDAF71}"/>
              </a:ext>
            </a:extLst>
          </p:cNvPr>
          <p:cNvSpPr/>
          <p:nvPr/>
        </p:nvSpPr>
        <p:spPr>
          <a:xfrm>
            <a:off x="5713334" y="835361"/>
            <a:ext cx="715654" cy="542188"/>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pic>
        <p:nvPicPr>
          <p:cNvPr id="45" name="Graphic 44" descr="Bullseye with solid fill">
            <a:extLst>
              <a:ext uri="{FF2B5EF4-FFF2-40B4-BE49-F238E27FC236}">
                <a16:creationId xmlns:a16="http://schemas.microsoft.com/office/drawing/2014/main" id="{5A66A07F-6C60-49CF-E8F8-6B371FCEC771}"/>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958678" y="794356"/>
            <a:ext cx="569184" cy="569184"/>
          </a:xfrm>
          <a:prstGeom prst="rect">
            <a:avLst/>
          </a:prstGeom>
        </p:spPr>
      </p:pic>
      <p:sp>
        <p:nvSpPr>
          <p:cNvPr id="14" name="Oval 13">
            <a:extLst>
              <a:ext uri="{FF2B5EF4-FFF2-40B4-BE49-F238E27FC236}">
                <a16:creationId xmlns:a16="http://schemas.microsoft.com/office/drawing/2014/main" id="{7A173AC2-A7D8-9778-3B02-FE7511CD49F9}"/>
              </a:ext>
            </a:extLst>
          </p:cNvPr>
          <p:cNvSpPr/>
          <p:nvPr/>
        </p:nvSpPr>
        <p:spPr>
          <a:xfrm>
            <a:off x="565953" y="979590"/>
            <a:ext cx="599090" cy="567558"/>
          </a:xfrm>
          <a:prstGeom prst="ellipse">
            <a:avLst/>
          </a:prstGeom>
          <a:solidFill>
            <a:srgbClr val="0082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Oval 45">
            <a:extLst>
              <a:ext uri="{FF2B5EF4-FFF2-40B4-BE49-F238E27FC236}">
                <a16:creationId xmlns:a16="http://schemas.microsoft.com/office/drawing/2014/main" id="{7DFD31E7-3A23-74AA-4A72-DB16F25F15B8}"/>
              </a:ext>
            </a:extLst>
          </p:cNvPr>
          <p:cNvSpPr/>
          <p:nvPr/>
        </p:nvSpPr>
        <p:spPr>
          <a:xfrm>
            <a:off x="570787" y="1000814"/>
            <a:ext cx="560157" cy="493333"/>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pic>
        <p:nvPicPr>
          <p:cNvPr id="16" name="Graphic 15" descr="Classroom with solid fill">
            <a:extLst>
              <a:ext uri="{FF2B5EF4-FFF2-40B4-BE49-F238E27FC236}">
                <a16:creationId xmlns:a16="http://schemas.microsoft.com/office/drawing/2014/main" id="{0F39EFFF-5749-4BC9-8944-FD140B694635}"/>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641654" y="1016732"/>
            <a:ext cx="451945" cy="451945"/>
          </a:xfrm>
          <a:prstGeom prst="rect">
            <a:avLst/>
          </a:prstGeom>
        </p:spPr>
      </p:pic>
    </p:spTree>
    <p:extLst>
      <p:ext uri="{BB962C8B-B14F-4D97-AF65-F5344CB8AC3E}">
        <p14:creationId xmlns:p14="http://schemas.microsoft.com/office/powerpoint/2010/main" val="4195987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42" name="Straight Arrow Connector 41">
            <a:extLst>
              <a:ext uri="{FF2B5EF4-FFF2-40B4-BE49-F238E27FC236}">
                <a16:creationId xmlns:a16="http://schemas.microsoft.com/office/drawing/2014/main" id="{7C876D62-088F-28A7-2E38-5B1D9D17DA54}"/>
              </a:ext>
            </a:extLst>
          </p:cNvPr>
          <p:cNvCxnSpPr>
            <a:cxnSpLocks/>
          </p:cNvCxnSpPr>
          <p:nvPr/>
        </p:nvCxnSpPr>
        <p:spPr bwMode="auto">
          <a:xfrm flipH="1">
            <a:off x="190785" y="3343564"/>
            <a:ext cx="11740458" cy="0"/>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 name="TextBox 4">
            <a:extLst>
              <a:ext uri="{FF2B5EF4-FFF2-40B4-BE49-F238E27FC236}">
                <a16:creationId xmlns:a16="http://schemas.microsoft.com/office/drawing/2014/main" id="{08F2B45B-2BC1-44B2-4465-F8FD2B97328F}"/>
              </a:ext>
            </a:extLst>
          </p:cNvPr>
          <p:cNvSpPr txBox="1"/>
          <p:nvPr/>
        </p:nvSpPr>
        <p:spPr>
          <a:xfrm>
            <a:off x="601354" y="222195"/>
            <a:ext cx="11655267" cy="523220"/>
          </a:xfrm>
          <a:prstGeom prst="rect">
            <a:avLst/>
          </a:prstGeom>
          <a:noFill/>
        </p:spPr>
        <p:txBody>
          <a:bodyPr wrap="square" rtlCol="0">
            <a:spAutoFit/>
          </a:bodyPr>
          <a:lstStyle/>
          <a:p>
            <a:r>
              <a:rPr lang="en-US" sz="2800" b="1" err="1">
                <a:solidFill>
                  <a:schemeClr val="tx1">
                    <a:lumMod val="75000"/>
                    <a:lumOff val="25000"/>
                  </a:schemeClr>
                </a:solidFill>
              </a:rPr>
              <a:t>Monitoraggio</a:t>
            </a:r>
            <a:r>
              <a:rPr lang="en-US" sz="2800" b="1">
                <a:solidFill>
                  <a:schemeClr val="tx1">
                    <a:lumMod val="75000"/>
                    <a:lumOff val="25000"/>
                  </a:schemeClr>
                </a:solidFill>
              </a:rPr>
              <a:t> </a:t>
            </a:r>
            <a:r>
              <a:rPr lang="en-US" sz="2800" b="1" err="1">
                <a:solidFill>
                  <a:schemeClr val="tx1">
                    <a:lumMod val="75000"/>
                    <a:lumOff val="25000"/>
                  </a:schemeClr>
                </a:solidFill>
              </a:rPr>
              <a:t>volto</a:t>
            </a:r>
            <a:r>
              <a:rPr lang="en-US" sz="2800" b="1">
                <a:solidFill>
                  <a:schemeClr val="tx1">
                    <a:lumMod val="75000"/>
                    <a:lumOff val="25000"/>
                  </a:schemeClr>
                </a:solidFill>
              </a:rPr>
              <a:t> </a:t>
            </a:r>
            <a:r>
              <a:rPr lang="en-US" sz="2800" b="1" err="1">
                <a:solidFill>
                  <a:schemeClr val="tx1">
                    <a:lumMod val="75000"/>
                    <a:lumOff val="25000"/>
                  </a:schemeClr>
                </a:solidFill>
              </a:rPr>
              <a:t>alla</a:t>
            </a:r>
            <a:r>
              <a:rPr lang="en-US" sz="2800" b="1">
                <a:solidFill>
                  <a:schemeClr val="tx1">
                    <a:lumMod val="75000"/>
                    <a:lumOff val="25000"/>
                  </a:schemeClr>
                </a:solidFill>
              </a:rPr>
              <a:t> </a:t>
            </a:r>
            <a:r>
              <a:rPr lang="en-US" sz="2800" b="1" err="1">
                <a:solidFill>
                  <a:schemeClr val="tx1">
                    <a:lumMod val="75000"/>
                    <a:lumOff val="25000"/>
                  </a:schemeClr>
                </a:solidFill>
              </a:rPr>
              <a:t>prevenzione</a:t>
            </a:r>
            <a:r>
              <a:rPr lang="en-US" sz="2800" b="1">
                <a:solidFill>
                  <a:schemeClr val="tx1">
                    <a:lumMod val="75000"/>
                    <a:lumOff val="25000"/>
                  </a:schemeClr>
                </a:solidFill>
              </a:rPr>
              <a:t> – </a:t>
            </a:r>
            <a:r>
              <a:rPr lang="en-US" sz="2800" b="1" err="1">
                <a:solidFill>
                  <a:schemeClr val="tx1">
                    <a:lumMod val="75000"/>
                    <a:lumOff val="25000"/>
                  </a:schemeClr>
                </a:solidFill>
              </a:rPr>
              <a:t>Supporto</a:t>
            </a:r>
            <a:r>
              <a:rPr lang="en-US" sz="2800" b="1">
                <a:solidFill>
                  <a:schemeClr val="tx1">
                    <a:lumMod val="75000"/>
                    <a:lumOff val="25000"/>
                  </a:schemeClr>
                </a:solidFill>
              </a:rPr>
              <a:t> </a:t>
            </a:r>
            <a:r>
              <a:rPr lang="en-US" sz="2800" b="1" err="1">
                <a:solidFill>
                  <a:schemeClr val="tx1">
                    <a:lumMod val="75000"/>
                    <a:lumOff val="25000"/>
                  </a:schemeClr>
                </a:solidFill>
              </a:rPr>
              <a:t>lavoratori</a:t>
            </a:r>
            <a:r>
              <a:rPr lang="en-US" sz="2800" b="1">
                <a:solidFill>
                  <a:schemeClr val="tx1">
                    <a:lumMod val="75000"/>
                    <a:lumOff val="25000"/>
                  </a:schemeClr>
                </a:solidFill>
              </a:rPr>
              <a:t> in campo</a:t>
            </a:r>
          </a:p>
        </p:txBody>
      </p:sp>
      <p:cxnSp>
        <p:nvCxnSpPr>
          <p:cNvPr id="35" name="Straight Connector 34">
            <a:extLst>
              <a:ext uri="{FF2B5EF4-FFF2-40B4-BE49-F238E27FC236}">
                <a16:creationId xmlns:a16="http://schemas.microsoft.com/office/drawing/2014/main" id="{6DA4F8F9-EAFC-DA02-1EAC-A1777C1A0701}"/>
              </a:ext>
            </a:extLst>
          </p:cNvPr>
          <p:cNvCxnSpPr/>
          <p:nvPr/>
        </p:nvCxnSpPr>
        <p:spPr>
          <a:xfrm>
            <a:off x="630620" y="734762"/>
            <a:ext cx="10731063" cy="0"/>
          </a:xfrm>
          <a:prstGeom prst="line">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
        <p:nvSpPr>
          <p:cNvPr id="59" name="Arrow: Pentagon 58">
            <a:extLst>
              <a:ext uri="{FF2B5EF4-FFF2-40B4-BE49-F238E27FC236}">
                <a16:creationId xmlns:a16="http://schemas.microsoft.com/office/drawing/2014/main" id="{42681C74-E842-B76D-681B-070473AB539A}"/>
              </a:ext>
            </a:extLst>
          </p:cNvPr>
          <p:cNvSpPr/>
          <p:nvPr/>
        </p:nvSpPr>
        <p:spPr bwMode="auto">
          <a:xfrm>
            <a:off x="405915" y="2592032"/>
            <a:ext cx="11315028" cy="1393694"/>
          </a:xfrm>
          <a:prstGeom prst="homePlate">
            <a:avLst>
              <a:gd name="adj" fmla="val 13396"/>
            </a:avLst>
          </a:prstGeom>
          <a:solidFill>
            <a:srgbClr val="FFFFFF">
              <a:lumMod val="85000"/>
            </a:srgbClr>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lvl="0" indent="-357188" defTabSz="914400" eaLnBrk="1" fontAlgn="base" latinLnBrk="0" hangingPunct="1">
              <a:lnSpc>
                <a:spcPct val="100000"/>
              </a:lnSpc>
              <a:spcBef>
                <a:spcPts val="300"/>
              </a:spcBef>
              <a:spcAft>
                <a:spcPct val="0"/>
              </a:spcAft>
              <a:buClrTx/>
              <a:buSzTx/>
              <a:buFont typeface="Ericsson Hilda" panose="00000500000000000000" pitchFamily="2" charset="0"/>
              <a:buChar char="—"/>
              <a:tabLst/>
              <a:defRPr/>
            </a:pPr>
            <a:endParaRPr kumimoji="0" lang="en-US" sz="2000" b="0" i="0" u="none" strike="noStrike" kern="0" cap="none" spc="0" normalizeH="0" baseline="0" noProof="0">
              <a:ln>
                <a:noFill/>
              </a:ln>
              <a:solidFill>
                <a:srgbClr val="FFFFFF"/>
              </a:solidFill>
              <a:effectLst/>
              <a:uLnTx/>
              <a:uFillTx/>
              <a:latin typeface="Ericsson Hilda"/>
            </a:endParaRPr>
          </a:p>
        </p:txBody>
      </p:sp>
      <p:graphicFrame>
        <p:nvGraphicFramePr>
          <p:cNvPr id="60" name="Table 12">
            <a:extLst>
              <a:ext uri="{FF2B5EF4-FFF2-40B4-BE49-F238E27FC236}">
                <a16:creationId xmlns:a16="http://schemas.microsoft.com/office/drawing/2014/main" id="{345EF9AE-A396-C055-9E2D-D3DC99E628AD}"/>
              </a:ext>
            </a:extLst>
          </p:cNvPr>
          <p:cNvGraphicFramePr>
            <a:graphicFrameLocks noGrp="1"/>
          </p:cNvGraphicFramePr>
          <p:nvPr>
            <p:extLst>
              <p:ext uri="{D42A27DB-BD31-4B8C-83A1-F6EECF244321}">
                <p14:modId xmlns:p14="http://schemas.microsoft.com/office/powerpoint/2010/main" val="3695772889"/>
              </p:ext>
            </p:extLst>
          </p:nvPr>
        </p:nvGraphicFramePr>
        <p:xfrm>
          <a:off x="394380" y="3463383"/>
          <a:ext cx="11099649" cy="487680"/>
        </p:xfrm>
        <a:graphic>
          <a:graphicData uri="http://schemas.openxmlformats.org/drawingml/2006/table">
            <a:tbl>
              <a:tblPr/>
              <a:tblGrid>
                <a:gridCol w="2823760">
                  <a:extLst>
                    <a:ext uri="{9D8B030D-6E8A-4147-A177-3AD203B41FA5}">
                      <a16:colId xmlns:a16="http://schemas.microsoft.com/office/drawing/2014/main" val="391693096"/>
                    </a:ext>
                  </a:extLst>
                </a:gridCol>
                <a:gridCol w="5568653">
                  <a:extLst>
                    <a:ext uri="{9D8B030D-6E8A-4147-A177-3AD203B41FA5}">
                      <a16:colId xmlns:a16="http://schemas.microsoft.com/office/drawing/2014/main" val="1698815345"/>
                    </a:ext>
                  </a:extLst>
                </a:gridCol>
                <a:gridCol w="2707236">
                  <a:extLst>
                    <a:ext uri="{9D8B030D-6E8A-4147-A177-3AD203B41FA5}">
                      <a16:colId xmlns:a16="http://schemas.microsoft.com/office/drawing/2014/main" val="2226880471"/>
                    </a:ext>
                  </a:extLst>
                </a:gridCol>
              </a:tblGrid>
              <a:tr h="202657">
                <a:tc>
                  <a:txBody>
                    <a:bodyPr/>
                    <a:lstStyle>
                      <a:lvl1pPr marL="0" algn="l" defTabSz="914400" rtl="0" eaLnBrk="1" latinLnBrk="0" hangingPunct="1">
                        <a:defRPr sz="1800" kern="1200">
                          <a:solidFill>
                            <a:schemeClr val="dk1"/>
                          </a:solidFill>
                          <a:latin typeface="Ericsson Hilda"/>
                        </a:defRPr>
                      </a:lvl1pPr>
                      <a:lvl2pPr marL="457200" algn="l" defTabSz="914400" rtl="0" eaLnBrk="1" latinLnBrk="0" hangingPunct="1">
                        <a:defRPr sz="1800" kern="1200">
                          <a:solidFill>
                            <a:schemeClr val="dk1"/>
                          </a:solidFill>
                          <a:latin typeface="Ericsson Hilda"/>
                        </a:defRPr>
                      </a:lvl2pPr>
                      <a:lvl3pPr marL="914400" algn="l" defTabSz="914400" rtl="0" eaLnBrk="1" latinLnBrk="0" hangingPunct="1">
                        <a:defRPr sz="1800" kern="1200">
                          <a:solidFill>
                            <a:schemeClr val="dk1"/>
                          </a:solidFill>
                          <a:latin typeface="Ericsson Hilda"/>
                        </a:defRPr>
                      </a:lvl3pPr>
                      <a:lvl4pPr marL="1371600" algn="l" defTabSz="914400" rtl="0" eaLnBrk="1" latinLnBrk="0" hangingPunct="1">
                        <a:defRPr sz="1800" kern="1200">
                          <a:solidFill>
                            <a:schemeClr val="dk1"/>
                          </a:solidFill>
                          <a:latin typeface="Ericsson Hilda"/>
                        </a:defRPr>
                      </a:lvl4pPr>
                      <a:lvl5pPr marL="1828800" algn="l" defTabSz="914400" rtl="0" eaLnBrk="1" latinLnBrk="0" hangingPunct="1">
                        <a:defRPr sz="1800" kern="1200">
                          <a:solidFill>
                            <a:schemeClr val="dk1"/>
                          </a:solidFill>
                          <a:latin typeface="Ericsson Hilda"/>
                        </a:defRPr>
                      </a:lvl5pPr>
                      <a:lvl6pPr marL="2286000" algn="l" defTabSz="914400" rtl="0" eaLnBrk="1" latinLnBrk="0" hangingPunct="1">
                        <a:defRPr sz="1800" kern="1200">
                          <a:solidFill>
                            <a:schemeClr val="dk1"/>
                          </a:solidFill>
                          <a:latin typeface="Ericsson Hilda"/>
                        </a:defRPr>
                      </a:lvl6pPr>
                      <a:lvl7pPr marL="2743200" algn="l" defTabSz="914400" rtl="0" eaLnBrk="1" latinLnBrk="0" hangingPunct="1">
                        <a:defRPr sz="1800" kern="1200">
                          <a:solidFill>
                            <a:schemeClr val="dk1"/>
                          </a:solidFill>
                          <a:latin typeface="Ericsson Hilda"/>
                        </a:defRPr>
                      </a:lvl7pPr>
                      <a:lvl8pPr marL="3200400" algn="l" defTabSz="914400" rtl="0" eaLnBrk="1" latinLnBrk="0" hangingPunct="1">
                        <a:defRPr sz="1800" kern="1200">
                          <a:solidFill>
                            <a:schemeClr val="dk1"/>
                          </a:solidFill>
                          <a:latin typeface="Ericsson Hilda"/>
                        </a:defRPr>
                      </a:lvl8pPr>
                      <a:lvl9pPr marL="3657600" algn="l" defTabSz="914400" rtl="0" eaLnBrk="1" latinLnBrk="0" hangingPunct="1">
                        <a:defRPr sz="1800" kern="1200">
                          <a:solidFill>
                            <a:schemeClr val="dk1"/>
                          </a:solidFill>
                          <a:latin typeface="Ericsson Hilda"/>
                        </a:defRPr>
                      </a:lvl9pPr>
                    </a:lstStyle>
                    <a:p>
                      <a:pPr algn="ctr"/>
                      <a:r>
                        <a:rPr lang="en-US" sz="1000" b="1" i="0" noProof="0">
                          <a:solidFill>
                            <a:schemeClr val="bg1"/>
                          </a:solidFill>
                          <a:latin typeface="+mn-lt"/>
                        </a:rPr>
                        <a:t>Fase di progettazione</a:t>
                      </a:r>
                    </a:p>
                  </a:txBody>
                  <a:tcPr anchor="ctr">
                    <a:lnL w="57150" cap="flat" cmpd="sng" algn="ctr">
                      <a:solidFill>
                        <a:srgbClr val="FFFFFF"/>
                      </a:solidFill>
                      <a:prstDash val="solid"/>
                      <a:round/>
                      <a:headEnd type="none" w="med" len="med"/>
                      <a:tailEnd type="none" w="med" len="med"/>
                    </a:lnL>
                    <a:lnR w="57150" cap="flat" cmpd="sng" algn="ctr">
                      <a:solidFill>
                        <a:srgbClr val="FFFFFF"/>
                      </a:solidFill>
                      <a:prstDash val="solid"/>
                      <a:round/>
                      <a:headEnd type="none" w="med" len="med"/>
                      <a:tailEnd type="none" w="med" len="med"/>
                    </a:lnR>
                    <a:lnT w="57150" cap="flat" cmpd="sng" algn="ctr">
                      <a:solidFill>
                        <a:srgbClr val="FFFFFF"/>
                      </a:solidFill>
                      <a:prstDash val="solid"/>
                      <a:round/>
                      <a:headEnd type="none" w="med" len="med"/>
                      <a:tailEnd type="none" w="med" len="med"/>
                    </a:lnT>
                    <a:lnB w="5715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rgbClr val="FFFFFF">
                        <a:lumMod val="50000"/>
                      </a:srgbClr>
                    </a:solidFill>
                  </a:tcPr>
                </a:tc>
                <a:tc gridSpan="2">
                  <a:txBody>
                    <a:bodyPr/>
                    <a:lstStyle>
                      <a:lvl1pPr marL="0" algn="l" defTabSz="914400" rtl="0" eaLnBrk="1" latinLnBrk="0" hangingPunct="1">
                        <a:defRPr sz="1800" kern="1200">
                          <a:solidFill>
                            <a:schemeClr val="dk1"/>
                          </a:solidFill>
                          <a:latin typeface="Ericsson Hilda"/>
                        </a:defRPr>
                      </a:lvl1pPr>
                      <a:lvl2pPr marL="457200" algn="l" defTabSz="914400" rtl="0" eaLnBrk="1" latinLnBrk="0" hangingPunct="1">
                        <a:defRPr sz="1800" kern="1200">
                          <a:solidFill>
                            <a:schemeClr val="dk1"/>
                          </a:solidFill>
                          <a:latin typeface="Ericsson Hilda"/>
                        </a:defRPr>
                      </a:lvl2pPr>
                      <a:lvl3pPr marL="914400" algn="l" defTabSz="914400" rtl="0" eaLnBrk="1" latinLnBrk="0" hangingPunct="1">
                        <a:defRPr sz="1800" kern="1200">
                          <a:solidFill>
                            <a:schemeClr val="dk1"/>
                          </a:solidFill>
                          <a:latin typeface="Ericsson Hilda"/>
                        </a:defRPr>
                      </a:lvl3pPr>
                      <a:lvl4pPr marL="1371600" algn="l" defTabSz="914400" rtl="0" eaLnBrk="1" latinLnBrk="0" hangingPunct="1">
                        <a:defRPr sz="1800" kern="1200">
                          <a:solidFill>
                            <a:schemeClr val="dk1"/>
                          </a:solidFill>
                          <a:latin typeface="Ericsson Hilda"/>
                        </a:defRPr>
                      </a:lvl4pPr>
                      <a:lvl5pPr marL="1828800" algn="l" defTabSz="914400" rtl="0" eaLnBrk="1" latinLnBrk="0" hangingPunct="1">
                        <a:defRPr sz="1800" kern="1200">
                          <a:solidFill>
                            <a:schemeClr val="dk1"/>
                          </a:solidFill>
                          <a:latin typeface="Ericsson Hilda"/>
                        </a:defRPr>
                      </a:lvl5pPr>
                      <a:lvl6pPr marL="2286000" algn="l" defTabSz="914400" rtl="0" eaLnBrk="1" latinLnBrk="0" hangingPunct="1">
                        <a:defRPr sz="1800" kern="1200">
                          <a:solidFill>
                            <a:schemeClr val="dk1"/>
                          </a:solidFill>
                          <a:latin typeface="Ericsson Hilda"/>
                        </a:defRPr>
                      </a:lvl6pPr>
                      <a:lvl7pPr marL="2743200" algn="l" defTabSz="914400" rtl="0" eaLnBrk="1" latinLnBrk="0" hangingPunct="1">
                        <a:defRPr sz="1800" kern="1200">
                          <a:solidFill>
                            <a:schemeClr val="dk1"/>
                          </a:solidFill>
                          <a:latin typeface="Ericsson Hilda"/>
                        </a:defRPr>
                      </a:lvl7pPr>
                      <a:lvl8pPr marL="3200400" algn="l" defTabSz="914400" rtl="0" eaLnBrk="1" latinLnBrk="0" hangingPunct="1">
                        <a:defRPr sz="1800" kern="1200">
                          <a:solidFill>
                            <a:schemeClr val="dk1"/>
                          </a:solidFill>
                          <a:latin typeface="Ericsson Hilda"/>
                        </a:defRPr>
                      </a:lvl8pPr>
                      <a:lvl9pPr marL="3657600" algn="l" defTabSz="914400" rtl="0" eaLnBrk="1" latinLnBrk="0" hangingPunct="1">
                        <a:defRPr sz="1800" kern="1200">
                          <a:solidFill>
                            <a:schemeClr val="dk1"/>
                          </a:solidFill>
                          <a:latin typeface="Ericsson Hilda"/>
                        </a:defRPr>
                      </a:lvl9pPr>
                    </a:lstStyle>
                    <a:p>
                      <a:pPr algn="ctr" defTabSz="906463"/>
                      <a:r>
                        <a:rPr lang="en-US" sz="1000" b="1" noProof="0">
                          <a:solidFill>
                            <a:schemeClr val="bg1"/>
                          </a:solidFill>
                          <a:latin typeface="+mn-lt"/>
                        </a:rPr>
                        <a:t>Fase di esecuzione</a:t>
                      </a:r>
                    </a:p>
                  </a:txBody>
                  <a:tcPr anchor="ctr">
                    <a:lnL w="57150" cap="flat" cmpd="sng" algn="ctr">
                      <a:solidFill>
                        <a:srgbClr val="FFFFFF"/>
                      </a:solidFill>
                      <a:prstDash val="solid"/>
                      <a:round/>
                      <a:headEnd type="none" w="med" len="med"/>
                      <a:tailEnd type="none" w="med" len="med"/>
                    </a:lnL>
                    <a:lnR w="57150" cap="flat" cmpd="sng" algn="ctr">
                      <a:solidFill>
                        <a:srgbClr val="FFFFFF"/>
                      </a:solidFill>
                      <a:prstDash val="solid"/>
                      <a:round/>
                      <a:headEnd type="none" w="med" len="med"/>
                      <a:tailEnd type="none" w="med" len="med"/>
                    </a:lnR>
                    <a:lnT w="57150" cap="flat" cmpd="sng" algn="ctr">
                      <a:solidFill>
                        <a:srgbClr val="FFFFFF"/>
                      </a:solidFill>
                      <a:prstDash val="solid"/>
                      <a:round/>
                      <a:headEnd type="none" w="med" len="med"/>
                      <a:tailEnd type="none" w="med" len="med"/>
                    </a:lnT>
                    <a:lnB w="5715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rgbClr val="FFFFFF">
                        <a:lumMod val="50000"/>
                      </a:srgbClr>
                    </a:solidFill>
                  </a:tcPr>
                </a:tc>
                <a:tc hMerge="1">
                  <a:txBody>
                    <a:bodyPr/>
                    <a:lstStyle/>
                    <a:p>
                      <a:pPr algn="ctr"/>
                      <a:endParaRPr lang="en-US" sz="1600" noProof="0">
                        <a:solidFill>
                          <a:schemeClr val="bg1"/>
                        </a:solidFill>
                      </a:endParaRPr>
                    </a:p>
                  </a:txBody>
                  <a:tcPr anchor="ctr">
                    <a:lnL w="57150" cap="flat" cmpd="sng" algn="ctr">
                      <a:solidFill>
                        <a:schemeClr val="bg1"/>
                      </a:solidFill>
                      <a:prstDash val="solid"/>
                      <a:round/>
                      <a:headEnd type="none" w="med" len="med"/>
                      <a:tailEnd type="none" w="med" len="med"/>
                    </a:lnL>
                    <a:lnR w="57150" cap="flat" cmpd="sng" algn="ctr">
                      <a:solidFill>
                        <a:schemeClr val="bg1"/>
                      </a:solidFill>
                      <a:prstDash val="solid"/>
                      <a:round/>
                      <a:headEnd type="none" w="med" len="med"/>
                      <a:tailEnd type="none" w="med" len="med"/>
                    </a:lnR>
                    <a:lnT w="57150" cap="flat" cmpd="sng" algn="ctr">
                      <a:solidFill>
                        <a:schemeClr val="bg1"/>
                      </a:solidFill>
                      <a:prstDash val="solid"/>
                      <a:round/>
                      <a:headEnd type="none" w="med" len="med"/>
                      <a:tailEnd type="none" w="med" len="med"/>
                    </a:lnT>
                    <a:lnB w="57150" cap="flat" cmpd="sng" algn="ctr">
                      <a:solidFill>
                        <a:schemeClr val="bg1"/>
                      </a:solidFill>
                      <a:prstDash val="solid"/>
                      <a:round/>
                      <a:headEnd type="none" w="med" len="med"/>
                      <a:tailEnd type="none" w="med" len="med"/>
                    </a:lnB>
                    <a:solidFill>
                      <a:schemeClr val="accent3"/>
                    </a:solidFill>
                  </a:tcPr>
                </a:tc>
                <a:extLst>
                  <a:ext uri="{0D108BD9-81ED-4DB2-BD59-A6C34878D82A}">
                    <a16:rowId xmlns:a16="http://schemas.microsoft.com/office/drawing/2014/main" val="1180737010"/>
                  </a:ext>
                </a:extLst>
              </a:tr>
              <a:tr h="202657">
                <a:tc gridSpan="2">
                  <a:txBody>
                    <a:bodyPr/>
                    <a:lstStyle>
                      <a:lvl1pPr marL="0" algn="l" defTabSz="914400" rtl="0" eaLnBrk="1" latinLnBrk="0" hangingPunct="1">
                        <a:defRPr sz="1800" kern="1200">
                          <a:solidFill>
                            <a:schemeClr val="dk1"/>
                          </a:solidFill>
                          <a:latin typeface="Ericsson Hilda"/>
                        </a:defRPr>
                      </a:lvl1pPr>
                      <a:lvl2pPr marL="457200" algn="l" defTabSz="914400" rtl="0" eaLnBrk="1" latinLnBrk="0" hangingPunct="1">
                        <a:defRPr sz="1800" kern="1200">
                          <a:solidFill>
                            <a:schemeClr val="dk1"/>
                          </a:solidFill>
                          <a:latin typeface="Ericsson Hilda"/>
                        </a:defRPr>
                      </a:lvl2pPr>
                      <a:lvl3pPr marL="914400" algn="l" defTabSz="914400" rtl="0" eaLnBrk="1" latinLnBrk="0" hangingPunct="1">
                        <a:defRPr sz="1800" kern="1200">
                          <a:solidFill>
                            <a:schemeClr val="dk1"/>
                          </a:solidFill>
                          <a:latin typeface="Ericsson Hilda"/>
                        </a:defRPr>
                      </a:lvl3pPr>
                      <a:lvl4pPr marL="1371600" algn="l" defTabSz="914400" rtl="0" eaLnBrk="1" latinLnBrk="0" hangingPunct="1">
                        <a:defRPr sz="1800" kern="1200">
                          <a:solidFill>
                            <a:schemeClr val="dk1"/>
                          </a:solidFill>
                          <a:latin typeface="Ericsson Hilda"/>
                        </a:defRPr>
                      </a:lvl4pPr>
                      <a:lvl5pPr marL="1828800" algn="l" defTabSz="914400" rtl="0" eaLnBrk="1" latinLnBrk="0" hangingPunct="1">
                        <a:defRPr sz="1800" kern="1200">
                          <a:solidFill>
                            <a:schemeClr val="dk1"/>
                          </a:solidFill>
                          <a:latin typeface="Ericsson Hilda"/>
                        </a:defRPr>
                      </a:lvl5pPr>
                      <a:lvl6pPr marL="2286000" algn="l" defTabSz="914400" rtl="0" eaLnBrk="1" latinLnBrk="0" hangingPunct="1">
                        <a:defRPr sz="1800" kern="1200">
                          <a:solidFill>
                            <a:schemeClr val="dk1"/>
                          </a:solidFill>
                          <a:latin typeface="Ericsson Hilda"/>
                        </a:defRPr>
                      </a:lvl6pPr>
                      <a:lvl7pPr marL="2743200" algn="l" defTabSz="914400" rtl="0" eaLnBrk="1" latinLnBrk="0" hangingPunct="1">
                        <a:defRPr sz="1800" kern="1200">
                          <a:solidFill>
                            <a:schemeClr val="dk1"/>
                          </a:solidFill>
                          <a:latin typeface="Ericsson Hilda"/>
                        </a:defRPr>
                      </a:lvl7pPr>
                      <a:lvl8pPr marL="3200400" algn="l" defTabSz="914400" rtl="0" eaLnBrk="1" latinLnBrk="0" hangingPunct="1">
                        <a:defRPr sz="1800" kern="1200">
                          <a:solidFill>
                            <a:schemeClr val="dk1"/>
                          </a:solidFill>
                          <a:latin typeface="Ericsson Hilda"/>
                        </a:defRPr>
                      </a:lvl8pPr>
                      <a:lvl9pPr marL="3657600" algn="l" defTabSz="914400" rtl="0" eaLnBrk="1" latinLnBrk="0" hangingPunct="1">
                        <a:defRPr sz="1800" kern="1200">
                          <a:solidFill>
                            <a:schemeClr val="dk1"/>
                          </a:solidFill>
                          <a:latin typeface="Ericsson Hilda"/>
                        </a:defRPr>
                      </a:lvl9pPr>
                    </a:lstStyle>
                    <a:p>
                      <a:pPr algn="l"/>
                      <a:r>
                        <a:rPr lang="en-US" sz="1000" b="1" noProof="0">
                          <a:solidFill>
                            <a:schemeClr val="bg1"/>
                          </a:solidFill>
                          <a:latin typeface="+mn-lt"/>
                        </a:rPr>
                        <a:t>Prima dell’inizio dei lavori</a:t>
                      </a:r>
                    </a:p>
                  </a:txBody>
                  <a:tcPr anchor="ctr">
                    <a:lnL w="57150" cap="flat" cmpd="sng" algn="ctr">
                      <a:solidFill>
                        <a:srgbClr val="FFFFFF"/>
                      </a:solidFill>
                      <a:prstDash val="solid"/>
                      <a:round/>
                      <a:headEnd type="none" w="med" len="med"/>
                      <a:tailEnd type="none" w="med" len="med"/>
                    </a:lnL>
                    <a:lnR w="57150" cap="flat" cmpd="sng" algn="ctr">
                      <a:solidFill>
                        <a:srgbClr val="FFFFFF"/>
                      </a:solidFill>
                      <a:prstDash val="solid"/>
                      <a:round/>
                      <a:headEnd type="none" w="med" len="med"/>
                      <a:tailEnd type="none" w="med" len="med"/>
                    </a:lnR>
                    <a:lnT w="57150" cap="flat" cmpd="sng" algn="ctr">
                      <a:solidFill>
                        <a:srgbClr val="FFFFFF"/>
                      </a:solidFill>
                      <a:prstDash val="solid"/>
                      <a:round/>
                      <a:headEnd type="none" w="med" len="med"/>
                      <a:tailEnd type="none" w="med" len="med"/>
                    </a:lnT>
                    <a:lnB w="5715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chemeClr val="tx2"/>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noProof="0">
                          <a:solidFill>
                            <a:schemeClr val="bg1"/>
                          </a:solidFill>
                        </a:rPr>
                        <a:t>Before field work starts</a:t>
                      </a:r>
                    </a:p>
                  </a:txBody>
                  <a:tcPr anchor="ctr">
                    <a:lnL w="57150" cap="flat" cmpd="sng" algn="ctr">
                      <a:solidFill>
                        <a:schemeClr val="bg1"/>
                      </a:solidFill>
                      <a:prstDash val="solid"/>
                      <a:round/>
                      <a:headEnd type="none" w="med" len="med"/>
                      <a:tailEnd type="none" w="med" len="med"/>
                    </a:lnL>
                    <a:lnR w="57150" cap="flat" cmpd="sng" algn="ctr">
                      <a:solidFill>
                        <a:schemeClr val="bg1"/>
                      </a:solidFill>
                      <a:prstDash val="solid"/>
                      <a:round/>
                      <a:headEnd type="none" w="med" len="med"/>
                      <a:tailEnd type="none" w="med" len="med"/>
                    </a:lnR>
                    <a:lnT w="57150" cap="flat" cmpd="sng" algn="ctr">
                      <a:solidFill>
                        <a:schemeClr val="bg1"/>
                      </a:solidFill>
                      <a:prstDash val="solid"/>
                      <a:round/>
                      <a:headEnd type="none" w="med" len="med"/>
                      <a:tailEnd type="none" w="med" len="med"/>
                    </a:lnT>
                    <a:lnB w="57150" cap="flat" cmpd="sng" algn="ctr">
                      <a:solidFill>
                        <a:schemeClr val="bg1"/>
                      </a:solidFill>
                      <a:prstDash val="solid"/>
                      <a:round/>
                      <a:headEnd type="none" w="med" len="med"/>
                      <a:tailEnd type="none" w="med" len="med"/>
                    </a:lnB>
                    <a:solidFill>
                      <a:schemeClr val="accent3"/>
                    </a:solidFill>
                  </a:tcPr>
                </a:tc>
                <a:tc>
                  <a:txBody>
                    <a:bodyPr/>
                    <a:lstStyle>
                      <a:lvl1pPr marL="0" algn="l" defTabSz="914400" rtl="0" eaLnBrk="1" latinLnBrk="0" hangingPunct="1">
                        <a:defRPr sz="1800" kern="1200">
                          <a:solidFill>
                            <a:schemeClr val="dk1"/>
                          </a:solidFill>
                          <a:latin typeface="Ericsson Hilda"/>
                        </a:defRPr>
                      </a:lvl1pPr>
                      <a:lvl2pPr marL="457200" algn="l" defTabSz="914400" rtl="0" eaLnBrk="1" latinLnBrk="0" hangingPunct="1">
                        <a:defRPr sz="1800" kern="1200">
                          <a:solidFill>
                            <a:schemeClr val="dk1"/>
                          </a:solidFill>
                          <a:latin typeface="Ericsson Hilda"/>
                        </a:defRPr>
                      </a:lvl2pPr>
                      <a:lvl3pPr marL="914400" algn="l" defTabSz="914400" rtl="0" eaLnBrk="1" latinLnBrk="0" hangingPunct="1">
                        <a:defRPr sz="1800" kern="1200">
                          <a:solidFill>
                            <a:schemeClr val="dk1"/>
                          </a:solidFill>
                          <a:latin typeface="Ericsson Hilda"/>
                        </a:defRPr>
                      </a:lvl3pPr>
                      <a:lvl4pPr marL="1371600" algn="l" defTabSz="914400" rtl="0" eaLnBrk="1" latinLnBrk="0" hangingPunct="1">
                        <a:defRPr sz="1800" kern="1200">
                          <a:solidFill>
                            <a:schemeClr val="dk1"/>
                          </a:solidFill>
                          <a:latin typeface="Ericsson Hilda"/>
                        </a:defRPr>
                      </a:lvl4pPr>
                      <a:lvl5pPr marL="1828800" algn="l" defTabSz="914400" rtl="0" eaLnBrk="1" latinLnBrk="0" hangingPunct="1">
                        <a:defRPr sz="1800" kern="1200">
                          <a:solidFill>
                            <a:schemeClr val="dk1"/>
                          </a:solidFill>
                          <a:latin typeface="Ericsson Hilda"/>
                        </a:defRPr>
                      </a:lvl5pPr>
                      <a:lvl6pPr marL="2286000" algn="l" defTabSz="914400" rtl="0" eaLnBrk="1" latinLnBrk="0" hangingPunct="1">
                        <a:defRPr sz="1800" kern="1200">
                          <a:solidFill>
                            <a:schemeClr val="dk1"/>
                          </a:solidFill>
                          <a:latin typeface="Ericsson Hilda"/>
                        </a:defRPr>
                      </a:lvl6pPr>
                      <a:lvl7pPr marL="2743200" algn="l" defTabSz="914400" rtl="0" eaLnBrk="1" latinLnBrk="0" hangingPunct="1">
                        <a:defRPr sz="1800" kern="1200">
                          <a:solidFill>
                            <a:schemeClr val="dk1"/>
                          </a:solidFill>
                          <a:latin typeface="Ericsson Hilda"/>
                        </a:defRPr>
                      </a:lvl7pPr>
                      <a:lvl8pPr marL="3200400" algn="l" defTabSz="914400" rtl="0" eaLnBrk="1" latinLnBrk="0" hangingPunct="1">
                        <a:defRPr sz="1800" kern="1200">
                          <a:solidFill>
                            <a:schemeClr val="dk1"/>
                          </a:solidFill>
                          <a:latin typeface="Ericsson Hilda"/>
                        </a:defRPr>
                      </a:lvl8pPr>
                      <a:lvl9pPr marL="3657600" algn="l" defTabSz="914400" rtl="0" eaLnBrk="1" latinLnBrk="0" hangingPunct="1">
                        <a:defRPr sz="1800" kern="1200">
                          <a:solidFill>
                            <a:schemeClr val="dk1"/>
                          </a:solidFill>
                          <a:latin typeface="Ericsson Hilda"/>
                        </a:defRPr>
                      </a:lvl9pPr>
                    </a:lstStyle>
                    <a:p>
                      <a:pPr algn="ctr"/>
                      <a:r>
                        <a:rPr lang="en-US" sz="1000" b="1" noProof="0" dirty="0">
                          <a:solidFill>
                            <a:schemeClr val="bg1"/>
                          </a:solidFill>
                          <a:latin typeface="+mn-lt"/>
                        </a:rPr>
                        <a:t>Durante le attività</a:t>
                      </a:r>
                    </a:p>
                  </a:txBody>
                  <a:tcPr anchor="ctr">
                    <a:lnL w="57150" cap="flat" cmpd="sng" algn="ctr">
                      <a:solidFill>
                        <a:srgbClr val="FFFFFF"/>
                      </a:solidFill>
                      <a:prstDash val="solid"/>
                      <a:round/>
                      <a:headEnd type="none" w="med" len="med"/>
                      <a:tailEnd type="none" w="med" len="med"/>
                    </a:lnL>
                    <a:lnR w="57150" cap="flat" cmpd="sng" algn="ctr">
                      <a:solidFill>
                        <a:srgbClr val="FFFFFF"/>
                      </a:solidFill>
                      <a:prstDash val="solid"/>
                      <a:round/>
                      <a:headEnd type="none" w="med" len="med"/>
                      <a:tailEnd type="none" w="med" len="med"/>
                    </a:lnR>
                    <a:lnT w="57150" cap="flat" cmpd="sng" algn="ctr">
                      <a:solidFill>
                        <a:srgbClr val="FFFFFF"/>
                      </a:solidFill>
                      <a:prstDash val="solid"/>
                      <a:round/>
                      <a:headEnd type="none" w="med" len="med"/>
                      <a:tailEnd type="none" w="med" len="med"/>
                    </a:lnT>
                    <a:lnB w="5715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chemeClr val="tx2"/>
                    </a:solidFill>
                  </a:tcPr>
                </a:tc>
                <a:extLst>
                  <a:ext uri="{0D108BD9-81ED-4DB2-BD59-A6C34878D82A}">
                    <a16:rowId xmlns:a16="http://schemas.microsoft.com/office/drawing/2014/main" val="3073343376"/>
                  </a:ext>
                </a:extLst>
              </a:tr>
            </a:tbl>
          </a:graphicData>
        </a:graphic>
      </p:graphicFrame>
      <p:graphicFrame>
        <p:nvGraphicFramePr>
          <p:cNvPr id="61" name="Table 12">
            <a:extLst>
              <a:ext uri="{FF2B5EF4-FFF2-40B4-BE49-F238E27FC236}">
                <a16:creationId xmlns:a16="http://schemas.microsoft.com/office/drawing/2014/main" id="{1E858D49-9F40-3667-4010-A9812F13011C}"/>
              </a:ext>
            </a:extLst>
          </p:cNvPr>
          <p:cNvGraphicFramePr>
            <a:graphicFrameLocks noGrp="1"/>
          </p:cNvGraphicFramePr>
          <p:nvPr>
            <p:extLst>
              <p:ext uri="{D42A27DB-BD31-4B8C-83A1-F6EECF244321}">
                <p14:modId xmlns:p14="http://schemas.microsoft.com/office/powerpoint/2010/main" val="3249247829"/>
              </p:ext>
            </p:extLst>
          </p:nvPr>
        </p:nvGraphicFramePr>
        <p:xfrm>
          <a:off x="405207" y="2704562"/>
          <a:ext cx="11088660" cy="484463"/>
        </p:xfrm>
        <a:graphic>
          <a:graphicData uri="http://schemas.openxmlformats.org/drawingml/2006/table">
            <a:tbl>
              <a:tblPr/>
              <a:tblGrid>
                <a:gridCol w="2835546">
                  <a:extLst>
                    <a:ext uri="{9D8B030D-6E8A-4147-A177-3AD203B41FA5}">
                      <a16:colId xmlns:a16="http://schemas.microsoft.com/office/drawing/2014/main" val="391693096"/>
                    </a:ext>
                  </a:extLst>
                </a:gridCol>
                <a:gridCol w="2708784">
                  <a:extLst>
                    <a:ext uri="{9D8B030D-6E8A-4147-A177-3AD203B41FA5}">
                      <a16:colId xmlns:a16="http://schemas.microsoft.com/office/drawing/2014/main" val="3359823210"/>
                    </a:ext>
                  </a:extLst>
                </a:gridCol>
                <a:gridCol w="2806701">
                  <a:extLst>
                    <a:ext uri="{9D8B030D-6E8A-4147-A177-3AD203B41FA5}">
                      <a16:colId xmlns:a16="http://schemas.microsoft.com/office/drawing/2014/main" val="1361038657"/>
                    </a:ext>
                  </a:extLst>
                </a:gridCol>
                <a:gridCol w="2737629">
                  <a:extLst>
                    <a:ext uri="{9D8B030D-6E8A-4147-A177-3AD203B41FA5}">
                      <a16:colId xmlns:a16="http://schemas.microsoft.com/office/drawing/2014/main" val="525093624"/>
                    </a:ext>
                  </a:extLst>
                </a:gridCol>
              </a:tblGrid>
              <a:tr h="484463">
                <a:tc>
                  <a:txBody>
                    <a:bodyPr/>
                    <a:lstStyle>
                      <a:lvl1pPr marL="0" algn="l" defTabSz="914400" rtl="0" eaLnBrk="1" latinLnBrk="0" hangingPunct="1">
                        <a:defRPr sz="1800" kern="1200">
                          <a:solidFill>
                            <a:schemeClr val="dk1"/>
                          </a:solidFill>
                          <a:latin typeface="Ericsson Hilda"/>
                        </a:defRPr>
                      </a:lvl1pPr>
                      <a:lvl2pPr marL="457200" algn="l" defTabSz="914400" rtl="0" eaLnBrk="1" latinLnBrk="0" hangingPunct="1">
                        <a:defRPr sz="1800" kern="1200">
                          <a:solidFill>
                            <a:schemeClr val="dk1"/>
                          </a:solidFill>
                          <a:latin typeface="Ericsson Hilda"/>
                        </a:defRPr>
                      </a:lvl2pPr>
                      <a:lvl3pPr marL="914400" algn="l" defTabSz="914400" rtl="0" eaLnBrk="1" latinLnBrk="0" hangingPunct="1">
                        <a:defRPr sz="1800" kern="1200">
                          <a:solidFill>
                            <a:schemeClr val="dk1"/>
                          </a:solidFill>
                          <a:latin typeface="Ericsson Hilda"/>
                        </a:defRPr>
                      </a:lvl3pPr>
                      <a:lvl4pPr marL="1371600" algn="l" defTabSz="914400" rtl="0" eaLnBrk="1" latinLnBrk="0" hangingPunct="1">
                        <a:defRPr sz="1800" kern="1200">
                          <a:solidFill>
                            <a:schemeClr val="dk1"/>
                          </a:solidFill>
                          <a:latin typeface="Ericsson Hilda"/>
                        </a:defRPr>
                      </a:lvl4pPr>
                      <a:lvl5pPr marL="1828800" algn="l" defTabSz="914400" rtl="0" eaLnBrk="1" latinLnBrk="0" hangingPunct="1">
                        <a:defRPr sz="1800" kern="1200">
                          <a:solidFill>
                            <a:schemeClr val="dk1"/>
                          </a:solidFill>
                          <a:latin typeface="Ericsson Hilda"/>
                        </a:defRPr>
                      </a:lvl5pPr>
                      <a:lvl6pPr marL="2286000" algn="l" defTabSz="914400" rtl="0" eaLnBrk="1" latinLnBrk="0" hangingPunct="1">
                        <a:defRPr sz="1800" kern="1200">
                          <a:solidFill>
                            <a:schemeClr val="dk1"/>
                          </a:solidFill>
                          <a:latin typeface="Ericsson Hilda"/>
                        </a:defRPr>
                      </a:lvl6pPr>
                      <a:lvl7pPr marL="2743200" algn="l" defTabSz="914400" rtl="0" eaLnBrk="1" latinLnBrk="0" hangingPunct="1">
                        <a:defRPr sz="1800" kern="1200">
                          <a:solidFill>
                            <a:schemeClr val="dk1"/>
                          </a:solidFill>
                          <a:latin typeface="Ericsson Hilda"/>
                        </a:defRPr>
                      </a:lvl7pPr>
                      <a:lvl8pPr marL="3200400" algn="l" defTabSz="914400" rtl="0" eaLnBrk="1" latinLnBrk="0" hangingPunct="1">
                        <a:defRPr sz="1800" kern="1200">
                          <a:solidFill>
                            <a:schemeClr val="dk1"/>
                          </a:solidFill>
                          <a:latin typeface="Ericsson Hilda"/>
                        </a:defRPr>
                      </a:lvl8pPr>
                      <a:lvl9pPr marL="3657600" algn="l" defTabSz="914400" rtl="0" eaLnBrk="1" latinLnBrk="0" hangingPunct="1">
                        <a:defRPr sz="1800" kern="1200">
                          <a:solidFill>
                            <a:schemeClr val="dk1"/>
                          </a:solidFill>
                          <a:latin typeface="Ericsson Hilda"/>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0" cap="none" spc="0" normalizeH="0" baseline="0" noProof="0">
                          <a:ln>
                            <a:noFill/>
                          </a:ln>
                          <a:solidFill>
                            <a:srgbClr val="FFFFFF"/>
                          </a:solidFill>
                          <a:effectLst/>
                          <a:uLnTx/>
                          <a:uFillTx/>
                          <a:latin typeface="+mn-lt"/>
                          <a:ea typeface="+mn-ea"/>
                          <a:cs typeface="Arial" panose="020B0604020202020204" pitchFamily="34" charset="0"/>
                          <a:sym typeface="Hilda Light" panose="00000400000000000000" pitchFamily="50" charset="0"/>
                        </a:rPr>
                        <a:t>EHS Site Survey</a:t>
                      </a:r>
                    </a:p>
                  </a:txBody>
                  <a:tcPr marL="36000" marR="36000" anchor="ctr">
                    <a:lnL w="57150" cap="flat" cmpd="sng" algn="ctr">
                      <a:solidFill>
                        <a:srgbClr val="FFFFFF"/>
                      </a:solidFill>
                      <a:prstDash val="solid"/>
                      <a:round/>
                      <a:headEnd type="none" w="med" len="med"/>
                      <a:tailEnd type="none" w="med" len="med"/>
                    </a:lnL>
                    <a:lnR w="57150" cap="flat" cmpd="sng" algn="ctr">
                      <a:solidFill>
                        <a:srgbClr val="FFFFFF"/>
                      </a:solidFill>
                      <a:prstDash val="solid"/>
                      <a:round/>
                      <a:headEnd type="none" w="med" len="med"/>
                      <a:tailEnd type="none" w="med" len="med"/>
                    </a:lnR>
                    <a:lnT w="57150" cap="flat" cmpd="sng" algn="ctr">
                      <a:solidFill>
                        <a:srgbClr val="FFFFFF"/>
                      </a:solidFill>
                      <a:prstDash val="solid"/>
                      <a:round/>
                      <a:headEnd type="none" w="med" len="med"/>
                      <a:tailEnd type="none" w="med" len="med"/>
                    </a:lnT>
                    <a:lnB w="5715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rgbClr val="00B050"/>
                    </a:solidFill>
                  </a:tcPr>
                </a:tc>
                <a:tc>
                  <a:txBody>
                    <a:bodyPr/>
                    <a:lstStyle>
                      <a:lvl1pPr marL="0" algn="l" defTabSz="914400" rtl="0" eaLnBrk="1" latinLnBrk="0" hangingPunct="1">
                        <a:defRPr sz="1800" kern="1200">
                          <a:solidFill>
                            <a:schemeClr val="dk1"/>
                          </a:solidFill>
                          <a:latin typeface="Ericsson Hilda"/>
                        </a:defRPr>
                      </a:lvl1pPr>
                      <a:lvl2pPr marL="457200" algn="l" defTabSz="914400" rtl="0" eaLnBrk="1" latinLnBrk="0" hangingPunct="1">
                        <a:defRPr sz="1800" kern="1200">
                          <a:solidFill>
                            <a:schemeClr val="dk1"/>
                          </a:solidFill>
                          <a:latin typeface="Ericsson Hilda"/>
                        </a:defRPr>
                      </a:lvl2pPr>
                      <a:lvl3pPr marL="914400" algn="l" defTabSz="914400" rtl="0" eaLnBrk="1" latinLnBrk="0" hangingPunct="1">
                        <a:defRPr sz="1800" kern="1200">
                          <a:solidFill>
                            <a:schemeClr val="dk1"/>
                          </a:solidFill>
                          <a:latin typeface="Ericsson Hilda"/>
                        </a:defRPr>
                      </a:lvl3pPr>
                      <a:lvl4pPr marL="1371600" algn="l" defTabSz="914400" rtl="0" eaLnBrk="1" latinLnBrk="0" hangingPunct="1">
                        <a:defRPr sz="1800" kern="1200">
                          <a:solidFill>
                            <a:schemeClr val="dk1"/>
                          </a:solidFill>
                          <a:latin typeface="Ericsson Hilda"/>
                        </a:defRPr>
                      </a:lvl4pPr>
                      <a:lvl5pPr marL="1828800" algn="l" defTabSz="914400" rtl="0" eaLnBrk="1" latinLnBrk="0" hangingPunct="1">
                        <a:defRPr sz="1800" kern="1200">
                          <a:solidFill>
                            <a:schemeClr val="dk1"/>
                          </a:solidFill>
                          <a:latin typeface="Ericsson Hilda"/>
                        </a:defRPr>
                      </a:lvl5pPr>
                      <a:lvl6pPr marL="2286000" algn="l" defTabSz="914400" rtl="0" eaLnBrk="1" latinLnBrk="0" hangingPunct="1">
                        <a:defRPr sz="1800" kern="1200">
                          <a:solidFill>
                            <a:schemeClr val="dk1"/>
                          </a:solidFill>
                          <a:latin typeface="Ericsson Hilda"/>
                        </a:defRPr>
                      </a:lvl6pPr>
                      <a:lvl7pPr marL="2743200" algn="l" defTabSz="914400" rtl="0" eaLnBrk="1" latinLnBrk="0" hangingPunct="1">
                        <a:defRPr sz="1800" kern="1200">
                          <a:solidFill>
                            <a:schemeClr val="dk1"/>
                          </a:solidFill>
                          <a:latin typeface="Ericsson Hilda"/>
                        </a:defRPr>
                      </a:lvl7pPr>
                      <a:lvl8pPr marL="3200400" algn="l" defTabSz="914400" rtl="0" eaLnBrk="1" latinLnBrk="0" hangingPunct="1">
                        <a:defRPr sz="1800" kern="1200">
                          <a:solidFill>
                            <a:schemeClr val="dk1"/>
                          </a:solidFill>
                          <a:latin typeface="Ericsson Hilda"/>
                        </a:defRPr>
                      </a:lvl8pPr>
                      <a:lvl9pPr marL="3657600" algn="l" defTabSz="914400" rtl="0" eaLnBrk="1" latinLnBrk="0" hangingPunct="1">
                        <a:defRPr sz="1800" kern="1200">
                          <a:solidFill>
                            <a:schemeClr val="dk1"/>
                          </a:solidFill>
                          <a:latin typeface="Ericsson Hilda"/>
                        </a:defRPr>
                      </a:lvl9pPr>
                    </a:lstStyle>
                    <a:p>
                      <a:pPr algn="ctr">
                        <a:spcBef>
                          <a:spcPts val="0"/>
                        </a:spcBef>
                        <a:spcAft>
                          <a:spcPts val="0"/>
                        </a:spcAft>
                      </a:pPr>
                      <a:r>
                        <a:rPr kumimoji="0" lang="en-US" sz="1200" b="1" i="0" u="none" strike="noStrike" kern="0" cap="none" spc="0" normalizeH="0" baseline="0" noProof="0">
                          <a:ln>
                            <a:noFill/>
                          </a:ln>
                          <a:solidFill>
                            <a:srgbClr val="FFFFFF"/>
                          </a:solidFill>
                          <a:effectLst/>
                          <a:uLnTx/>
                          <a:uFillTx/>
                          <a:latin typeface="+mn-lt"/>
                          <a:ea typeface="+mn-ea"/>
                          <a:cs typeface="Arial" panose="020B0604020202020204" pitchFamily="34" charset="0"/>
                          <a:sym typeface="Hilda Light" panose="00000400000000000000" pitchFamily="50" charset="0"/>
                        </a:rPr>
                        <a:t>EHS Site Risk (Self-) Assessment</a:t>
                      </a:r>
                    </a:p>
                  </a:txBody>
                  <a:tcPr marL="36000" marR="36000" anchor="ctr">
                    <a:lnL w="57150" cap="flat" cmpd="sng" algn="ctr">
                      <a:solidFill>
                        <a:srgbClr val="FFFFFF"/>
                      </a:solidFill>
                      <a:prstDash val="solid"/>
                      <a:round/>
                      <a:headEnd type="none" w="med" len="med"/>
                      <a:tailEnd type="none" w="med" len="med"/>
                    </a:lnL>
                    <a:lnR w="57150" cap="flat" cmpd="sng" algn="ctr">
                      <a:solidFill>
                        <a:srgbClr val="FFFFFF"/>
                      </a:solidFill>
                      <a:prstDash val="solid"/>
                      <a:round/>
                      <a:headEnd type="none" w="med" len="med"/>
                      <a:tailEnd type="none" w="med" len="med"/>
                    </a:lnR>
                    <a:lnT w="57150" cap="flat" cmpd="sng" algn="ctr">
                      <a:solidFill>
                        <a:srgbClr val="FFFFFF"/>
                      </a:solidFill>
                      <a:prstDash val="solid"/>
                      <a:round/>
                      <a:headEnd type="none" w="med" len="med"/>
                      <a:tailEnd type="none" w="med" len="med"/>
                    </a:lnT>
                    <a:lnB w="5715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rgbClr val="0082F0"/>
                    </a:solidFill>
                  </a:tcPr>
                </a:tc>
                <a:tc>
                  <a:txBody>
                    <a:bodyPr/>
                    <a:lstStyle>
                      <a:lvl1pPr marL="0" algn="l" defTabSz="914400" rtl="0" eaLnBrk="1" latinLnBrk="0" hangingPunct="1">
                        <a:defRPr sz="1800" kern="1200">
                          <a:solidFill>
                            <a:schemeClr val="dk1"/>
                          </a:solidFill>
                          <a:latin typeface="Ericsson Hilda"/>
                        </a:defRPr>
                      </a:lvl1pPr>
                      <a:lvl2pPr marL="457200" algn="l" defTabSz="914400" rtl="0" eaLnBrk="1" latinLnBrk="0" hangingPunct="1">
                        <a:defRPr sz="1800" kern="1200">
                          <a:solidFill>
                            <a:schemeClr val="dk1"/>
                          </a:solidFill>
                          <a:latin typeface="Ericsson Hilda"/>
                        </a:defRPr>
                      </a:lvl2pPr>
                      <a:lvl3pPr marL="914400" algn="l" defTabSz="914400" rtl="0" eaLnBrk="1" latinLnBrk="0" hangingPunct="1">
                        <a:defRPr sz="1800" kern="1200">
                          <a:solidFill>
                            <a:schemeClr val="dk1"/>
                          </a:solidFill>
                          <a:latin typeface="Ericsson Hilda"/>
                        </a:defRPr>
                      </a:lvl3pPr>
                      <a:lvl4pPr marL="1371600" algn="l" defTabSz="914400" rtl="0" eaLnBrk="1" latinLnBrk="0" hangingPunct="1">
                        <a:defRPr sz="1800" kern="1200">
                          <a:solidFill>
                            <a:schemeClr val="dk1"/>
                          </a:solidFill>
                          <a:latin typeface="Ericsson Hilda"/>
                        </a:defRPr>
                      </a:lvl4pPr>
                      <a:lvl5pPr marL="1828800" algn="l" defTabSz="914400" rtl="0" eaLnBrk="1" latinLnBrk="0" hangingPunct="1">
                        <a:defRPr sz="1800" kern="1200">
                          <a:solidFill>
                            <a:schemeClr val="dk1"/>
                          </a:solidFill>
                          <a:latin typeface="Ericsson Hilda"/>
                        </a:defRPr>
                      </a:lvl5pPr>
                      <a:lvl6pPr marL="2286000" algn="l" defTabSz="914400" rtl="0" eaLnBrk="1" latinLnBrk="0" hangingPunct="1">
                        <a:defRPr sz="1800" kern="1200">
                          <a:solidFill>
                            <a:schemeClr val="dk1"/>
                          </a:solidFill>
                          <a:latin typeface="Ericsson Hilda"/>
                        </a:defRPr>
                      </a:lvl6pPr>
                      <a:lvl7pPr marL="2743200" algn="l" defTabSz="914400" rtl="0" eaLnBrk="1" latinLnBrk="0" hangingPunct="1">
                        <a:defRPr sz="1800" kern="1200">
                          <a:solidFill>
                            <a:schemeClr val="dk1"/>
                          </a:solidFill>
                          <a:latin typeface="Ericsson Hilda"/>
                        </a:defRPr>
                      </a:lvl7pPr>
                      <a:lvl8pPr marL="3200400" algn="l" defTabSz="914400" rtl="0" eaLnBrk="1" latinLnBrk="0" hangingPunct="1">
                        <a:defRPr sz="1800" kern="1200">
                          <a:solidFill>
                            <a:schemeClr val="dk1"/>
                          </a:solidFill>
                          <a:latin typeface="Ericsson Hilda"/>
                        </a:defRPr>
                      </a:lvl8pPr>
                      <a:lvl9pPr marL="3657600" algn="l" defTabSz="914400" rtl="0" eaLnBrk="1" latinLnBrk="0" hangingPunct="1">
                        <a:defRPr sz="1800" kern="1200">
                          <a:solidFill>
                            <a:schemeClr val="dk1"/>
                          </a:solidFill>
                          <a:latin typeface="Ericsson Hilda"/>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0" cap="none" spc="0" normalizeH="0" baseline="0" noProof="0">
                          <a:ln>
                            <a:noFill/>
                          </a:ln>
                          <a:solidFill>
                            <a:srgbClr val="FFFFFF"/>
                          </a:solidFill>
                          <a:effectLst/>
                          <a:uLnTx/>
                          <a:uFillTx/>
                          <a:latin typeface="+mn-lt"/>
                          <a:ea typeface="+mn-ea"/>
                          <a:cs typeface="Arial" panose="020B0604020202020204" pitchFamily="34" charset="0"/>
                          <a:sym typeface="Hilda Light" panose="00000400000000000000" pitchFamily="50" charset="0"/>
                        </a:rPr>
                        <a:t>EHS Pre-climbing check</a:t>
                      </a:r>
                    </a:p>
                  </a:txBody>
                  <a:tcPr marL="36000" marR="36000" anchor="ctr">
                    <a:lnL w="57150" cap="flat" cmpd="sng" algn="ctr">
                      <a:solidFill>
                        <a:srgbClr val="FFFFFF"/>
                      </a:solidFill>
                      <a:prstDash val="solid"/>
                      <a:round/>
                      <a:headEnd type="none" w="med" len="med"/>
                      <a:tailEnd type="none" w="med" len="med"/>
                    </a:lnL>
                    <a:lnR w="57150" cap="flat" cmpd="sng" algn="ctr">
                      <a:solidFill>
                        <a:srgbClr val="FFFFFF"/>
                      </a:solidFill>
                      <a:prstDash val="solid"/>
                      <a:round/>
                      <a:headEnd type="none" w="med" len="med"/>
                      <a:tailEnd type="none" w="med" len="med"/>
                    </a:lnR>
                    <a:lnT w="57150" cap="flat" cmpd="sng" algn="ctr">
                      <a:solidFill>
                        <a:srgbClr val="FFFFFF"/>
                      </a:solidFill>
                      <a:prstDash val="solid"/>
                      <a:round/>
                      <a:headEnd type="none" w="med" len="med"/>
                      <a:tailEnd type="none" w="med" len="med"/>
                    </a:lnT>
                    <a:lnB w="5715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rgbClr val="FF8C0A"/>
                    </a:solidFill>
                  </a:tcPr>
                </a:tc>
                <a:tc>
                  <a:txBody>
                    <a:bodyPr/>
                    <a:lstStyle>
                      <a:lvl1pPr marL="0" algn="l" defTabSz="914400" rtl="0" eaLnBrk="1" latinLnBrk="0" hangingPunct="1">
                        <a:defRPr sz="1800" kern="1200">
                          <a:solidFill>
                            <a:schemeClr val="dk1"/>
                          </a:solidFill>
                          <a:latin typeface="Ericsson Hilda"/>
                        </a:defRPr>
                      </a:lvl1pPr>
                      <a:lvl2pPr marL="457200" algn="l" defTabSz="914400" rtl="0" eaLnBrk="1" latinLnBrk="0" hangingPunct="1">
                        <a:defRPr sz="1800" kern="1200">
                          <a:solidFill>
                            <a:schemeClr val="dk1"/>
                          </a:solidFill>
                          <a:latin typeface="Ericsson Hilda"/>
                        </a:defRPr>
                      </a:lvl2pPr>
                      <a:lvl3pPr marL="914400" algn="l" defTabSz="914400" rtl="0" eaLnBrk="1" latinLnBrk="0" hangingPunct="1">
                        <a:defRPr sz="1800" kern="1200">
                          <a:solidFill>
                            <a:schemeClr val="dk1"/>
                          </a:solidFill>
                          <a:latin typeface="Ericsson Hilda"/>
                        </a:defRPr>
                      </a:lvl3pPr>
                      <a:lvl4pPr marL="1371600" algn="l" defTabSz="914400" rtl="0" eaLnBrk="1" latinLnBrk="0" hangingPunct="1">
                        <a:defRPr sz="1800" kern="1200">
                          <a:solidFill>
                            <a:schemeClr val="dk1"/>
                          </a:solidFill>
                          <a:latin typeface="Ericsson Hilda"/>
                        </a:defRPr>
                      </a:lvl4pPr>
                      <a:lvl5pPr marL="1828800" algn="l" defTabSz="914400" rtl="0" eaLnBrk="1" latinLnBrk="0" hangingPunct="1">
                        <a:defRPr sz="1800" kern="1200">
                          <a:solidFill>
                            <a:schemeClr val="dk1"/>
                          </a:solidFill>
                          <a:latin typeface="Ericsson Hilda"/>
                        </a:defRPr>
                      </a:lvl5pPr>
                      <a:lvl6pPr marL="2286000" algn="l" defTabSz="914400" rtl="0" eaLnBrk="1" latinLnBrk="0" hangingPunct="1">
                        <a:defRPr sz="1800" kern="1200">
                          <a:solidFill>
                            <a:schemeClr val="dk1"/>
                          </a:solidFill>
                          <a:latin typeface="Ericsson Hilda"/>
                        </a:defRPr>
                      </a:lvl6pPr>
                      <a:lvl7pPr marL="2743200" algn="l" defTabSz="914400" rtl="0" eaLnBrk="1" latinLnBrk="0" hangingPunct="1">
                        <a:defRPr sz="1800" kern="1200">
                          <a:solidFill>
                            <a:schemeClr val="dk1"/>
                          </a:solidFill>
                          <a:latin typeface="Ericsson Hilda"/>
                        </a:defRPr>
                      </a:lvl7pPr>
                      <a:lvl8pPr marL="3200400" algn="l" defTabSz="914400" rtl="0" eaLnBrk="1" latinLnBrk="0" hangingPunct="1">
                        <a:defRPr sz="1800" kern="1200">
                          <a:solidFill>
                            <a:schemeClr val="dk1"/>
                          </a:solidFill>
                          <a:latin typeface="Ericsson Hilda"/>
                        </a:defRPr>
                      </a:lvl8pPr>
                      <a:lvl9pPr marL="3657600" algn="l" defTabSz="914400" rtl="0" eaLnBrk="1" latinLnBrk="0" hangingPunct="1">
                        <a:defRPr sz="1800" kern="1200">
                          <a:solidFill>
                            <a:schemeClr val="dk1"/>
                          </a:solidFill>
                          <a:latin typeface="Ericsson Hilda"/>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0" cap="none" spc="0" normalizeH="0" baseline="0" noProof="0">
                          <a:ln>
                            <a:noFill/>
                          </a:ln>
                          <a:solidFill>
                            <a:srgbClr val="FFFFFF"/>
                          </a:solidFill>
                          <a:effectLst/>
                          <a:uLnTx/>
                          <a:uFillTx/>
                          <a:latin typeface="+mn-lt"/>
                          <a:ea typeface="+mn-ea"/>
                          <a:cs typeface="Arial" panose="020B0604020202020204" pitchFamily="34" charset="0"/>
                          <a:sym typeface="Hilda Light" panose="00000400000000000000" pitchFamily="50" charset="0"/>
                        </a:rPr>
                        <a:t>EHS Site Assessment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0" cap="none" spc="0" normalizeH="0" baseline="0" noProof="0">
                          <a:ln>
                            <a:noFill/>
                          </a:ln>
                          <a:solidFill>
                            <a:srgbClr val="FFFFFF"/>
                          </a:solidFill>
                          <a:effectLst/>
                          <a:uLnTx/>
                          <a:uFillTx/>
                          <a:latin typeface="+mn-lt"/>
                          <a:ea typeface="+mn-ea"/>
                          <a:cs typeface="Arial" panose="020B0604020202020204" pitchFamily="34" charset="0"/>
                          <a:sym typeface="Hilda Light" panose="00000400000000000000" pitchFamily="50" charset="0"/>
                        </a:rPr>
                        <a:t>&amp; EHS Leadership Site Visits</a:t>
                      </a:r>
                    </a:p>
                  </a:txBody>
                  <a:tcPr marL="36000" marR="36000" anchor="ctr">
                    <a:lnL w="57150" cap="flat" cmpd="sng" algn="ctr">
                      <a:solidFill>
                        <a:srgbClr val="FFFFFF"/>
                      </a:solidFill>
                      <a:prstDash val="solid"/>
                      <a:round/>
                      <a:headEnd type="none" w="med" len="med"/>
                      <a:tailEnd type="none" w="med" len="med"/>
                    </a:lnL>
                    <a:lnR w="57150" cap="flat" cmpd="sng" algn="ctr">
                      <a:solidFill>
                        <a:srgbClr val="FFFFFF"/>
                      </a:solidFill>
                      <a:prstDash val="solid"/>
                      <a:round/>
                      <a:headEnd type="none" w="med" len="med"/>
                      <a:tailEnd type="none" w="med" len="med"/>
                    </a:lnR>
                    <a:lnT w="57150" cap="flat" cmpd="sng" algn="ctr">
                      <a:solidFill>
                        <a:srgbClr val="FFFFFF"/>
                      </a:solidFill>
                      <a:prstDash val="solid"/>
                      <a:round/>
                      <a:headEnd type="none" w="med" len="med"/>
                      <a:tailEnd type="none" w="med" len="med"/>
                    </a:lnT>
                    <a:lnB w="5715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rgbClr val="FF3232">
                        <a:lumMod val="60000"/>
                        <a:lumOff val="40000"/>
                      </a:srgbClr>
                    </a:solidFill>
                  </a:tcPr>
                </a:tc>
                <a:extLst>
                  <a:ext uri="{0D108BD9-81ED-4DB2-BD59-A6C34878D82A}">
                    <a16:rowId xmlns:a16="http://schemas.microsoft.com/office/drawing/2014/main" val="1142232582"/>
                  </a:ext>
                </a:extLst>
              </a:tr>
            </a:tbl>
          </a:graphicData>
        </a:graphic>
      </p:graphicFrame>
      <p:pic>
        <p:nvPicPr>
          <p:cNvPr id="2" name="Graphic 1">
            <a:extLst>
              <a:ext uri="{FF2B5EF4-FFF2-40B4-BE49-F238E27FC236}">
                <a16:creationId xmlns:a16="http://schemas.microsoft.com/office/drawing/2014/main" id="{66D2501C-D6A4-20E1-C36A-7518BF168D74}"/>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1547615" y="291526"/>
            <a:ext cx="256032" cy="256032"/>
          </a:xfrm>
          <a:prstGeom prst="rect">
            <a:avLst/>
          </a:prstGeom>
        </p:spPr>
      </p:pic>
      <p:pic>
        <p:nvPicPr>
          <p:cNvPr id="8" name="Picture 7" descr="Diagram&#10;&#10;Description automatically generated">
            <a:extLst>
              <a:ext uri="{FF2B5EF4-FFF2-40B4-BE49-F238E27FC236}">
                <a16:creationId xmlns:a16="http://schemas.microsoft.com/office/drawing/2014/main" id="{74922310-ED68-5833-A62A-E3DB8CD6BB62}"/>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72861" y="4352745"/>
            <a:ext cx="1407057" cy="1863400"/>
          </a:xfrm>
          <a:prstGeom prst="roundRect">
            <a:avLst>
              <a:gd name="adj" fmla="val 8594"/>
            </a:avLst>
          </a:prstGeom>
          <a:solidFill>
            <a:srgbClr val="FFFFFF">
              <a:shade val="85000"/>
            </a:srgbClr>
          </a:solidFill>
          <a:ln>
            <a:noFill/>
          </a:ln>
          <a:effectLst/>
        </p:spPr>
      </p:pic>
      <p:sp>
        <p:nvSpPr>
          <p:cNvPr id="9" name="TextBox 8">
            <a:extLst>
              <a:ext uri="{FF2B5EF4-FFF2-40B4-BE49-F238E27FC236}">
                <a16:creationId xmlns:a16="http://schemas.microsoft.com/office/drawing/2014/main" id="{F83BF337-4677-73AE-AF2B-D74251720CE2}"/>
              </a:ext>
            </a:extLst>
          </p:cNvPr>
          <p:cNvSpPr txBox="1"/>
          <p:nvPr/>
        </p:nvSpPr>
        <p:spPr>
          <a:xfrm>
            <a:off x="1187962" y="4105544"/>
            <a:ext cx="2354911" cy="2701060"/>
          </a:xfrm>
          <a:prstGeom prst="roundRect">
            <a:avLst/>
          </a:prstGeom>
          <a:ln>
            <a:noFill/>
          </a:ln>
        </p:spPr>
        <p:style>
          <a:lnRef idx="2">
            <a:schemeClr val="accent4"/>
          </a:lnRef>
          <a:fillRef idx="1">
            <a:schemeClr val="lt1"/>
          </a:fillRef>
          <a:effectRef idx="0">
            <a:schemeClr val="accent4"/>
          </a:effectRef>
          <a:fontRef idx="minor">
            <a:schemeClr val="dk1"/>
          </a:fontRef>
        </p:style>
        <p:txBody>
          <a:bodyPr wrap="square">
            <a:spAutoFit/>
          </a:bodyPr>
          <a:lstStyle/>
          <a:p>
            <a:pPr marR="0" lvl="0" algn="just" defTabSz="914400" rtl="0" eaLnBrk="1" fontAlgn="auto" latinLnBrk="0" hangingPunct="1">
              <a:lnSpc>
                <a:spcPct val="105000"/>
              </a:lnSpc>
              <a:spcBef>
                <a:spcPts val="0"/>
              </a:spcBef>
              <a:spcAft>
                <a:spcPts val="800"/>
              </a:spcAft>
              <a:buClrTx/>
              <a:buSzTx/>
              <a:tabLst/>
              <a:defRPr/>
            </a:pPr>
            <a:r>
              <a:rPr kumimoji="0" lang="it-IT" sz="1600" b="1" i="0" u="none" strike="noStrike" kern="1200" cap="none" spc="0" normalizeH="0" baseline="0" noProof="0">
                <a:ln>
                  <a:noFill/>
                </a:ln>
                <a:solidFill>
                  <a:srgbClr val="181818"/>
                </a:solidFill>
                <a:effectLst/>
                <a:uLnTx/>
                <a:uFillTx/>
                <a:latin typeface="Calibri" panose="020F0502020204030204" pitchFamily="34" charset="0"/>
                <a:ea typeface="Times New Roman" panose="02020603050405020304" pitchFamily="18" charset="0"/>
                <a:cs typeface="+mn-cs"/>
              </a:rPr>
              <a:t>EHS Pre-climb Check</a:t>
            </a:r>
            <a:endParaRPr kumimoji="0" lang="it-IT" sz="1600" b="0" i="0" u="none" strike="noStrike" kern="1200" cap="none" spc="0" normalizeH="0" baseline="0" noProof="0">
              <a:ln>
                <a:noFill/>
              </a:ln>
              <a:solidFill>
                <a:srgbClr val="181818"/>
              </a:solidFill>
              <a:effectLst/>
              <a:uLnTx/>
              <a:uFillTx/>
              <a:latin typeface="Calibri" panose="020F0502020204030204" pitchFamily="34" charset="0"/>
              <a:ea typeface="Calibri" panose="020F0502020204030204" pitchFamily="34" charset="0"/>
              <a:cs typeface="+mn-cs"/>
            </a:endParaRPr>
          </a:p>
          <a:p>
            <a:pPr marL="0" marR="0" lvl="0" indent="0" defTabSz="914400" rtl="0" eaLnBrk="1" fontAlgn="auto" latinLnBrk="0" hangingPunct="1">
              <a:lnSpc>
                <a:spcPct val="100000"/>
              </a:lnSpc>
              <a:spcBef>
                <a:spcPts val="0"/>
              </a:spcBef>
              <a:spcAft>
                <a:spcPts val="0"/>
              </a:spcAft>
              <a:buClrTx/>
              <a:buSzTx/>
              <a:buFontTx/>
              <a:buNone/>
              <a:tabLst/>
              <a:defRPr/>
            </a:pPr>
            <a:r>
              <a:rPr kumimoji="0" lang="it-IT" sz="1200" b="0" i="0" u="none" strike="noStrike" kern="1200" cap="none" spc="0" normalizeH="0" baseline="0" noProof="0">
                <a:ln>
                  <a:noFill/>
                </a:ln>
                <a:solidFill>
                  <a:srgbClr val="181818"/>
                </a:solidFill>
                <a:effectLst/>
                <a:uLnTx/>
                <a:uFillTx/>
                <a:latin typeface="Calibri" panose="020F0502020204030204" pitchFamily="34" charset="0"/>
                <a:ea typeface="Calibri" panose="020F0502020204030204" pitchFamily="34" charset="0"/>
                <a:cs typeface="+mn-cs"/>
              </a:rPr>
              <a:t>Se l’attività in Sito prevede attività di </a:t>
            </a:r>
            <a:r>
              <a:rPr kumimoji="0" lang="it-IT" sz="1200" b="1" i="1" u="none" strike="noStrike" kern="1200" cap="none" spc="0" normalizeH="0" baseline="0" noProof="0">
                <a:ln>
                  <a:noFill/>
                </a:ln>
                <a:solidFill>
                  <a:srgbClr val="181818"/>
                </a:solidFill>
                <a:effectLst/>
                <a:uLnTx/>
                <a:uFillTx/>
                <a:latin typeface="Calibri" panose="020F0502020204030204" pitchFamily="34" charset="0"/>
                <a:ea typeface="Calibri" panose="020F0502020204030204" pitchFamily="34" charset="0"/>
                <a:cs typeface="+mn-cs"/>
              </a:rPr>
              <a:t>risalita su torre</a:t>
            </a:r>
            <a:r>
              <a:rPr kumimoji="0" lang="it-IT" sz="1200" b="0" i="0" u="none" strike="noStrike" kern="1200" cap="none" spc="0" normalizeH="0" baseline="0" noProof="0">
                <a:ln>
                  <a:noFill/>
                </a:ln>
                <a:solidFill>
                  <a:srgbClr val="181818"/>
                </a:solidFill>
                <a:effectLst/>
                <a:uLnTx/>
                <a:uFillTx/>
                <a:latin typeface="Calibri" panose="020F0502020204030204" pitchFamily="34" charset="0"/>
                <a:ea typeface="Calibri" panose="020F0502020204030204" pitchFamily="34" charset="0"/>
                <a:cs typeface="+mn-cs"/>
              </a:rPr>
              <a:t>, viene avviato il pre-climb check con un operatore da remoto, incaricato di dare l’autorizzazione a procedere con l’attività, dopo un’accurata valutazione delle condizioni di sicurezza del sito ed il corretto uso dei DPI da parte dell’operatore.</a:t>
            </a:r>
          </a:p>
        </p:txBody>
      </p:sp>
      <p:sp>
        <p:nvSpPr>
          <p:cNvPr id="29" name="Rectangle: Rounded Corners 28">
            <a:extLst>
              <a:ext uri="{FF2B5EF4-FFF2-40B4-BE49-F238E27FC236}">
                <a16:creationId xmlns:a16="http://schemas.microsoft.com/office/drawing/2014/main" id="{F360F3B9-138A-D316-8D6B-1279B34CC70F}"/>
              </a:ext>
            </a:extLst>
          </p:cNvPr>
          <p:cNvSpPr/>
          <p:nvPr/>
        </p:nvSpPr>
        <p:spPr>
          <a:xfrm>
            <a:off x="9115814" y="4269905"/>
            <a:ext cx="2815429" cy="2340499"/>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it-IT" sz="1600" b="1">
                <a:solidFill>
                  <a:srgbClr val="181818"/>
                </a:solidFill>
                <a:latin typeface="Calibri" panose="020F0502020204030204" pitchFamily="34" charset="0"/>
              </a:rPr>
              <a:t>EHS Site Assessment</a:t>
            </a:r>
          </a:p>
          <a:p>
            <a:endParaRPr lang="it-IT" sz="100">
              <a:solidFill>
                <a:srgbClr val="181818"/>
              </a:solidFill>
              <a:latin typeface="Calibri" panose="020F0502020204030204" pitchFamily="34" charset="0"/>
            </a:endParaRPr>
          </a:p>
          <a:p>
            <a:r>
              <a:rPr lang="it-IT" sz="1200">
                <a:solidFill>
                  <a:srgbClr val="181818"/>
                </a:solidFill>
                <a:latin typeface="Calibri" panose="020F0502020204030204" pitchFamily="34" charset="0"/>
              </a:rPr>
              <a:t>Ericsson effettua costanti monitoraggi e misurazioni onsite, attraverso i quali analizza le condizioni del sito e i comportamenti degli operatori, così da riportare eventuali non conformità. Le stesse vengono puntualmente analizzate e discusse nella Governance EHS settimanale, definendo azioni di miglioramento, per evitare una reiterazione delle stesse.</a:t>
            </a:r>
          </a:p>
        </p:txBody>
      </p:sp>
      <p:cxnSp>
        <p:nvCxnSpPr>
          <p:cNvPr id="10" name="Straight Arrow Connector 9">
            <a:extLst>
              <a:ext uri="{FF2B5EF4-FFF2-40B4-BE49-F238E27FC236}">
                <a16:creationId xmlns:a16="http://schemas.microsoft.com/office/drawing/2014/main" id="{DA835B42-E019-4DF9-F93C-78340447FEFC}"/>
              </a:ext>
            </a:extLst>
          </p:cNvPr>
          <p:cNvCxnSpPr>
            <a:cxnSpLocks/>
          </p:cNvCxnSpPr>
          <p:nvPr/>
        </p:nvCxnSpPr>
        <p:spPr bwMode="auto">
          <a:xfrm flipH="1">
            <a:off x="203916" y="1695380"/>
            <a:ext cx="11740458" cy="0"/>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 name="TextBox 10">
            <a:extLst>
              <a:ext uri="{FF2B5EF4-FFF2-40B4-BE49-F238E27FC236}">
                <a16:creationId xmlns:a16="http://schemas.microsoft.com/office/drawing/2014/main" id="{8C31A990-62A7-C722-16F1-A2FAC50661BC}"/>
              </a:ext>
            </a:extLst>
          </p:cNvPr>
          <p:cNvSpPr txBox="1"/>
          <p:nvPr/>
        </p:nvSpPr>
        <p:spPr>
          <a:xfrm>
            <a:off x="866597" y="1061546"/>
            <a:ext cx="4724065" cy="1191816"/>
          </a:xfrm>
          <a:prstGeom prst="roundRect">
            <a:avLst/>
          </a:prstGeom>
          <a:solidFill>
            <a:srgbClr val="ECEFF4"/>
          </a:solidFill>
          <a:ln w="19050">
            <a:solidFill>
              <a:srgbClr val="FF8C0A"/>
            </a:solidFill>
          </a:ln>
        </p:spPr>
        <p:txBody>
          <a:bodyPr wrap="square" lIns="91440" tIns="45720" rIns="91440" bIns="45720" rtlCol="0" anchor="t">
            <a:spAutoFit/>
          </a:bodyPr>
          <a:lstStyle/>
          <a:p>
            <a:r>
              <a:rPr lang="it-IT" sz="1600">
                <a:latin typeface="Calibri"/>
                <a:ea typeface="Calibri"/>
                <a:cs typeface="Times New Roman"/>
              </a:rPr>
              <a:t>Il processo prevede una serie di controlli, eseguiti tramite audit e checklist, che permettono di rilevare eventuali anomalie/criticità sia prima dell’inizio delle attività in campo che durante le stesse.</a:t>
            </a:r>
          </a:p>
        </p:txBody>
      </p:sp>
      <p:cxnSp>
        <p:nvCxnSpPr>
          <p:cNvPr id="12" name="Straight Arrow Connector 11">
            <a:extLst>
              <a:ext uri="{FF2B5EF4-FFF2-40B4-BE49-F238E27FC236}">
                <a16:creationId xmlns:a16="http://schemas.microsoft.com/office/drawing/2014/main" id="{02ED26CF-3551-7D3A-9532-9EF84BA588C4}"/>
              </a:ext>
            </a:extLst>
          </p:cNvPr>
          <p:cNvCxnSpPr>
            <a:cxnSpLocks/>
          </p:cNvCxnSpPr>
          <p:nvPr/>
        </p:nvCxnSpPr>
        <p:spPr bwMode="auto">
          <a:xfrm flipH="1" flipV="1">
            <a:off x="190785" y="1689081"/>
            <a:ext cx="13131" cy="1654483"/>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 name="TextBox 14">
            <a:extLst>
              <a:ext uri="{FF2B5EF4-FFF2-40B4-BE49-F238E27FC236}">
                <a16:creationId xmlns:a16="http://schemas.microsoft.com/office/drawing/2014/main" id="{A78DF73C-9B2F-F40C-7867-8215C96D8B2A}"/>
              </a:ext>
            </a:extLst>
          </p:cNvPr>
          <p:cNvSpPr txBox="1"/>
          <p:nvPr/>
        </p:nvSpPr>
        <p:spPr>
          <a:xfrm>
            <a:off x="6366402" y="1182935"/>
            <a:ext cx="4802232" cy="919401"/>
          </a:xfrm>
          <a:prstGeom prst="roundRect">
            <a:avLst/>
          </a:prstGeom>
          <a:solidFill>
            <a:schemeClr val="bg1"/>
          </a:solidFill>
          <a:ln w="19050">
            <a:solidFill>
              <a:srgbClr val="00B050"/>
            </a:solidFill>
          </a:ln>
        </p:spPr>
        <p:txBody>
          <a:bodyPr wrap="square" rtlCol="0">
            <a:spAutoFit/>
          </a:bodyPr>
          <a:lstStyle/>
          <a:p>
            <a:r>
              <a:rPr lang="it-IT" sz="1600">
                <a:latin typeface="Calibri" panose="020F0502020204030204" pitchFamily="34" charset="0"/>
                <a:ea typeface="Calibri" panose="020F0502020204030204" pitchFamily="34" charset="0"/>
                <a:cs typeface="Times New Roman" panose="02020603050405020304" pitchFamily="18" charset="0"/>
              </a:rPr>
              <a:t>A</a:t>
            </a:r>
            <a:r>
              <a:rPr lang="it-IT" sz="1600">
                <a:effectLst/>
                <a:latin typeface="Calibri" panose="020F0502020204030204" pitchFamily="34" charset="0"/>
                <a:ea typeface="Calibri" panose="020F0502020204030204" pitchFamily="34" charset="0"/>
                <a:cs typeface="Times New Roman" panose="02020603050405020304" pitchFamily="18" charset="0"/>
              </a:rPr>
              <a:t>umentare il monitoraggio preventivo ed autonomo per supportare i lavoratori ad attenzionare aspetti importanti della sicurezza in campo</a:t>
            </a:r>
            <a:endParaRPr lang="it-IT" sz="1600"/>
          </a:p>
        </p:txBody>
      </p:sp>
      <p:cxnSp>
        <p:nvCxnSpPr>
          <p:cNvPr id="16" name="Straight Arrow Connector 15">
            <a:extLst>
              <a:ext uri="{FF2B5EF4-FFF2-40B4-BE49-F238E27FC236}">
                <a16:creationId xmlns:a16="http://schemas.microsoft.com/office/drawing/2014/main" id="{4EF6CF47-1D1B-DDC0-87DB-BCE74C7D1BC5}"/>
              </a:ext>
            </a:extLst>
          </p:cNvPr>
          <p:cNvCxnSpPr>
            <a:cxnSpLocks/>
          </p:cNvCxnSpPr>
          <p:nvPr/>
        </p:nvCxnSpPr>
        <p:spPr bwMode="auto">
          <a:xfrm flipV="1">
            <a:off x="11944374" y="1689081"/>
            <a:ext cx="0" cy="1654483"/>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 name="Oval 30">
            <a:extLst>
              <a:ext uri="{FF2B5EF4-FFF2-40B4-BE49-F238E27FC236}">
                <a16:creationId xmlns:a16="http://schemas.microsoft.com/office/drawing/2014/main" id="{3846A233-2108-8057-BFD7-41926F5E43BC}"/>
              </a:ext>
            </a:extLst>
          </p:cNvPr>
          <p:cNvSpPr/>
          <p:nvPr/>
        </p:nvSpPr>
        <p:spPr>
          <a:xfrm>
            <a:off x="5823463" y="972942"/>
            <a:ext cx="715654" cy="542188"/>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pic>
        <p:nvPicPr>
          <p:cNvPr id="32" name="Graphic 31" descr="Bullseye with solid fill">
            <a:extLst>
              <a:ext uri="{FF2B5EF4-FFF2-40B4-BE49-F238E27FC236}">
                <a16:creationId xmlns:a16="http://schemas.microsoft.com/office/drawing/2014/main" id="{6A7253F1-7988-A1C7-0155-F20B5162A214}"/>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6068807" y="931937"/>
            <a:ext cx="569184" cy="569184"/>
          </a:xfrm>
          <a:prstGeom prst="rect">
            <a:avLst/>
          </a:prstGeom>
        </p:spPr>
      </p:pic>
      <p:sp>
        <p:nvSpPr>
          <p:cNvPr id="33" name="Rectangle: Rounded Corners 32">
            <a:extLst>
              <a:ext uri="{FF2B5EF4-FFF2-40B4-BE49-F238E27FC236}">
                <a16:creationId xmlns:a16="http://schemas.microsoft.com/office/drawing/2014/main" id="{F99D87A8-484B-AEB7-2FD1-8032934D6F90}"/>
              </a:ext>
            </a:extLst>
          </p:cNvPr>
          <p:cNvSpPr/>
          <p:nvPr/>
        </p:nvSpPr>
        <p:spPr>
          <a:xfrm>
            <a:off x="6751667" y="5057709"/>
            <a:ext cx="2133001" cy="572314"/>
          </a:xfrm>
          <a:prstGeom prst="roundRect">
            <a:avLst/>
          </a:prstGeom>
          <a:solidFill>
            <a:srgbClr val="ECEFF4"/>
          </a:solidFill>
          <a:ln w="190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it-IT" sz="1400">
                <a:solidFill>
                  <a:schemeClr val="tx1"/>
                </a:solidFill>
              </a:rPr>
              <a:t>Controllo/Vigilanza</a:t>
            </a:r>
          </a:p>
        </p:txBody>
      </p:sp>
      <p:sp>
        <p:nvSpPr>
          <p:cNvPr id="36" name="Rectangle: Rounded Corners 35">
            <a:extLst>
              <a:ext uri="{FF2B5EF4-FFF2-40B4-BE49-F238E27FC236}">
                <a16:creationId xmlns:a16="http://schemas.microsoft.com/office/drawing/2014/main" id="{1214DA0B-9457-F66F-9495-030C894808A5}"/>
              </a:ext>
            </a:extLst>
          </p:cNvPr>
          <p:cNvSpPr/>
          <p:nvPr/>
        </p:nvSpPr>
        <p:spPr>
          <a:xfrm>
            <a:off x="6757794" y="4173617"/>
            <a:ext cx="2133001" cy="572314"/>
          </a:xfrm>
          <a:prstGeom prst="roundRect">
            <a:avLst/>
          </a:prstGeom>
          <a:solidFill>
            <a:srgbClr val="ECEFF4"/>
          </a:solidFill>
          <a:ln w="190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it-IT" sz="1400">
                <a:solidFill>
                  <a:schemeClr val="tx1"/>
                </a:solidFill>
              </a:rPr>
              <a:t>Requisiti di legge</a:t>
            </a:r>
          </a:p>
          <a:p>
            <a:pPr algn="ctr"/>
            <a:r>
              <a:rPr lang="it-IT" sz="1400">
                <a:solidFill>
                  <a:schemeClr val="tx1"/>
                </a:solidFill>
              </a:rPr>
              <a:t>Requisiti operativi</a:t>
            </a:r>
          </a:p>
        </p:txBody>
      </p:sp>
      <p:sp>
        <p:nvSpPr>
          <p:cNvPr id="37" name="Rectangle: Rounded Corners 36">
            <a:extLst>
              <a:ext uri="{FF2B5EF4-FFF2-40B4-BE49-F238E27FC236}">
                <a16:creationId xmlns:a16="http://schemas.microsoft.com/office/drawing/2014/main" id="{916212AC-30D0-E449-432C-672C9528685A}"/>
              </a:ext>
            </a:extLst>
          </p:cNvPr>
          <p:cNvSpPr/>
          <p:nvPr/>
        </p:nvSpPr>
        <p:spPr>
          <a:xfrm>
            <a:off x="6760903" y="5975721"/>
            <a:ext cx="2133001" cy="572314"/>
          </a:xfrm>
          <a:prstGeom prst="roundRect">
            <a:avLst/>
          </a:prstGeom>
          <a:solidFill>
            <a:srgbClr val="ECEFF4"/>
          </a:solidFill>
          <a:ln w="190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it-IT" sz="1400">
                <a:solidFill>
                  <a:schemeClr val="tx1"/>
                </a:solidFill>
              </a:rPr>
              <a:t>Consequence Management</a:t>
            </a:r>
          </a:p>
        </p:txBody>
      </p:sp>
      <p:sp>
        <p:nvSpPr>
          <p:cNvPr id="39" name="Oval 38">
            <a:extLst>
              <a:ext uri="{FF2B5EF4-FFF2-40B4-BE49-F238E27FC236}">
                <a16:creationId xmlns:a16="http://schemas.microsoft.com/office/drawing/2014/main" id="{A67978D2-CC39-700A-9739-4B3971867B30}"/>
              </a:ext>
            </a:extLst>
          </p:cNvPr>
          <p:cNvSpPr/>
          <p:nvPr/>
        </p:nvSpPr>
        <p:spPr>
          <a:xfrm>
            <a:off x="464807" y="786610"/>
            <a:ext cx="599090" cy="567558"/>
          </a:xfrm>
          <a:prstGeom prst="ellipse">
            <a:avLst/>
          </a:prstGeom>
          <a:solidFill>
            <a:srgbClr val="FF8C0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Oval 39">
            <a:extLst>
              <a:ext uri="{FF2B5EF4-FFF2-40B4-BE49-F238E27FC236}">
                <a16:creationId xmlns:a16="http://schemas.microsoft.com/office/drawing/2014/main" id="{F49CFED9-8128-7F90-41EB-80EBF849B7C1}"/>
              </a:ext>
            </a:extLst>
          </p:cNvPr>
          <p:cNvSpPr/>
          <p:nvPr/>
        </p:nvSpPr>
        <p:spPr>
          <a:xfrm>
            <a:off x="475910" y="801268"/>
            <a:ext cx="536029" cy="501332"/>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1" name="Graphic 40" descr="History with solid fill">
            <a:extLst>
              <a:ext uri="{FF2B5EF4-FFF2-40B4-BE49-F238E27FC236}">
                <a16:creationId xmlns:a16="http://schemas.microsoft.com/office/drawing/2014/main" id="{E0768892-9A2A-4468-4641-6D5E4C452871}"/>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510071" y="832083"/>
            <a:ext cx="467708" cy="467708"/>
          </a:xfrm>
          <a:prstGeom prst="rect">
            <a:avLst/>
          </a:prstGeom>
        </p:spPr>
      </p:pic>
      <p:cxnSp>
        <p:nvCxnSpPr>
          <p:cNvPr id="43" name="Straight Arrow Connector 42">
            <a:extLst>
              <a:ext uri="{FF2B5EF4-FFF2-40B4-BE49-F238E27FC236}">
                <a16:creationId xmlns:a16="http://schemas.microsoft.com/office/drawing/2014/main" id="{D79B6C49-8DC2-B2F9-03F0-A83602674710}"/>
              </a:ext>
            </a:extLst>
          </p:cNvPr>
          <p:cNvCxnSpPr>
            <a:cxnSpLocks/>
          </p:cNvCxnSpPr>
          <p:nvPr/>
        </p:nvCxnSpPr>
        <p:spPr bwMode="auto">
          <a:xfrm flipV="1">
            <a:off x="7851864" y="4735945"/>
            <a:ext cx="0" cy="321764"/>
          </a:xfrm>
          <a:prstGeom prst="straightConnector1">
            <a:avLst/>
          </a:prstGeom>
          <a:ln w="19050">
            <a:headEnd type="arrow"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6" name="Straight Arrow Connector 45">
            <a:extLst>
              <a:ext uri="{FF2B5EF4-FFF2-40B4-BE49-F238E27FC236}">
                <a16:creationId xmlns:a16="http://schemas.microsoft.com/office/drawing/2014/main" id="{D8698EA6-181E-B250-A9D5-4283EE433B1A}"/>
              </a:ext>
            </a:extLst>
          </p:cNvPr>
          <p:cNvCxnSpPr>
            <a:cxnSpLocks/>
          </p:cNvCxnSpPr>
          <p:nvPr/>
        </p:nvCxnSpPr>
        <p:spPr bwMode="auto">
          <a:xfrm flipV="1">
            <a:off x="7857440" y="5630023"/>
            <a:ext cx="0" cy="321764"/>
          </a:xfrm>
          <a:prstGeom prst="straightConnector1">
            <a:avLst/>
          </a:prstGeom>
          <a:ln w="19050">
            <a:headEnd type="arrow" w="med" len="med"/>
            <a:tailEnd type="none" w="med" len="med"/>
          </a:ln>
        </p:spPr>
        <p:style>
          <a:lnRef idx="1">
            <a:schemeClr val="accent1"/>
          </a:lnRef>
          <a:fillRef idx="0">
            <a:schemeClr val="accent1"/>
          </a:fillRef>
          <a:effectRef idx="0">
            <a:schemeClr val="accent1"/>
          </a:effectRef>
          <a:fontRef idx="minor">
            <a:schemeClr val="tx1"/>
          </a:fontRef>
        </p:style>
      </p:cxnSp>
      <p:pic>
        <p:nvPicPr>
          <p:cNvPr id="48" name="Graphic 47" descr="Badge 1 with solid fill">
            <a:extLst>
              <a:ext uri="{FF2B5EF4-FFF2-40B4-BE49-F238E27FC236}">
                <a16:creationId xmlns:a16="http://schemas.microsoft.com/office/drawing/2014/main" id="{1079544E-9CD8-E502-BB54-785747D8B1F7}"/>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2705843" y="2372453"/>
            <a:ext cx="522786" cy="522786"/>
          </a:xfrm>
          <a:prstGeom prst="rect">
            <a:avLst/>
          </a:prstGeom>
        </p:spPr>
      </p:pic>
      <p:pic>
        <p:nvPicPr>
          <p:cNvPr id="52" name="Graphic 51" descr="Badge 4 with solid fill">
            <a:extLst>
              <a:ext uri="{FF2B5EF4-FFF2-40B4-BE49-F238E27FC236}">
                <a16:creationId xmlns:a16="http://schemas.microsoft.com/office/drawing/2014/main" id="{BFDFB3B1-F7BD-3318-F596-2FB1B7A6E155}"/>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11168634" y="2385502"/>
            <a:ext cx="522787" cy="522787"/>
          </a:xfrm>
          <a:prstGeom prst="rect">
            <a:avLst/>
          </a:prstGeom>
        </p:spPr>
      </p:pic>
      <p:pic>
        <p:nvPicPr>
          <p:cNvPr id="54" name="Graphic 53" descr="Badge 3 with solid fill">
            <a:extLst>
              <a:ext uri="{FF2B5EF4-FFF2-40B4-BE49-F238E27FC236}">
                <a16:creationId xmlns:a16="http://schemas.microsoft.com/office/drawing/2014/main" id="{09AE4FB5-D5C8-756F-FE21-8F3D23F989AC}"/>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8254446" y="2382864"/>
            <a:ext cx="522786" cy="522786"/>
          </a:xfrm>
          <a:prstGeom prst="rect">
            <a:avLst/>
          </a:prstGeom>
        </p:spPr>
      </p:pic>
      <p:pic>
        <p:nvPicPr>
          <p:cNvPr id="56" name="Graphic 55" descr="Badge with solid fill">
            <a:extLst>
              <a:ext uri="{FF2B5EF4-FFF2-40B4-BE49-F238E27FC236}">
                <a16:creationId xmlns:a16="http://schemas.microsoft.com/office/drawing/2014/main" id="{61565118-8EAD-E838-D334-AB9F6039DEA9}"/>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5452967" y="2369356"/>
            <a:ext cx="522786" cy="522786"/>
          </a:xfrm>
          <a:prstGeom prst="rect">
            <a:avLst/>
          </a:prstGeom>
        </p:spPr>
      </p:pic>
      <p:sp>
        <p:nvSpPr>
          <p:cNvPr id="3" name="TextBox 2">
            <a:extLst>
              <a:ext uri="{FF2B5EF4-FFF2-40B4-BE49-F238E27FC236}">
                <a16:creationId xmlns:a16="http://schemas.microsoft.com/office/drawing/2014/main" id="{855EE29A-3013-5921-FF12-41B654304065}"/>
              </a:ext>
            </a:extLst>
          </p:cNvPr>
          <p:cNvSpPr txBox="1"/>
          <p:nvPr/>
        </p:nvSpPr>
        <p:spPr>
          <a:xfrm>
            <a:off x="3656736" y="4882377"/>
            <a:ext cx="2615522" cy="1931876"/>
          </a:xfrm>
          <a:prstGeom prst="roundRect">
            <a:avLst/>
          </a:prstGeom>
          <a:ln>
            <a:noFill/>
          </a:ln>
        </p:spPr>
        <p:style>
          <a:lnRef idx="2">
            <a:schemeClr val="accent4"/>
          </a:lnRef>
          <a:fillRef idx="1">
            <a:schemeClr val="lt1"/>
          </a:fillRef>
          <a:effectRef idx="0">
            <a:schemeClr val="accent4"/>
          </a:effectRef>
          <a:fontRef idx="minor">
            <a:schemeClr val="dk1"/>
          </a:fontRef>
        </p:style>
        <p:txBody>
          <a:bodyPr wrap="square" lIns="91440" tIns="45720" rIns="91440" bIns="45720" anchor="t">
            <a:spAutoFit/>
          </a:bodyPr>
          <a:lstStyle/>
          <a:p>
            <a:pPr marR="0" lvl="0" algn="just" defTabSz="914400" rtl="0" eaLnBrk="1" fontAlgn="auto" latinLnBrk="0" hangingPunct="1">
              <a:lnSpc>
                <a:spcPct val="105000"/>
              </a:lnSpc>
              <a:spcBef>
                <a:spcPts val="0"/>
              </a:spcBef>
              <a:spcAft>
                <a:spcPts val="800"/>
              </a:spcAft>
              <a:buClrTx/>
              <a:buSzTx/>
              <a:tabLst/>
              <a:defRPr/>
            </a:pPr>
            <a:r>
              <a:rPr kumimoji="0" lang="it-IT" sz="1600" b="1" i="0" u="none" strike="noStrike" kern="1200" cap="none" spc="0" normalizeH="0" baseline="0" noProof="0" dirty="0">
                <a:ln>
                  <a:noFill/>
                </a:ln>
                <a:solidFill>
                  <a:srgbClr val="181818"/>
                </a:solidFill>
                <a:effectLst/>
                <a:uLnTx/>
                <a:uFillTx/>
                <a:latin typeface="Calibri" panose="020F0502020204030204" pitchFamily="34" charset="0"/>
                <a:ea typeface="Times New Roman" panose="02020603050405020304" pitchFamily="18" charset="0"/>
                <a:cs typeface="+mn-cs"/>
              </a:rPr>
              <a:t>EHS Leadership Site Visits</a:t>
            </a:r>
            <a:endParaRPr kumimoji="0" lang="it-IT" sz="1600" b="0" i="0" u="none" strike="noStrike" kern="1200" cap="none" spc="0" normalizeH="0" baseline="0" noProof="0" dirty="0">
              <a:ln>
                <a:noFill/>
              </a:ln>
              <a:solidFill>
                <a:srgbClr val="181818"/>
              </a:solidFill>
              <a:effectLst/>
              <a:uLnTx/>
              <a:uFillTx/>
              <a:latin typeface="Calibri" panose="020F0502020204030204" pitchFamily="34" charset="0"/>
              <a:ea typeface="Calibri" panose="020F0502020204030204" pitchFamily="34" charset="0"/>
              <a:cs typeface="+mn-cs"/>
            </a:endParaRPr>
          </a:p>
          <a:p>
            <a:r>
              <a:rPr lang="it-IT" sz="1200" dirty="0">
                <a:solidFill>
                  <a:srgbClr val="181818"/>
                </a:solidFill>
                <a:latin typeface="Calibri"/>
                <a:ea typeface="Calibri"/>
                <a:cs typeface="Calibri"/>
              </a:rPr>
              <a:t>Sopralluoghi in sito da parte di Responsabili  E/// per creare un'opportunità di contatto diretto fra il management e gli operatori in campo rafforzando il messaggio su priorità e importanza che E/// ripone sui temi EHS.</a:t>
            </a:r>
          </a:p>
        </p:txBody>
      </p:sp>
      <p:pic>
        <p:nvPicPr>
          <p:cNvPr id="17" name="Picture 16">
            <a:extLst>
              <a:ext uri="{FF2B5EF4-FFF2-40B4-BE49-F238E27FC236}">
                <a16:creationId xmlns:a16="http://schemas.microsoft.com/office/drawing/2014/main" id="{1EA742AD-8C80-3441-F943-B0BFE121DD09}"/>
              </a:ext>
            </a:extLst>
          </p:cNvPr>
          <p:cNvPicPr>
            <a:picLocks noChangeAspect="1"/>
          </p:cNvPicPr>
          <p:nvPr>
            <p:custDataLst>
              <p:tags r:id="rId1"/>
            </p:custDataLst>
          </p:nvPr>
        </p:nvPicPr>
        <p:blipFill rotWithShape="1">
          <a:blip r:embed="rId18">
            <a:extLst>
              <a:ext uri="{28A0092B-C50C-407E-A947-70E740481C1C}">
                <a14:useLocalDpi xmlns:a14="http://schemas.microsoft.com/office/drawing/2010/main" val="0"/>
              </a:ext>
            </a:extLst>
          </a:blip>
          <a:srcRect r="-474" b="45415"/>
          <a:stretch/>
        </p:blipFill>
        <p:spPr>
          <a:xfrm>
            <a:off x="3725352" y="4155514"/>
            <a:ext cx="2306486" cy="836234"/>
          </a:xfrm>
          <a:prstGeom prst="roundRect">
            <a:avLst>
              <a:gd name="adj" fmla="val 8594"/>
            </a:avLst>
          </a:prstGeom>
          <a:solidFill>
            <a:srgbClr val="FFFFFF">
              <a:shade val="85000"/>
            </a:srgbClr>
          </a:solidFill>
          <a:ln>
            <a:noFill/>
          </a:ln>
          <a:effectLst/>
        </p:spPr>
      </p:pic>
    </p:spTree>
    <p:extLst>
      <p:ext uri="{BB962C8B-B14F-4D97-AF65-F5344CB8AC3E}">
        <p14:creationId xmlns:p14="http://schemas.microsoft.com/office/powerpoint/2010/main" val="4163584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2" name="Straight Arrow Connector 21">
            <a:extLst>
              <a:ext uri="{FF2B5EF4-FFF2-40B4-BE49-F238E27FC236}">
                <a16:creationId xmlns:a16="http://schemas.microsoft.com/office/drawing/2014/main" id="{FD7035D4-71BB-4794-2CDE-81B53981BFCE}"/>
              </a:ext>
            </a:extLst>
          </p:cNvPr>
          <p:cNvCxnSpPr>
            <a:cxnSpLocks/>
          </p:cNvCxnSpPr>
          <p:nvPr/>
        </p:nvCxnSpPr>
        <p:spPr bwMode="auto">
          <a:xfrm flipH="1">
            <a:off x="190785" y="4608951"/>
            <a:ext cx="11740458" cy="0"/>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 name="TextBox 4">
            <a:extLst>
              <a:ext uri="{FF2B5EF4-FFF2-40B4-BE49-F238E27FC236}">
                <a16:creationId xmlns:a16="http://schemas.microsoft.com/office/drawing/2014/main" id="{08F2B45B-2BC1-44B2-4465-F8FD2B97328F}"/>
              </a:ext>
            </a:extLst>
          </p:cNvPr>
          <p:cNvSpPr txBox="1"/>
          <p:nvPr/>
        </p:nvSpPr>
        <p:spPr>
          <a:xfrm>
            <a:off x="551514" y="185779"/>
            <a:ext cx="10942225" cy="523220"/>
          </a:xfrm>
          <a:prstGeom prst="rect">
            <a:avLst/>
          </a:prstGeom>
          <a:noFill/>
        </p:spPr>
        <p:txBody>
          <a:bodyPr wrap="square" rtlCol="0">
            <a:spAutoFit/>
          </a:bodyPr>
          <a:lstStyle/>
          <a:p>
            <a:r>
              <a:rPr lang="en-US" sz="2800" b="1" err="1">
                <a:solidFill>
                  <a:schemeClr val="tx1">
                    <a:lumMod val="75000"/>
                    <a:lumOff val="25000"/>
                  </a:schemeClr>
                </a:solidFill>
              </a:rPr>
              <a:t>Monitoraggio</a:t>
            </a:r>
            <a:r>
              <a:rPr lang="en-US" sz="2800" b="1">
                <a:solidFill>
                  <a:schemeClr val="tx1">
                    <a:lumMod val="75000"/>
                    <a:lumOff val="25000"/>
                  </a:schemeClr>
                </a:solidFill>
              </a:rPr>
              <a:t> </a:t>
            </a:r>
            <a:r>
              <a:rPr lang="en-US" sz="2800" b="1" err="1">
                <a:solidFill>
                  <a:schemeClr val="tx1">
                    <a:lumMod val="75000"/>
                    <a:lumOff val="25000"/>
                  </a:schemeClr>
                </a:solidFill>
              </a:rPr>
              <a:t>volto</a:t>
            </a:r>
            <a:r>
              <a:rPr lang="en-US" sz="2800" b="1">
                <a:solidFill>
                  <a:schemeClr val="tx1">
                    <a:lumMod val="75000"/>
                    <a:lumOff val="25000"/>
                  </a:schemeClr>
                </a:solidFill>
              </a:rPr>
              <a:t> </a:t>
            </a:r>
            <a:r>
              <a:rPr lang="en-US" sz="2800" b="1" err="1">
                <a:solidFill>
                  <a:schemeClr val="tx1">
                    <a:lumMod val="75000"/>
                    <a:lumOff val="25000"/>
                  </a:schemeClr>
                </a:solidFill>
              </a:rPr>
              <a:t>alla</a:t>
            </a:r>
            <a:r>
              <a:rPr lang="en-US" sz="2800" b="1">
                <a:solidFill>
                  <a:schemeClr val="tx1">
                    <a:lumMod val="75000"/>
                    <a:lumOff val="25000"/>
                  </a:schemeClr>
                </a:solidFill>
              </a:rPr>
              <a:t> </a:t>
            </a:r>
            <a:r>
              <a:rPr lang="en-US" sz="2800" b="1" err="1">
                <a:solidFill>
                  <a:schemeClr val="tx1">
                    <a:lumMod val="75000"/>
                    <a:lumOff val="25000"/>
                  </a:schemeClr>
                </a:solidFill>
              </a:rPr>
              <a:t>prevenzione</a:t>
            </a:r>
            <a:r>
              <a:rPr lang="en-US" sz="2800" b="1">
                <a:solidFill>
                  <a:schemeClr val="tx1">
                    <a:lumMod val="75000"/>
                    <a:lumOff val="25000"/>
                  </a:schemeClr>
                </a:solidFill>
              </a:rPr>
              <a:t> – </a:t>
            </a:r>
            <a:r>
              <a:rPr lang="en-US" sz="2800" b="1" err="1">
                <a:solidFill>
                  <a:schemeClr val="tx1">
                    <a:lumMod val="75000"/>
                    <a:lumOff val="25000"/>
                  </a:schemeClr>
                </a:solidFill>
              </a:rPr>
              <a:t>Gestione</a:t>
            </a:r>
            <a:r>
              <a:rPr lang="en-US" sz="2800" b="1">
                <a:solidFill>
                  <a:schemeClr val="tx1">
                    <a:lumMod val="75000"/>
                    <a:lumOff val="25000"/>
                  </a:schemeClr>
                </a:solidFill>
              </a:rPr>
              <a:t> </a:t>
            </a:r>
            <a:r>
              <a:rPr lang="en-US" sz="2800" b="1" err="1">
                <a:solidFill>
                  <a:schemeClr val="tx1">
                    <a:lumMod val="75000"/>
                    <a:lumOff val="25000"/>
                  </a:schemeClr>
                </a:solidFill>
              </a:rPr>
              <a:t>Fornitori</a:t>
            </a:r>
            <a:endParaRPr lang="en-US" sz="2800" b="1">
              <a:solidFill>
                <a:schemeClr val="tx1">
                  <a:lumMod val="75000"/>
                  <a:lumOff val="25000"/>
                </a:schemeClr>
              </a:solidFill>
            </a:endParaRPr>
          </a:p>
        </p:txBody>
      </p:sp>
      <p:cxnSp>
        <p:nvCxnSpPr>
          <p:cNvPr id="35" name="Straight Connector 34">
            <a:extLst>
              <a:ext uri="{FF2B5EF4-FFF2-40B4-BE49-F238E27FC236}">
                <a16:creationId xmlns:a16="http://schemas.microsoft.com/office/drawing/2014/main" id="{6DA4F8F9-EAFC-DA02-1EAC-A1777C1A0701}"/>
              </a:ext>
            </a:extLst>
          </p:cNvPr>
          <p:cNvCxnSpPr/>
          <p:nvPr/>
        </p:nvCxnSpPr>
        <p:spPr>
          <a:xfrm>
            <a:off x="630620" y="734762"/>
            <a:ext cx="10731063" cy="0"/>
          </a:xfrm>
          <a:prstGeom prst="line">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graphicFrame>
        <p:nvGraphicFramePr>
          <p:cNvPr id="119" name="Table 53">
            <a:extLst>
              <a:ext uri="{FF2B5EF4-FFF2-40B4-BE49-F238E27FC236}">
                <a16:creationId xmlns:a16="http://schemas.microsoft.com/office/drawing/2014/main" id="{F68FFC43-0060-D8DE-F346-25AD5534D325}"/>
              </a:ext>
            </a:extLst>
          </p:cNvPr>
          <p:cNvGraphicFramePr>
            <a:graphicFrameLocks noGrp="1"/>
          </p:cNvGraphicFramePr>
          <p:nvPr>
            <p:extLst>
              <p:ext uri="{D42A27DB-BD31-4B8C-83A1-F6EECF244321}">
                <p14:modId xmlns:p14="http://schemas.microsoft.com/office/powerpoint/2010/main" val="4003400108"/>
              </p:ext>
            </p:extLst>
          </p:nvPr>
        </p:nvGraphicFramePr>
        <p:xfrm>
          <a:off x="1464723" y="2700392"/>
          <a:ext cx="8994561" cy="3663484"/>
        </p:xfrm>
        <a:graphic>
          <a:graphicData uri="http://schemas.openxmlformats.org/drawingml/2006/table">
            <a:tbl>
              <a:tblPr firstRow="1" bandRow="1"/>
              <a:tblGrid>
                <a:gridCol w="391160">
                  <a:extLst>
                    <a:ext uri="{9D8B030D-6E8A-4147-A177-3AD203B41FA5}">
                      <a16:colId xmlns:a16="http://schemas.microsoft.com/office/drawing/2014/main" val="2693685460"/>
                    </a:ext>
                  </a:extLst>
                </a:gridCol>
                <a:gridCol w="8603401">
                  <a:extLst>
                    <a:ext uri="{9D8B030D-6E8A-4147-A177-3AD203B41FA5}">
                      <a16:colId xmlns:a16="http://schemas.microsoft.com/office/drawing/2014/main" val="3496100450"/>
                    </a:ext>
                  </a:extLst>
                </a:gridCol>
              </a:tblGrid>
              <a:tr h="1245258">
                <a:tc>
                  <a:txBody>
                    <a:bodyPr/>
                    <a:lstStyle>
                      <a:lvl1pPr marL="0" algn="l" defTabSz="914400" rtl="0" eaLnBrk="1" latinLnBrk="0" hangingPunct="1">
                        <a:defRPr sz="1800" b="1" kern="1200">
                          <a:solidFill>
                            <a:schemeClr val="lt1"/>
                          </a:solidFill>
                          <a:latin typeface="Ericsson Hilda"/>
                        </a:defRPr>
                      </a:lvl1pPr>
                      <a:lvl2pPr marL="457200" algn="l" defTabSz="914400" rtl="0" eaLnBrk="1" latinLnBrk="0" hangingPunct="1">
                        <a:defRPr sz="1800" b="1" kern="1200">
                          <a:solidFill>
                            <a:schemeClr val="lt1"/>
                          </a:solidFill>
                          <a:latin typeface="Ericsson Hilda"/>
                        </a:defRPr>
                      </a:lvl2pPr>
                      <a:lvl3pPr marL="914400" algn="l" defTabSz="914400" rtl="0" eaLnBrk="1" latinLnBrk="0" hangingPunct="1">
                        <a:defRPr sz="1800" b="1" kern="1200">
                          <a:solidFill>
                            <a:schemeClr val="lt1"/>
                          </a:solidFill>
                          <a:latin typeface="Ericsson Hilda"/>
                        </a:defRPr>
                      </a:lvl3pPr>
                      <a:lvl4pPr marL="1371600" algn="l" defTabSz="914400" rtl="0" eaLnBrk="1" latinLnBrk="0" hangingPunct="1">
                        <a:defRPr sz="1800" b="1" kern="1200">
                          <a:solidFill>
                            <a:schemeClr val="lt1"/>
                          </a:solidFill>
                          <a:latin typeface="Ericsson Hilda"/>
                        </a:defRPr>
                      </a:lvl4pPr>
                      <a:lvl5pPr marL="1828800" algn="l" defTabSz="914400" rtl="0" eaLnBrk="1" latinLnBrk="0" hangingPunct="1">
                        <a:defRPr sz="1800" b="1" kern="1200">
                          <a:solidFill>
                            <a:schemeClr val="lt1"/>
                          </a:solidFill>
                          <a:latin typeface="Ericsson Hilda"/>
                        </a:defRPr>
                      </a:lvl5pPr>
                      <a:lvl6pPr marL="2286000" algn="l" defTabSz="914400" rtl="0" eaLnBrk="1" latinLnBrk="0" hangingPunct="1">
                        <a:defRPr sz="1800" b="1" kern="1200">
                          <a:solidFill>
                            <a:schemeClr val="lt1"/>
                          </a:solidFill>
                          <a:latin typeface="Ericsson Hilda"/>
                        </a:defRPr>
                      </a:lvl6pPr>
                      <a:lvl7pPr marL="2743200" algn="l" defTabSz="914400" rtl="0" eaLnBrk="1" latinLnBrk="0" hangingPunct="1">
                        <a:defRPr sz="1800" b="1" kern="1200">
                          <a:solidFill>
                            <a:schemeClr val="lt1"/>
                          </a:solidFill>
                          <a:latin typeface="Ericsson Hilda"/>
                        </a:defRPr>
                      </a:lvl7pPr>
                      <a:lvl8pPr marL="3200400" algn="l" defTabSz="914400" rtl="0" eaLnBrk="1" latinLnBrk="0" hangingPunct="1">
                        <a:defRPr sz="1800" b="1" kern="1200">
                          <a:solidFill>
                            <a:schemeClr val="lt1"/>
                          </a:solidFill>
                          <a:latin typeface="Ericsson Hilda"/>
                        </a:defRPr>
                      </a:lvl8pPr>
                      <a:lvl9pPr marL="3657600" algn="l" defTabSz="914400" rtl="0" eaLnBrk="1" latinLnBrk="0" hangingPunct="1">
                        <a:defRPr sz="1800" b="1" kern="1200">
                          <a:solidFill>
                            <a:schemeClr val="lt1"/>
                          </a:solidFill>
                          <a:latin typeface="Ericsson Hilda"/>
                        </a:defRPr>
                      </a:lvl9pPr>
                    </a:lstStyle>
                    <a:p>
                      <a:pPr algn="ctr"/>
                      <a:r>
                        <a:rPr lang="en-US" sz="1400" b="1">
                          <a:solidFill>
                            <a:schemeClr val="bg1"/>
                          </a:solidFill>
                        </a:rPr>
                        <a:t>Ericsson</a:t>
                      </a:r>
                      <a:endParaRPr lang="en-US" b="1">
                        <a:solidFill>
                          <a:schemeClr val="bg1"/>
                        </a:solidFill>
                      </a:endParaRPr>
                    </a:p>
                  </a:txBody>
                  <a:tcPr marL="182880" marR="182880" marT="182880" marB="182880" vert="vert270" anchor="ctr">
                    <a:lnL w="12700" cap="flat" cmpd="sng" algn="ctr">
                      <a:solidFill>
                        <a:srgbClr val="181818"/>
                      </a:solidFill>
                      <a:prstDash val="solid"/>
                      <a:round/>
                      <a:headEnd type="none" w="med" len="med"/>
                      <a:tailEnd type="none" w="med" len="med"/>
                    </a:lnL>
                    <a:lnR w="12700" cap="flat" cmpd="sng" algn="ctr">
                      <a:solidFill>
                        <a:srgbClr val="181818"/>
                      </a:solidFill>
                      <a:prstDash val="solid"/>
                      <a:round/>
                      <a:headEnd type="none" w="med" len="med"/>
                      <a:tailEnd type="none" w="med" len="med"/>
                    </a:lnR>
                    <a:lnT w="12700" cap="flat" cmpd="sng" algn="ctr">
                      <a:solidFill>
                        <a:srgbClr val="181818"/>
                      </a:solidFill>
                      <a:prstDash val="solid"/>
                      <a:round/>
                      <a:headEnd type="none" w="med" len="med"/>
                      <a:tailEnd type="none" w="med" len="med"/>
                    </a:lnT>
                    <a:lnB w="12700" cap="flat" cmpd="sng" algn="ctr">
                      <a:solidFill>
                        <a:srgbClr val="181818"/>
                      </a:solidFill>
                      <a:prstDash val="solid"/>
                      <a:round/>
                      <a:headEnd type="none" w="med" len="med"/>
                      <a:tailEnd type="none" w="med" len="med"/>
                    </a:lnB>
                    <a:lnTlToBr w="12700" cmpd="sng">
                      <a:noFill/>
                      <a:prstDash val="solid"/>
                    </a:lnTlToBr>
                    <a:lnBlToTr w="12700" cmpd="sng">
                      <a:noFill/>
                      <a:prstDash val="solid"/>
                    </a:lnBlToTr>
                    <a:solidFill>
                      <a:srgbClr val="0070C0"/>
                    </a:solidFill>
                  </a:tcPr>
                </a:tc>
                <a:tc>
                  <a:txBody>
                    <a:bodyPr/>
                    <a:lstStyle>
                      <a:lvl1pPr marL="0" algn="l" defTabSz="914400" rtl="0" eaLnBrk="1" latinLnBrk="0" hangingPunct="1">
                        <a:defRPr sz="1800" b="1" kern="1200">
                          <a:solidFill>
                            <a:schemeClr val="lt1"/>
                          </a:solidFill>
                          <a:latin typeface="Ericsson Hilda"/>
                        </a:defRPr>
                      </a:lvl1pPr>
                      <a:lvl2pPr marL="457200" algn="l" defTabSz="914400" rtl="0" eaLnBrk="1" latinLnBrk="0" hangingPunct="1">
                        <a:defRPr sz="1800" b="1" kern="1200">
                          <a:solidFill>
                            <a:schemeClr val="lt1"/>
                          </a:solidFill>
                          <a:latin typeface="Ericsson Hilda"/>
                        </a:defRPr>
                      </a:lvl2pPr>
                      <a:lvl3pPr marL="914400" algn="l" defTabSz="914400" rtl="0" eaLnBrk="1" latinLnBrk="0" hangingPunct="1">
                        <a:defRPr sz="1800" b="1" kern="1200">
                          <a:solidFill>
                            <a:schemeClr val="lt1"/>
                          </a:solidFill>
                          <a:latin typeface="Ericsson Hilda"/>
                        </a:defRPr>
                      </a:lvl3pPr>
                      <a:lvl4pPr marL="1371600" algn="l" defTabSz="914400" rtl="0" eaLnBrk="1" latinLnBrk="0" hangingPunct="1">
                        <a:defRPr sz="1800" b="1" kern="1200">
                          <a:solidFill>
                            <a:schemeClr val="lt1"/>
                          </a:solidFill>
                          <a:latin typeface="Ericsson Hilda"/>
                        </a:defRPr>
                      </a:lvl4pPr>
                      <a:lvl5pPr marL="1828800" algn="l" defTabSz="914400" rtl="0" eaLnBrk="1" latinLnBrk="0" hangingPunct="1">
                        <a:defRPr sz="1800" b="1" kern="1200">
                          <a:solidFill>
                            <a:schemeClr val="lt1"/>
                          </a:solidFill>
                          <a:latin typeface="Ericsson Hilda"/>
                        </a:defRPr>
                      </a:lvl5pPr>
                      <a:lvl6pPr marL="2286000" algn="l" defTabSz="914400" rtl="0" eaLnBrk="1" latinLnBrk="0" hangingPunct="1">
                        <a:defRPr sz="1800" b="1" kern="1200">
                          <a:solidFill>
                            <a:schemeClr val="lt1"/>
                          </a:solidFill>
                          <a:latin typeface="Ericsson Hilda"/>
                        </a:defRPr>
                      </a:lvl6pPr>
                      <a:lvl7pPr marL="2743200" algn="l" defTabSz="914400" rtl="0" eaLnBrk="1" latinLnBrk="0" hangingPunct="1">
                        <a:defRPr sz="1800" b="1" kern="1200">
                          <a:solidFill>
                            <a:schemeClr val="lt1"/>
                          </a:solidFill>
                          <a:latin typeface="Ericsson Hilda"/>
                        </a:defRPr>
                      </a:lvl7pPr>
                      <a:lvl8pPr marL="3200400" algn="l" defTabSz="914400" rtl="0" eaLnBrk="1" latinLnBrk="0" hangingPunct="1">
                        <a:defRPr sz="1800" b="1" kern="1200">
                          <a:solidFill>
                            <a:schemeClr val="lt1"/>
                          </a:solidFill>
                          <a:latin typeface="Ericsson Hilda"/>
                        </a:defRPr>
                      </a:lvl8pPr>
                      <a:lvl9pPr marL="3657600" algn="l" defTabSz="914400" rtl="0" eaLnBrk="1" latinLnBrk="0" hangingPunct="1">
                        <a:defRPr sz="1800" b="1" kern="1200">
                          <a:solidFill>
                            <a:schemeClr val="lt1"/>
                          </a:solidFill>
                          <a:latin typeface="Ericsson Hilda"/>
                        </a:defRPr>
                      </a:lvl9pPr>
                    </a:lstStyle>
                    <a:p>
                      <a:endParaRPr lang="en-US"/>
                    </a:p>
                  </a:txBody>
                  <a:tcPr>
                    <a:lnL w="12700" cap="flat" cmpd="sng" algn="ctr">
                      <a:solidFill>
                        <a:srgbClr val="181818"/>
                      </a:solidFill>
                      <a:prstDash val="solid"/>
                      <a:round/>
                      <a:headEnd type="none" w="med" len="med"/>
                      <a:tailEnd type="none" w="med" len="med"/>
                    </a:lnL>
                    <a:lnR w="12700" cap="flat" cmpd="sng" algn="ctr">
                      <a:solidFill>
                        <a:srgbClr val="181818"/>
                      </a:solidFill>
                      <a:prstDash val="solid"/>
                      <a:round/>
                      <a:headEnd type="none" w="med" len="med"/>
                      <a:tailEnd type="none" w="med" len="med"/>
                    </a:lnR>
                    <a:lnT w="12700" cap="flat" cmpd="sng" algn="ctr">
                      <a:solidFill>
                        <a:srgbClr val="181818"/>
                      </a:solidFill>
                      <a:prstDash val="solid"/>
                      <a:round/>
                      <a:headEnd type="none" w="med" len="med"/>
                      <a:tailEnd type="none" w="med" len="med"/>
                    </a:lnT>
                    <a:lnB w="12700" cap="flat" cmpd="sng" algn="ctr">
                      <a:solidFill>
                        <a:srgbClr val="181818"/>
                      </a:solidFill>
                      <a:prstDash val="solid"/>
                      <a:round/>
                      <a:headEnd type="none" w="med" len="med"/>
                      <a:tailEnd type="none" w="med" len="med"/>
                    </a:lnB>
                    <a:lnTlToBr w="12700" cmpd="sng">
                      <a:noFill/>
                      <a:prstDash val="solid"/>
                    </a:lnTlToBr>
                    <a:lnBlToTr w="12700" cmpd="sng">
                      <a:noFill/>
                      <a:prstDash val="solid"/>
                    </a:lnBlToTr>
                    <a:solidFill>
                      <a:srgbClr val="FFFFFF">
                        <a:lumMod val="95000"/>
                      </a:srgbClr>
                    </a:solidFill>
                  </a:tcPr>
                </a:tc>
                <a:extLst>
                  <a:ext uri="{0D108BD9-81ED-4DB2-BD59-A6C34878D82A}">
                    <a16:rowId xmlns:a16="http://schemas.microsoft.com/office/drawing/2014/main" val="1042415315"/>
                  </a:ext>
                </a:extLst>
              </a:tr>
              <a:tr h="1245258">
                <a:tc>
                  <a:txBody>
                    <a:bodyPr/>
                    <a:lstStyle>
                      <a:lvl1pPr marL="0" algn="l" defTabSz="914400" rtl="0" eaLnBrk="1" latinLnBrk="0" hangingPunct="1">
                        <a:defRPr sz="1800" kern="1200">
                          <a:solidFill>
                            <a:schemeClr val="dk1"/>
                          </a:solidFill>
                          <a:latin typeface="Ericsson Hilda"/>
                        </a:defRPr>
                      </a:lvl1pPr>
                      <a:lvl2pPr marL="457200" algn="l" defTabSz="914400" rtl="0" eaLnBrk="1" latinLnBrk="0" hangingPunct="1">
                        <a:defRPr sz="1800" kern="1200">
                          <a:solidFill>
                            <a:schemeClr val="dk1"/>
                          </a:solidFill>
                          <a:latin typeface="Ericsson Hilda"/>
                        </a:defRPr>
                      </a:lvl2pPr>
                      <a:lvl3pPr marL="914400" algn="l" defTabSz="914400" rtl="0" eaLnBrk="1" latinLnBrk="0" hangingPunct="1">
                        <a:defRPr sz="1800" kern="1200">
                          <a:solidFill>
                            <a:schemeClr val="dk1"/>
                          </a:solidFill>
                          <a:latin typeface="Ericsson Hilda"/>
                        </a:defRPr>
                      </a:lvl3pPr>
                      <a:lvl4pPr marL="1371600" algn="l" defTabSz="914400" rtl="0" eaLnBrk="1" latinLnBrk="0" hangingPunct="1">
                        <a:defRPr sz="1800" kern="1200">
                          <a:solidFill>
                            <a:schemeClr val="dk1"/>
                          </a:solidFill>
                          <a:latin typeface="Ericsson Hilda"/>
                        </a:defRPr>
                      </a:lvl4pPr>
                      <a:lvl5pPr marL="1828800" algn="l" defTabSz="914400" rtl="0" eaLnBrk="1" latinLnBrk="0" hangingPunct="1">
                        <a:defRPr sz="1800" kern="1200">
                          <a:solidFill>
                            <a:schemeClr val="dk1"/>
                          </a:solidFill>
                          <a:latin typeface="Ericsson Hilda"/>
                        </a:defRPr>
                      </a:lvl5pPr>
                      <a:lvl6pPr marL="2286000" algn="l" defTabSz="914400" rtl="0" eaLnBrk="1" latinLnBrk="0" hangingPunct="1">
                        <a:defRPr sz="1800" kern="1200">
                          <a:solidFill>
                            <a:schemeClr val="dk1"/>
                          </a:solidFill>
                          <a:latin typeface="Ericsson Hilda"/>
                        </a:defRPr>
                      </a:lvl6pPr>
                      <a:lvl7pPr marL="2743200" algn="l" defTabSz="914400" rtl="0" eaLnBrk="1" latinLnBrk="0" hangingPunct="1">
                        <a:defRPr sz="1800" kern="1200">
                          <a:solidFill>
                            <a:schemeClr val="dk1"/>
                          </a:solidFill>
                          <a:latin typeface="Ericsson Hilda"/>
                        </a:defRPr>
                      </a:lvl7pPr>
                      <a:lvl8pPr marL="3200400" algn="l" defTabSz="914400" rtl="0" eaLnBrk="1" latinLnBrk="0" hangingPunct="1">
                        <a:defRPr sz="1800" kern="1200">
                          <a:solidFill>
                            <a:schemeClr val="dk1"/>
                          </a:solidFill>
                          <a:latin typeface="Ericsson Hilda"/>
                        </a:defRPr>
                      </a:lvl8pPr>
                      <a:lvl9pPr marL="3657600" algn="l" defTabSz="914400" rtl="0" eaLnBrk="1" latinLnBrk="0" hangingPunct="1">
                        <a:defRPr sz="1800" kern="1200">
                          <a:solidFill>
                            <a:schemeClr val="dk1"/>
                          </a:solidFill>
                          <a:latin typeface="Ericsson Hilda"/>
                        </a:defRPr>
                      </a:lvl9pPr>
                    </a:lstStyle>
                    <a:p>
                      <a:pPr algn="ctr"/>
                      <a:r>
                        <a:rPr lang="en-GB" sz="1400" b="1"/>
                        <a:t>Auditor</a:t>
                      </a:r>
                      <a:endParaRPr lang="en-US" sz="1400" b="1"/>
                    </a:p>
                  </a:txBody>
                  <a:tcPr marL="182880" marR="182880" marT="182880" marB="182880" vert="vert270" anchor="ctr">
                    <a:lnL w="12700" cap="flat" cmpd="sng" algn="ctr">
                      <a:solidFill>
                        <a:srgbClr val="181818"/>
                      </a:solidFill>
                      <a:prstDash val="solid"/>
                      <a:round/>
                      <a:headEnd type="none" w="med" len="med"/>
                      <a:tailEnd type="none" w="med" len="med"/>
                    </a:lnL>
                    <a:lnR w="12700" cap="flat" cmpd="sng" algn="ctr">
                      <a:solidFill>
                        <a:srgbClr val="181818"/>
                      </a:solidFill>
                      <a:prstDash val="solid"/>
                      <a:round/>
                      <a:headEnd type="none" w="med" len="med"/>
                      <a:tailEnd type="none" w="med" len="med"/>
                    </a:lnR>
                    <a:lnT w="12700" cap="flat" cmpd="sng" algn="ctr">
                      <a:solidFill>
                        <a:srgbClr val="181818"/>
                      </a:solidFill>
                      <a:prstDash val="solid"/>
                      <a:round/>
                      <a:headEnd type="none" w="med" len="med"/>
                      <a:tailEnd type="none" w="med" len="med"/>
                    </a:lnT>
                    <a:lnB w="12700" cap="flat" cmpd="sng" algn="ctr">
                      <a:solidFill>
                        <a:srgbClr val="181818"/>
                      </a:solidFill>
                      <a:prstDash val="solid"/>
                      <a:round/>
                      <a:headEnd type="none" w="med" len="med"/>
                      <a:tailEnd type="none" w="med" len="med"/>
                    </a:lnB>
                    <a:lnTlToBr w="12700" cmpd="sng">
                      <a:noFill/>
                      <a:prstDash val="solid"/>
                    </a:lnTlToBr>
                    <a:lnBlToTr w="12700" cmpd="sng">
                      <a:noFill/>
                      <a:prstDash val="solid"/>
                    </a:lnBlToTr>
                    <a:solidFill>
                      <a:srgbClr val="FF8C0A"/>
                    </a:solidFill>
                  </a:tcPr>
                </a:tc>
                <a:tc>
                  <a:txBody>
                    <a:bodyPr/>
                    <a:lstStyle>
                      <a:lvl1pPr marL="0" algn="l" defTabSz="914400" rtl="0" eaLnBrk="1" latinLnBrk="0" hangingPunct="1">
                        <a:defRPr sz="1800" kern="1200">
                          <a:solidFill>
                            <a:schemeClr val="dk1"/>
                          </a:solidFill>
                          <a:latin typeface="Ericsson Hilda"/>
                        </a:defRPr>
                      </a:lvl1pPr>
                      <a:lvl2pPr marL="457200" algn="l" defTabSz="914400" rtl="0" eaLnBrk="1" latinLnBrk="0" hangingPunct="1">
                        <a:defRPr sz="1800" kern="1200">
                          <a:solidFill>
                            <a:schemeClr val="dk1"/>
                          </a:solidFill>
                          <a:latin typeface="Ericsson Hilda"/>
                        </a:defRPr>
                      </a:lvl2pPr>
                      <a:lvl3pPr marL="914400" algn="l" defTabSz="914400" rtl="0" eaLnBrk="1" latinLnBrk="0" hangingPunct="1">
                        <a:defRPr sz="1800" kern="1200">
                          <a:solidFill>
                            <a:schemeClr val="dk1"/>
                          </a:solidFill>
                          <a:latin typeface="Ericsson Hilda"/>
                        </a:defRPr>
                      </a:lvl3pPr>
                      <a:lvl4pPr marL="1371600" algn="l" defTabSz="914400" rtl="0" eaLnBrk="1" latinLnBrk="0" hangingPunct="1">
                        <a:defRPr sz="1800" kern="1200">
                          <a:solidFill>
                            <a:schemeClr val="dk1"/>
                          </a:solidFill>
                          <a:latin typeface="Ericsson Hilda"/>
                        </a:defRPr>
                      </a:lvl4pPr>
                      <a:lvl5pPr marL="1828800" algn="l" defTabSz="914400" rtl="0" eaLnBrk="1" latinLnBrk="0" hangingPunct="1">
                        <a:defRPr sz="1800" kern="1200">
                          <a:solidFill>
                            <a:schemeClr val="dk1"/>
                          </a:solidFill>
                          <a:latin typeface="Ericsson Hilda"/>
                        </a:defRPr>
                      </a:lvl5pPr>
                      <a:lvl6pPr marL="2286000" algn="l" defTabSz="914400" rtl="0" eaLnBrk="1" latinLnBrk="0" hangingPunct="1">
                        <a:defRPr sz="1800" kern="1200">
                          <a:solidFill>
                            <a:schemeClr val="dk1"/>
                          </a:solidFill>
                          <a:latin typeface="Ericsson Hilda"/>
                        </a:defRPr>
                      </a:lvl6pPr>
                      <a:lvl7pPr marL="2743200" algn="l" defTabSz="914400" rtl="0" eaLnBrk="1" latinLnBrk="0" hangingPunct="1">
                        <a:defRPr sz="1800" kern="1200">
                          <a:solidFill>
                            <a:schemeClr val="dk1"/>
                          </a:solidFill>
                          <a:latin typeface="Ericsson Hilda"/>
                        </a:defRPr>
                      </a:lvl7pPr>
                      <a:lvl8pPr marL="3200400" algn="l" defTabSz="914400" rtl="0" eaLnBrk="1" latinLnBrk="0" hangingPunct="1">
                        <a:defRPr sz="1800" kern="1200">
                          <a:solidFill>
                            <a:schemeClr val="dk1"/>
                          </a:solidFill>
                          <a:latin typeface="Ericsson Hilda"/>
                        </a:defRPr>
                      </a:lvl8pPr>
                      <a:lvl9pPr marL="3657600" algn="l" defTabSz="914400" rtl="0" eaLnBrk="1" latinLnBrk="0" hangingPunct="1">
                        <a:defRPr sz="1800" kern="1200">
                          <a:solidFill>
                            <a:schemeClr val="dk1"/>
                          </a:solidFill>
                          <a:latin typeface="Ericsson Hilda"/>
                        </a:defRPr>
                      </a:lvl9pPr>
                    </a:lstStyle>
                    <a:p>
                      <a:endParaRPr lang="en-US"/>
                    </a:p>
                  </a:txBody>
                  <a:tcPr>
                    <a:lnL w="12700" cap="flat" cmpd="sng" algn="ctr">
                      <a:solidFill>
                        <a:srgbClr val="181818"/>
                      </a:solidFill>
                      <a:prstDash val="solid"/>
                      <a:round/>
                      <a:headEnd type="none" w="med" len="med"/>
                      <a:tailEnd type="none" w="med" len="med"/>
                    </a:lnL>
                    <a:lnR w="12700" cap="flat" cmpd="sng" algn="ctr">
                      <a:solidFill>
                        <a:srgbClr val="181818"/>
                      </a:solidFill>
                      <a:prstDash val="solid"/>
                      <a:round/>
                      <a:headEnd type="none" w="med" len="med"/>
                      <a:tailEnd type="none" w="med" len="med"/>
                    </a:lnR>
                    <a:lnT w="12700" cap="flat" cmpd="sng" algn="ctr">
                      <a:solidFill>
                        <a:srgbClr val="181818"/>
                      </a:solidFill>
                      <a:prstDash val="solid"/>
                      <a:round/>
                      <a:headEnd type="none" w="med" len="med"/>
                      <a:tailEnd type="none" w="med" len="med"/>
                    </a:lnT>
                    <a:lnB w="12700" cap="flat" cmpd="sng" algn="ctr">
                      <a:solidFill>
                        <a:srgbClr val="181818"/>
                      </a:solidFill>
                      <a:prstDash val="solid"/>
                      <a:round/>
                      <a:headEnd type="none" w="med" len="med"/>
                      <a:tailEnd type="none" w="med" len="med"/>
                    </a:lnB>
                    <a:lnTlToBr w="12700" cmpd="sng">
                      <a:noFill/>
                      <a:prstDash val="solid"/>
                    </a:lnTlToBr>
                    <a:lnBlToTr w="12700" cmpd="sng">
                      <a:noFill/>
                      <a:prstDash val="solid"/>
                    </a:lnBlToTr>
                    <a:solidFill>
                      <a:srgbClr val="FFFFFF">
                        <a:lumMod val="95000"/>
                      </a:srgbClr>
                    </a:solidFill>
                  </a:tcPr>
                </a:tc>
                <a:extLst>
                  <a:ext uri="{0D108BD9-81ED-4DB2-BD59-A6C34878D82A}">
                    <a16:rowId xmlns:a16="http://schemas.microsoft.com/office/drawing/2014/main" val="1218471853"/>
                  </a:ext>
                </a:extLst>
              </a:tr>
              <a:tr h="1172968">
                <a:tc>
                  <a:txBody>
                    <a:bodyPr/>
                    <a:lstStyle>
                      <a:lvl1pPr marL="0" algn="l" defTabSz="914400" rtl="0" eaLnBrk="1" latinLnBrk="0" hangingPunct="1">
                        <a:defRPr sz="1800" kern="1200">
                          <a:solidFill>
                            <a:schemeClr val="dk1"/>
                          </a:solidFill>
                          <a:latin typeface="Ericsson Hilda"/>
                        </a:defRPr>
                      </a:lvl1pPr>
                      <a:lvl2pPr marL="457200" algn="l" defTabSz="914400" rtl="0" eaLnBrk="1" latinLnBrk="0" hangingPunct="1">
                        <a:defRPr sz="1800" kern="1200">
                          <a:solidFill>
                            <a:schemeClr val="dk1"/>
                          </a:solidFill>
                          <a:latin typeface="Ericsson Hilda"/>
                        </a:defRPr>
                      </a:lvl2pPr>
                      <a:lvl3pPr marL="914400" algn="l" defTabSz="914400" rtl="0" eaLnBrk="1" latinLnBrk="0" hangingPunct="1">
                        <a:defRPr sz="1800" kern="1200">
                          <a:solidFill>
                            <a:schemeClr val="dk1"/>
                          </a:solidFill>
                          <a:latin typeface="Ericsson Hilda"/>
                        </a:defRPr>
                      </a:lvl3pPr>
                      <a:lvl4pPr marL="1371600" algn="l" defTabSz="914400" rtl="0" eaLnBrk="1" latinLnBrk="0" hangingPunct="1">
                        <a:defRPr sz="1800" kern="1200">
                          <a:solidFill>
                            <a:schemeClr val="dk1"/>
                          </a:solidFill>
                          <a:latin typeface="Ericsson Hilda"/>
                        </a:defRPr>
                      </a:lvl4pPr>
                      <a:lvl5pPr marL="1828800" algn="l" defTabSz="914400" rtl="0" eaLnBrk="1" latinLnBrk="0" hangingPunct="1">
                        <a:defRPr sz="1800" kern="1200">
                          <a:solidFill>
                            <a:schemeClr val="dk1"/>
                          </a:solidFill>
                          <a:latin typeface="Ericsson Hilda"/>
                        </a:defRPr>
                      </a:lvl5pPr>
                      <a:lvl6pPr marL="2286000" algn="l" defTabSz="914400" rtl="0" eaLnBrk="1" latinLnBrk="0" hangingPunct="1">
                        <a:defRPr sz="1800" kern="1200">
                          <a:solidFill>
                            <a:schemeClr val="dk1"/>
                          </a:solidFill>
                          <a:latin typeface="Ericsson Hilda"/>
                        </a:defRPr>
                      </a:lvl6pPr>
                      <a:lvl7pPr marL="2743200" algn="l" defTabSz="914400" rtl="0" eaLnBrk="1" latinLnBrk="0" hangingPunct="1">
                        <a:defRPr sz="1800" kern="1200">
                          <a:solidFill>
                            <a:schemeClr val="dk1"/>
                          </a:solidFill>
                          <a:latin typeface="Ericsson Hilda"/>
                        </a:defRPr>
                      </a:lvl7pPr>
                      <a:lvl8pPr marL="3200400" algn="l" defTabSz="914400" rtl="0" eaLnBrk="1" latinLnBrk="0" hangingPunct="1">
                        <a:defRPr sz="1800" kern="1200">
                          <a:solidFill>
                            <a:schemeClr val="dk1"/>
                          </a:solidFill>
                          <a:latin typeface="Ericsson Hilda"/>
                        </a:defRPr>
                      </a:lvl8pPr>
                      <a:lvl9pPr marL="3657600" algn="l" defTabSz="914400" rtl="0" eaLnBrk="1" latinLnBrk="0" hangingPunct="1">
                        <a:defRPr sz="1800" kern="1200">
                          <a:solidFill>
                            <a:schemeClr val="dk1"/>
                          </a:solidFill>
                          <a:latin typeface="Ericsson Hilda"/>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400" b="1"/>
                        <a:t>Fornitore</a:t>
                      </a:r>
                    </a:p>
                  </a:txBody>
                  <a:tcPr marL="182880" marR="182880" marT="182880" marB="182880" vert="vert270" anchor="ctr">
                    <a:lnL w="12700" cap="flat" cmpd="sng" algn="ctr">
                      <a:solidFill>
                        <a:srgbClr val="181818"/>
                      </a:solidFill>
                      <a:prstDash val="solid"/>
                      <a:round/>
                      <a:headEnd type="none" w="med" len="med"/>
                      <a:tailEnd type="none" w="med" len="med"/>
                    </a:lnL>
                    <a:lnR w="12700" cap="flat" cmpd="sng" algn="ctr">
                      <a:solidFill>
                        <a:srgbClr val="181818"/>
                      </a:solidFill>
                      <a:prstDash val="solid"/>
                      <a:round/>
                      <a:headEnd type="none" w="med" len="med"/>
                      <a:tailEnd type="none" w="med" len="med"/>
                    </a:lnR>
                    <a:lnT w="12700" cap="flat" cmpd="sng" algn="ctr">
                      <a:solidFill>
                        <a:srgbClr val="181818"/>
                      </a:solidFill>
                      <a:prstDash val="solid"/>
                      <a:round/>
                      <a:headEnd type="none" w="med" len="med"/>
                      <a:tailEnd type="none" w="med" len="med"/>
                    </a:lnT>
                    <a:lnB w="12700" cap="flat" cmpd="sng" algn="ctr">
                      <a:solidFill>
                        <a:srgbClr val="181818"/>
                      </a:solidFill>
                      <a:prstDash val="solid"/>
                      <a:round/>
                      <a:headEnd type="none" w="med" len="med"/>
                      <a:tailEnd type="none" w="med" len="med"/>
                    </a:lnB>
                    <a:lnTlToBr w="12700" cmpd="sng">
                      <a:noFill/>
                      <a:prstDash val="solid"/>
                    </a:lnTlToBr>
                    <a:lnBlToTr w="12700" cmpd="sng">
                      <a:noFill/>
                      <a:prstDash val="solid"/>
                    </a:lnBlToTr>
                    <a:solidFill>
                      <a:srgbClr val="FAD22D"/>
                    </a:solidFill>
                  </a:tcPr>
                </a:tc>
                <a:tc>
                  <a:txBody>
                    <a:bodyPr/>
                    <a:lstStyle>
                      <a:lvl1pPr marL="0" algn="l" defTabSz="914400" rtl="0" eaLnBrk="1" latinLnBrk="0" hangingPunct="1">
                        <a:defRPr sz="1800" kern="1200">
                          <a:solidFill>
                            <a:schemeClr val="dk1"/>
                          </a:solidFill>
                          <a:latin typeface="Ericsson Hilda"/>
                        </a:defRPr>
                      </a:lvl1pPr>
                      <a:lvl2pPr marL="457200" algn="l" defTabSz="914400" rtl="0" eaLnBrk="1" latinLnBrk="0" hangingPunct="1">
                        <a:defRPr sz="1800" kern="1200">
                          <a:solidFill>
                            <a:schemeClr val="dk1"/>
                          </a:solidFill>
                          <a:latin typeface="Ericsson Hilda"/>
                        </a:defRPr>
                      </a:lvl2pPr>
                      <a:lvl3pPr marL="914400" algn="l" defTabSz="914400" rtl="0" eaLnBrk="1" latinLnBrk="0" hangingPunct="1">
                        <a:defRPr sz="1800" kern="1200">
                          <a:solidFill>
                            <a:schemeClr val="dk1"/>
                          </a:solidFill>
                          <a:latin typeface="Ericsson Hilda"/>
                        </a:defRPr>
                      </a:lvl3pPr>
                      <a:lvl4pPr marL="1371600" algn="l" defTabSz="914400" rtl="0" eaLnBrk="1" latinLnBrk="0" hangingPunct="1">
                        <a:defRPr sz="1800" kern="1200">
                          <a:solidFill>
                            <a:schemeClr val="dk1"/>
                          </a:solidFill>
                          <a:latin typeface="Ericsson Hilda"/>
                        </a:defRPr>
                      </a:lvl4pPr>
                      <a:lvl5pPr marL="1828800" algn="l" defTabSz="914400" rtl="0" eaLnBrk="1" latinLnBrk="0" hangingPunct="1">
                        <a:defRPr sz="1800" kern="1200">
                          <a:solidFill>
                            <a:schemeClr val="dk1"/>
                          </a:solidFill>
                          <a:latin typeface="Ericsson Hilda"/>
                        </a:defRPr>
                      </a:lvl5pPr>
                      <a:lvl6pPr marL="2286000" algn="l" defTabSz="914400" rtl="0" eaLnBrk="1" latinLnBrk="0" hangingPunct="1">
                        <a:defRPr sz="1800" kern="1200">
                          <a:solidFill>
                            <a:schemeClr val="dk1"/>
                          </a:solidFill>
                          <a:latin typeface="Ericsson Hilda"/>
                        </a:defRPr>
                      </a:lvl6pPr>
                      <a:lvl7pPr marL="2743200" algn="l" defTabSz="914400" rtl="0" eaLnBrk="1" latinLnBrk="0" hangingPunct="1">
                        <a:defRPr sz="1800" kern="1200">
                          <a:solidFill>
                            <a:schemeClr val="dk1"/>
                          </a:solidFill>
                          <a:latin typeface="Ericsson Hilda"/>
                        </a:defRPr>
                      </a:lvl7pPr>
                      <a:lvl8pPr marL="3200400" algn="l" defTabSz="914400" rtl="0" eaLnBrk="1" latinLnBrk="0" hangingPunct="1">
                        <a:defRPr sz="1800" kern="1200">
                          <a:solidFill>
                            <a:schemeClr val="dk1"/>
                          </a:solidFill>
                          <a:latin typeface="Ericsson Hilda"/>
                        </a:defRPr>
                      </a:lvl8pPr>
                      <a:lvl9pPr marL="3657600" algn="l" defTabSz="914400" rtl="0" eaLnBrk="1" latinLnBrk="0" hangingPunct="1">
                        <a:defRPr sz="1800" kern="1200">
                          <a:solidFill>
                            <a:schemeClr val="dk1"/>
                          </a:solidFill>
                          <a:latin typeface="Ericsson Hilda"/>
                        </a:defRPr>
                      </a:lvl9pPr>
                    </a:lstStyle>
                    <a:p>
                      <a:endParaRPr lang="en-US"/>
                    </a:p>
                  </a:txBody>
                  <a:tcPr>
                    <a:lnL w="12700" cap="flat" cmpd="sng" algn="ctr">
                      <a:solidFill>
                        <a:srgbClr val="181818"/>
                      </a:solidFill>
                      <a:prstDash val="solid"/>
                      <a:round/>
                      <a:headEnd type="none" w="med" len="med"/>
                      <a:tailEnd type="none" w="med" len="med"/>
                    </a:lnL>
                    <a:lnR w="12700" cap="flat" cmpd="sng" algn="ctr">
                      <a:solidFill>
                        <a:srgbClr val="181818"/>
                      </a:solidFill>
                      <a:prstDash val="solid"/>
                      <a:round/>
                      <a:headEnd type="none" w="med" len="med"/>
                      <a:tailEnd type="none" w="med" len="med"/>
                    </a:lnR>
                    <a:lnT w="12700" cap="flat" cmpd="sng" algn="ctr">
                      <a:solidFill>
                        <a:srgbClr val="181818"/>
                      </a:solidFill>
                      <a:prstDash val="solid"/>
                      <a:round/>
                      <a:headEnd type="none" w="med" len="med"/>
                      <a:tailEnd type="none" w="med" len="med"/>
                    </a:lnT>
                    <a:lnB w="12700" cap="flat" cmpd="sng" algn="ctr">
                      <a:solidFill>
                        <a:srgbClr val="181818"/>
                      </a:solidFill>
                      <a:prstDash val="solid"/>
                      <a:round/>
                      <a:headEnd type="none" w="med" len="med"/>
                      <a:tailEnd type="none" w="med" len="med"/>
                    </a:lnB>
                    <a:lnTlToBr w="12700" cmpd="sng">
                      <a:noFill/>
                      <a:prstDash val="solid"/>
                    </a:lnTlToBr>
                    <a:lnBlToTr w="12700" cmpd="sng">
                      <a:noFill/>
                      <a:prstDash val="solid"/>
                    </a:lnBlToTr>
                    <a:solidFill>
                      <a:srgbClr val="FFFFFF">
                        <a:lumMod val="95000"/>
                      </a:srgbClr>
                    </a:solidFill>
                  </a:tcPr>
                </a:tc>
                <a:extLst>
                  <a:ext uri="{0D108BD9-81ED-4DB2-BD59-A6C34878D82A}">
                    <a16:rowId xmlns:a16="http://schemas.microsoft.com/office/drawing/2014/main" val="274562708"/>
                  </a:ext>
                </a:extLst>
              </a:tr>
            </a:tbl>
          </a:graphicData>
        </a:graphic>
      </p:graphicFrame>
      <p:grpSp>
        <p:nvGrpSpPr>
          <p:cNvPr id="18" name="Group 17">
            <a:extLst>
              <a:ext uri="{FF2B5EF4-FFF2-40B4-BE49-F238E27FC236}">
                <a16:creationId xmlns:a16="http://schemas.microsoft.com/office/drawing/2014/main" id="{D847AED7-72B8-1F69-B26C-B05F81B9BD90}"/>
              </a:ext>
            </a:extLst>
          </p:cNvPr>
          <p:cNvGrpSpPr/>
          <p:nvPr/>
        </p:nvGrpSpPr>
        <p:grpSpPr>
          <a:xfrm>
            <a:off x="2075337" y="3002676"/>
            <a:ext cx="8318407" cy="3268212"/>
            <a:chOff x="1052424" y="2384107"/>
            <a:chExt cx="10482841" cy="4013940"/>
          </a:xfrm>
        </p:grpSpPr>
        <p:sp>
          <p:nvSpPr>
            <p:cNvPr id="120" name="Rectangle 119">
              <a:extLst>
                <a:ext uri="{FF2B5EF4-FFF2-40B4-BE49-F238E27FC236}">
                  <a16:creationId xmlns:a16="http://schemas.microsoft.com/office/drawing/2014/main" id="{3D083F40-7EE6-3FD4-C9FF-9B8B3763CB73}"/>
                </a:ext>
              </a:extLst>
            </p:cNvPr>
            <p:cNvSpPr/>
            <p:nvPr/>
          </p:nvSpPr>
          <p:spPr>
            <a:xfrm>
              <a:off x="1052424" y="3932060"/>
              <a:ext cx="1429707" cy="679268"/>
            </a:xfrm>
            <a:prstGeom prst="rect">
              <a:avLst/>
            </a:prstGeom>
            <a:solidFill>
              <a:srgbClr val="FF8C0A"/>
            </a:solidFill>
            <a:ln w="25400" cap="flat" cmpd="sng" algn="ctr">
              <a:noFill/>
              <a:prstDash val="solid"/>
            </a:ln>
            <a:effectLst/>
          </p:spPr>
          <p:txBody>
            <a:bodyPr rtlCol="0" anchor="ctr"/>
            <a:lstStyle/>
            <a:p>
              <a:pPr lvl="0" algn="ctr"/>
              <a:r>
                <a:rPr lang="it-IT" sz="800" kern="0">
                  <a:solidFill>
                    <a:srgbClr val="181818"/>
                  </a:solidFill>
                </a:rPr>
                <a:t>Invito rilasciato al Fornitore</a:t>
              </a:r>
              <a:endParaRPr kumimoji="0" lang="en-GB" sz="800" b="0" i="0" u="none" strike="noStrike" kern="0" cap="none" spc="0" normalizeH="0" baseline="0" noProof="0">
                <a:ln>
                  <a:noFill/>
                </a:ln>
                <a:solidFill>
                  <a:srgbClr val="181818"/>
                </a:solidFill>
                <a:effectLst/>
                <a:uLnTx/>
                <a:uFillTx/>
                <a:ea typeface="+mn-ea"/>
                <a:cs typeface="+mn-cs"/>
              </a:endParaRPr>
            </a:p>
          </p:txBody>
        </p:sp>
        <p:sp>
          <p:nvSpPr>
            <p:cNvPr id="121" name="Rectangle 120">
              <a:extLst>
                <a:ext uri="{FF2B5EF4-FFF2-40B4-BE49-F238E27FC236}">
                  <a16:creationId xmlns:a16="http://schemas.microsoft.com/office/drawing/2014/main" id="{B6674765-0F41-12CF-6B14-C302280C8ECB}"/>
                </a:ext>
              </a:extLst>
            </p:cNvPr>
            <p:cNvSpPr/>
            <p:nvPr/>
          </p:nvSpPr>
          <p:spPr>
            <a:xfrm>
              <a:off x="2210023" y="5518789"/>
              <a:ext cx="1623694" cy="879258"/>
            </a:xfrm>
            <a:prstGeom prst="rect">
              <a:avLst/>
            </a:prstGeom>
            <a:solidFill>
              <a:srgbClr val="FAD22D"/>
            </a:solidFill>
            <a:ln w="25400" cap="flat" cmpd="sng" algn="ctr">
              <a:noFill/>
              <a:prstDash val="solid"/>
            </a:ln>
            <a:effectLst/>
          </p:spPr>
          <p:txBody>
            <a:bodyPr rtlCol="0" anchor="ctr"/>
            <a:lstStyle/>
            <a:p>
              <a:pPr lvl="0" algn="ctr"/>
              <a:r>
                <a:rPr lang="it-IT" sz="800" kern="0">
                  <a:solidFill>
                    <a:srgbClr val="181818"/>
                  </a:solidFill>
                </a:rPr>
                <a:t>Il Fornitore completa l'autovalutazione e carica le prove di supporto all'interno di apposita piattaforma</a:t>
              </a:r>
              <a:endParaRPr kumimoji="0" lang="en-GB" sz="800" b="0" i="0" u="none" strike="noStrike" kern="0" cap="none" spc="0" normalizeH="0" baseline="0" noProof="0">
                <a:ln>
                  <a:noFill/>
                </a:ln>
                <a:solidFill>
                  <a:srgbClr val="181818"/>
                </a:solidFill>
                <a:effectLst/>
                <a:uLnTx/>
                <a:uFillTx/>
                <a:ea typeface="+mn-ea"/>
                <a:cs typeface="+mn-cs"/>
              </a:endParaRPr>
            </a:p>
          </p:txBody>
        </p:sp>
        <p:sp>
          <p:nvSpPr>
            <p:cNvPr id="122" name="Rectangle 121">
              <a:extLst>
                <a:ext uri="{FF2B5EF4-FFF2-40B4-BE49-F238E27FC236}">
                  <a16:creationId xmlns:a16="http://schemas.microsoft.com/office/drawing/2014/main" id="{BE744345-ACF3-A704-367B-09F9F7DF08D3}"/>
                </a:ext>
              </a:extLst>
            </p:cNvPr>
            <p:cNvSpPr/>
            <p:nvPr/>
          </p:nvSpPr>
          <p:spPr>
            <a:xfrm>
              <a:off x="3248687" y="2384107"/>
              <a:ext cx="1623694" cy="679268"/>
            </a:xfrm>
            <a:prstGeom prst="rect">
              <a:avLst/>
            </a:prstGeom>
            <a:solidFill>
              <a:srgbClr val="0070C0"/>
            </a:solidFill>
            <a:ln w="25400" cap="flat" cmpd="sng" algn="ctr">
              <a:noFill/>
              <a:prstDash val="solid"/>
            </a:ln>
            <a:effectLst/>
          </p:spPr>
          <p:txBody>
            <a:bodyPr rtlCol="0" anchor="ctr"/>
            <a:lstStyle/>
            <a:p>
              <a:pPr lvl="0" algn="ctr"/>
              <a:r>
                <a:rPr lang="it-IT" sz="800" kern="0">
                  <a:solidFill>
                    <a:srgbClr val="FFFFFF"/>
                  </a:solidFill>
                </a:rPr>
                <a:t>Escalation alla persona nominata da Ericsson</a:t>
              </a:r>
              <a:endParaRPr kumimoji="0" lang="en-GB" sz="800" b="0" i="0" u="none" strike="noStrike" kern="0" cap="none" spc="0" normalizeH="0" baseline="0" noProof="0">
                <a:ln>
                  <a:noFill/>
                </a:ln>
                <a:solidFill>
                  <a:srgbClr val="FFFFFF"/>
                </a:solidFill>
                <a:effectLst/>
                <a:uLnTx/>
                <a:uFillTx/>
                <a:ea typeface="+mn-ea"/>
                <a:cs typeface="+mn-cs"/>
              </a:endParaRPr>
            </a:p>
          </p:txBody>
        </p:sp>
        <p:sp>
          <p:nvSpPr>
            <p:cNvPr id="123" name="Diamond 122">
              <a:extLst>
                <a:ext uri="{FF2B5EF4-FFF2-40B4-BE49-F238E27FC236}">
                  <a16:creationId xmlns:a16="http://schemas.microsoft.com/office/drawing/2014/main" id="{B3285F39-8783-919A-18FF-17AECEA5F0DF}"/>
                </a:ext>
              </a:extLst>
            </p:cNvPr>
            <p:cNvSpPr/>
            <p:nvPr/>
          </p:nvSpPr>
          <p:spPr>
            <a:xfrm>
              <a:off x="3521153" y="3797894"/>
              <a:ext cx="1108191" cy="969778"/>
            </a:xfrm>
            <a:prstGeom prst="diamond">
              <a:avLst/>
            </a:prstGeom>
            <a:solidFill>
              <a:srgbClr val="E0E0E0">
                <a:lumMod val="75000"/>
              </a:srgbClr>
            </a:solidFill>
            <a:ln w="25400" cap="flat" cmpd="sng" algn="ctr">
              <a:noFill/>
              <a:prstDash val="solid"/>
            </a:ln>
            <a:effectLst/>
          </p:spPr>
          <p:txBody>
            <a:bodyPr lIns="0" tIns="0" rIns="0" bIns="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GB" sz="600" b="0" i="0" u="none" strike="noStrike" kern="0" cap="none" spc="0" normalizeH="0" baseline="0" noProof="0">
                <a:ln>
                  <a:noFill/>
                </a:ln>
                <a:solidFill>
                  <a:srgbClr val="FFFFFF"/>
                </a:solidFill>
                <a:effectLst/>
                <a:uLnTx/>
                <a:uFillTx/>
                <a:ea typeface="+mn-ea"/>
                <a:cs typeface="+mn-cs"/>
              </a:endParaRPr>
            </a:p>
          </p:txBody>
        </p:sp>
        <p:sp>
          <p:nvSpPr>
            <p:cNvPr id="124" name="Rectangle 123">
              <a:extLst>
                <a:ext uri="{FF2B5EF4-FFF2-40B4-BE49-F238E27FC236}">
                  <a16:creationId xmlns:a16="http://schemas.microsoft.com/office/drawing/2014/main" id="{9F95BB9D-5332-DE69-CD6F-6D85F9C24360}"/>
                </a:ext>
              </a:extLst>
            </p:cNvPr>
            <p:cNvSpPr/>
            <p:nvPr/>
          </p:nvSpPr>
          <p:spPr>
            <a:xfrm>
              <a:off x="7608129" y="3905728"/>
              <a:ext cx="1031966" cy="679268"/>
            </a:xfrm>
            <a:prstGeom prst="rect">
              <a:avLst/>
            </a:prstGeom>
            <a:solidFill>
              <a:srgbClr val="FF8C0A"/>
            </a:solidFill>
            <a:ln w="25400" cap="flat" cmpd="sng" algn="ctr">
              <a:noFill/>
              <a:prstDash val="solid"/>
            </a:ln>
            <a:effectLst/>
          </p:spPr>
          <p:txBody>
            <a:bodyPr rtlCol="0" anchor="ctr"/>
            <a:lstStyle/>
            <a:p>
              <a:pPr lvl="0" algn="ctr"/>
              <a:r>
                <a:rPr lang="en-GB" sz="800" kern="0" err="1">
                  <a:solidFill>
                    <a:srgbClr val="181818"/>
                  </a:solidFill>
                </a:rPr>
                <a:t>Valutazione</a:t>
              </a:r>
              <a:r>
                <a:rPr lang="en-GB" sz="800" kern="0">
                  <a:solidFill>
                    <a:srgbClr val="181818"/>
                  </a:solidFill>
                </a:rPr>
                <a:t> </a:t>
              </a:r>
              <a:r>
                <a:rPr lang="en-GB" sz="800" kern="0" err="1">
                  <a:solidFill>
                    <a:srgbClr val="181818"/>
                  </a:solidFill>
                </a:rPr>
                <a:t>completata</a:t>
              </a:r>
              <a:endParaRPr kumimoji="0" lang="en-GB" sz="800" b="0" i="0" u="none" strike="noStrike" kern="0" cap="none" spc="0" normalizeH="0" baseline="0" noProof="0">
                <a:ln>
                  <a:noFill/>
                </a:ln>
                <a:solidFill>
                  <a:srgbClr val="181818"/>
                </a:solidFill>
                <a:effectLst/>
                <a:uLnTx/>
                <a:uFillTx/>
                <a:ea typeface="+mn-ea"/>
                <a:cs typeface="+mn-cs"/>
              </a:endParaRPr>
            </a:p>
          </p:txBody>
        </p:sp>
        <p:sp>
          <p:nvSpPr>
            <p:cNvPr id="125" name="Diamond 124">
              <a:extLst>
                <a:ext uri="{FF2B5EF4-FFF2-40B4-BE49-F238E27FC236}">
                  <a16:creationId xmlns:a16="http://schemas.microsoft.com/office/drawing/2014/main" id="{F17834DC-E0DF-BEB7-CB49-C5A484E18FBD}"/>
                </a:ext>
              </a:extLst>
            </p:cNvPr>
            <p:cNvSpPr/>
            <p:nvPr/>
          </p:nvSpPr>
          <p:spPr>
            <a:xfrm>
              <a:off x="8971210" y="3722642"/>
              <a:ext cx="1031966" cy="1031966"/>
            </a:xfrm>
            <a:prstGeom prst="diamond">
              <a:avLst/>
            </a:prstGeom>
            <a:solidFill>
              <a:srgbClr val="E0E0E0">
                <a:lumMod val="75000"/>
              </a:srgbClr>
            </a:solidFill>
            <a:ln w="25400" cap="flat" cmpd="sng" algn="ctr">
              <a:noFill/>
              <a:prstDash val="solid"/>
            </a:ln>
            <a:effectLst/>
          </p:spPr>
          <p:txBody>
            <a:bodyPr lIns="0" tIns="0" rIns="0" bIns="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GB" sz="600" b="0" i="0" u="none" strike="noStrike" kern="0" cap="none" spc="0" normalizeH="0" baseline="0" noProof="0">
                <a:ln>
                  <a:noFill/>
                </a:ln>
                <a:solidFill>
                  <a:srgbClr val="FFFFFF"/>
                </a:solidFill>
                <a:effectLst/>
                <a:uLnTx/>
                <a:uFillTx/>
                <a:ea typeface="+mn-ea"/>
                <a:cs typeface="+mn-cs"/>
              </a:endParaRPr>
            </a:p>
          </p:txBody>
        </p:sp>
        <p:sp>
          <p:nvSpPr>
            <p:cNvPr id="126" name="Rectangle 125">
              <a:extLst>
                <a:ext uri="{FF2B5EF4-FFF2-40B4-BE49-F238E27FC236}">
                  <a16:creationId xmlns:a16="http://schemas.microsoft.com/office/drawing/2014/main" id="{BC81ADB7-A2F2-4DE7-F824-16A42F63A145}"/>
                </a:ext>
              </a:extLst>
            </p:cNvPr>
            <p:cNvSpPr/>
            <p:nvPr/>
          </p:nvSpPr>
          <p:spPr>
            <a:xfrm>
              <a:off x="10447156" y="3892661"/>
              <a:ext cx="1088109" cy="679268"/>
            </a:xfrm>
            <a:prstGeom prst="rect">
              <a:avLst/>
            </a:prstGeom>
            <a:solidFill>
              <a:srgbClr val="FF8C0A"/>
            </a:solidFill>
            <a:ln w="25400" cap="flat" cmpd="sng" algn="ctr">
              <a:noFill/>
              <a:prstDash val="solid"/>
            </a:ln>
            <a:effectLst/>
          </p:spPr>
          <p:txBody>
            <a:bodyPr rtlCol="0" anchor="ctr"/>
            <a:lstStyle/>
            <a:p>
              <a:pPr lvl="0" algn="ctr"/>
              <a:r>
                <a:rPr lang="en-GB" sz="800" kern="0" err="1">
                  <a:solidFill>
                    <a:srgbClr val="181818"/>
                  </a:solidFill>
                </a:rPr>
                <a:t>Valutazione</a:t>
              </a:r>
              <a:r>
                <a:rPr lang="en-GB" sz="800" kern="0">
                  <a:solidFill>
                    <a:srgbClr val="181818"/>
                  </a:solidFill>
                </a:rPr>
                <a:t> </a:t>
              </a:r>
              <a:r>
                <a:rPr lang="en-GB" sz="800" kern="0" err="1">
                  <a:solidFill>
                    <a:srgbClr val="181818"/>
                  </a:solidFill>
                </a:rPr>
                <a:t>terminata</a:t>
              </a:r>
              <a:endParaRPr kumimoji="0" lang="en-GB" sz="800" b="0" i="0" u="none" strike="noStrike" kern="0" cap="none" spc="0" normalizeH="0" baseline="0" noProof="0">
                <a:ln>
                  <a:noFill/>
                </a:ln>
                <a:solidFill>
                  <a:srgbClr val="181818"/>
                </a:solidFill>
                <a:effectLst/>
                <a:uLnTx/>
                <a:uFillTx/>
                <a:ea typeface="+mn-ea"/>
                <a:cs typeface="+mn-cs"/>
              </a:endParaRPr>
            </a:p>
          </p:txBody>
        </p:sp>
        <p:sp>
          <p:nvSpPr>
            <p:cNvPr id="127" name="Rectangle 126">
              <a:extLst>
                <a:ext uri="{FF2B5EF4-FFF2-40B4-BE49-F238E27FC236}">
                  <a16:creationId xmlns:a16="http://schemas.microsoft.com/office/drawing/2014/main" id="{04DBE0E7-D372-9D57-9AF8-B747A70B46E2}"/>
                </a:ext>
              </a:extLst>
            </p:cNvPr>
            <p:cNvSpPr/>
            <p:nvPr/>
          </p:nvSpPr>
          <p:spPr>
            <a:xfrm>
              <a:off x="7450203" y="5516654"/>
              <a:ext cx="1306991" cy="679268"/>
            </a:xfrm>
            <a:prstGeom prst="rect">
              <a:avLst/>
            </a:prstGeom>
            <a:solidFill>
              <a:srgbClr val="FAD22D"/>
            </a:solidFill>
            <a:ln w="25400" cap="flat" cmpd="sng" algn="ctr">
              <a:noFill/>
              <a:prstDash val="solid"/>
            </a:ln>
            <a:effectLst/>
          </p:spPr>
          <p:txBody>
            <a:bodyPr rtlCol="0" anchor="ctr"/>
            <a:lstStyle/>
            <a:p>
              <a:pPr lvl="0" algn="ctr"/>
              <a:r>
                <a:rPr lang="it-IT" sz="800" kern="0">
                  <a:solidFill>
                    <a:srgbClr val="181818"/>
                  </a:solidFill>
                </a:rPr>
                <a:t>Completamento del piano d'azione correttivo</a:t>
              </a:r>
              <a:endParaRPr kumimoji="0" lang="en-GB" sz="800" b="0" i="0" u="none" strike="noStrike" kern="0" cap="none" spc="0" normalizeH="0" baseline="0" noProof="0">
                <a:ln>
                  <a:noFill/>
                </a:ln>
                <a:solidFill>
                  <a:srgbClr val="181818"/>
                </a:solidFill>
                <a:effectLst/>
                <a:uLnTx/>
                <a:uFillTx/>
                <a:ea typeface="+mn-ea"/>
                <a:cs typeface="+mn-cs"/>
              </a:endParaRPr>
            </a:p>
          </p:txBody>
        </p:sp>
        <p:cxnSp>
          <p:nvCxnSpPr>
            <p:cNvPr id="128" name="Connector: Elbow 127">
              <a:extLst>
                <a:ext uri="{FF2B5EF4-FFF2-40B4-BE49-F238E27FC236}">
                  <a16:creationId xmlns:a16="http://schemas.microsoft.com/office/drawing/2014/main" id="{612E2742-943B-8392-109C-D65DF2C90B05}"/>
                </a:ext>
              </a:extLst>
            </p:cNvPr>
            <p:cNvCxnSpPr>
              <a:cxnSpLocks/>
              <a:stCxn id="120" idx="2"/>
              <a:endCxn id="121" idx="1"/>
            </p:cNvCxnSpPr>
            <p:nvPr/>
          </p:nvCxnSpPr>
          <p:spPr>
            <a:xfrm rot="16200000" flipH="1">
              <a:off x="1315105" y="5063500"/>
              <a:ext cx="1347090" cy="442745"/>
            </a:xfrm>
            <a:prstGeom prst="bentConnector2">
              <a:avLst/>
            </a:prstGeom>
            <a:noFill/>
            <a:ln w="9525" cap="flat" cmpd="sng" algn="ctr">
              <a:solidFill>
                <a:srgbClr val="181818">
                  <a:shade val="95000"/>
                  <a:satMod val="105000"/>
                </a:srgbClr>
              </a:solidFill>
              <a:prstDash val="solid"/>
              <a:tailEnd type="triangle"/>
            </a:ln>
            <a:effectLst/>
          </p:spPr>
        </p:cxnSp>
        <p:cxnSp>
          <p:nvCxnSpPr>
            <p:cNvPr id="129" name="Connector: Elbow 128">
              <a:extLst>
                <a:ext uri="{FF2B5EF4-FFF2-40B4-BE49-F238E27FC236}">
                  <a16:creationId xmlns:a16="http://schemas.microsoft.com/office/drawing/2014/main" id="{73C1B8C0-20C2-7FAB-9B0E-A2D21A1AC34C}"/>
                </a:ext>
              </a:extLst>
            </p:cNvPr>
            <p:cNvCxnSpPr>
              <a:cxnSpLocks/>
              <a:stCxn id="121" idx="3"/>
              <a:endCxn id="123" idx="2"/>
            </p:cNvCxnSpPr>
            <p:nvPr/>
          </p:nvCxnSpPr>
          <p:spPr>
            <a:xfrm flipV="1">
              <a:off x="3833717" y="4767671"/>
              <a:ext cx="241532" cy="1190747"/>
            </a:xfrm>
            <a:prstGeom prst="bentConnector2">
              <a:avLst/>
            </a:prstGeom>
            <a:noFill/>
            <a:ln w="9525" cap="flat" cmpd="sng" algn="ctr">
              <a:solidFill>
                <a:srgbClr val="181818">
                  <a:shade val="95000"/>
                  <a:satMod val="105000"/>
                </a:srgbClr>
              </a:solidFill>
              <a:prstDash val="solid"/>
              <a:tailEnd type="triangle"/>
            </a:ln>
            <a:effectLst/>
          </p:spPr>
        </p:cxnSp>
        <p:cxnSp>
          <p:nvCxnSpPr>
            <p:cNvPr id="130" name="Straight Arrow Connector 129">
              <a:extLst>
                <a:ext uri="{FF2B5EF4-FFF2-40B4-BE49-F238E27FC236}">
                  <a16:creationId xmlns:a16="http://schemas.microsoft.com/office/drawing/2014/main" id="{60F71B01-6F89-4089-411C-6B7B76290915}"/>
                </a:ext>
              </a:extLst>
            </p:cNvPr>
            <p:cNvCxnSpPr>
              <a:cxnSpLocks/>
              <a:stCxn id="123" idx="0"/>
              <a:endCxn id="122" idx="2"/>
            </p:cNvCxnSpPr>
            <p:nvPr/>
          </p:nvCxnSpPr>
          <p:spPr>
            <a:xfrm flipH="1" flipV="1">
              <a:off x="4060535" y="3063376"/>
              <a:ext cx="14714" cy="734518"/>
            </a:xfrm>
            <a:prstGeom prst="straightConnector1">
              <a:avLst/>
            </a:prstGeom>
            <a:noFill/>
            <a:ln w="9525" cap="flat" cmpd="sng" algn="ctr">
              <a:solidFill>
                <a:srgbClr val="181818">
                  <a:shade val="95000"/>
                  <a:satMod val="105000"/>
                </a:srgbClr>
              </a:solidFill>
              <a:prstDash val="solid"/>
              <a:tailEnd type="triangle"/>
            </a:ln>
            <a:effectLst/>
          </p:spPr>
        </p:cxnSp>
        <p:cxnSp>
          <p:nvCxnSpPr>
            <p:cNvPr id="131" name="Connector: Elbow 130">
              <a:extLst>
                <a:ext uri="{FF2B5EF4-FFF2-40B4-BE49-F238E27FC236}">
                  <a16:creationId xmlns:a16="http://schemas.microsoft.com/office/drawing/2014/main" id="{275EC85E-F6FE-DB4B-67B0-06FD25AA0114}"/>
                </a:ext>
              </a:extLst>
            </p:cNvPr>
            <p:cNvCxnSpPr>
              <a:cxnSpLocks/>
              <a:stCxn id="122" idx="1"/>
              <a:endCxn id="120" idx="0"/>
            </p:cNvCxnSpPr>
            <p:nvPr/>
          </p:nvCxnSpPr>
          <p:spPr>
            <a:xfrm rot="10800000" flipV="1">
              <a:off x="1767279" y="2723740"/>
              <a:ext cx="1481409" cy="1208319"/>
            </a:xfrm>
            <a:prstGeom prst="bentConnector2">
              <a:avLst/>
            </a:prstGeom>
            <a:noFill/>
            <a:ln w="9525" cap="flat" cmpd="sng" algn="ctr">
              <a:solidFill>
                <a:srgbClr val="181818">
                  <a:shade val="95000"/>
                  <a:satMod val="105000"/>
                </a:srgbClr>
              </a:solidFill>
              <a:prstDash val="lgDash"/>
              <a:tailEnd type="triangle"/>
            </a:ln>
            <a:effectLst/>
          </p:spPr>
        </p:cxnSp>
        <p:cxnSp>
          <p:nvCxnSpPr>
            <p:cNvPr id="132" name="Connector: Elbow 131">
              <a:extLst>
                <a:ext uri="{FF2B5EF4-FFF2-40B4-BE49-F238E27FC236}">
                  <a16:creationId xmlns:a16="http://schemas.microsoft.com/office/drawing/2014/main" id="{F7E94F2E-B19B-53E9-ADFF-804D76B0AB1A}"/>
                </a:ext>
              </a:extLst>
            </p:cNvPr>
            <p:cNvCxnSpPr>
              <a:cxnSpLocks/>
              <a:stCxn id="127" idx="1"/>
              <a:endCxn id="142" idx="2"/>
            </p:cNvCxnSpPr>
            <p:nvPr/>
          </p:nvCxnSpPr>
          <p:spPr>
            <a:xfrm rot="10800000">
              <a:off x="6769315" y="4708946"/>
              <a:ext cx="680888" cy="1147343"/>
            </a:xfrm>
            <a:prstGeom prst="bentConnector2">
              <a:avLst/>
            </a:prstGeom>
            <a:noFill/>
            <a:ln w="9525" cap="flat" cmpd="sng" algn="ctr">
              <a:solidFill>
                <a:srgbClr val="181818">
                  <a:shade val="95000"/>
                  <a:satMod val="105000"/>
                </a:srgbClr>
              </a:solidFill>
              <a:prstDash val="lgDash"/>
              <a:tailEnd type="triangle"/>
            </a:ln>
            <a:effectLst/>
          </p:spPr>
        </p:cxnSp>
        <p:cxnSp>
          <p:nvCxnSpPr>
            <p:cNvPr id="133" name="Straight Arrow Connector 132">
              <a:extLst>
                <a:ext uri="{FF2B5EF4-FFF2-40B4-BE49-F238E27FC236}">
                  <a16:creationId xmlns:a16="http://schemas.microsoft.com/office/drawing/2014/main" id="{8E4B3FE6-6D44-A42E-8793-8843C3791356}"/>
                </a:ext>
              </a:extLst>
            </p:cNvPr>
            <p:cNvCxnSpPr>
              <a:cxnSpLocks/>
              <a:stCxn id="124" idx="3"/>
              <a:endCxn id="125" idx="1"/>
            </p:cNvCxnSpPr>
            <p:nvPr/>
          </p:nvCxnSpPr>
          <p:spPr>
            <a:xfrm flipV="1">
              <a:off x="8640095" y="4238625"/>
              <a:ext cx="331115" cy="6737"/>
            </a:xfrm>
            <a:prstGeom prst="straightConnector1">
              <a:avLst/>
            </a:prstGeom>
            <a:noFill/>
            <a:ln w="9525" cap="flat" cmpd="sng" algn="ctr">
              <a:solidFill>
                <a:srgbClr val="181818">
                  <a:shade val="95000"/>
                  <a:satMod val="105000"/>
                </a:srgbClr>
              </a:solidFill>
              <a:prstDash val="solid"/>
              <a:tailEnd type="triangle"/>
            </a:ln>
            <a:effectLst/>
          </p:spPr>
        </p:cxnSp>
        <p:cxnSp>
          <p:nvCxnSpPr>
            <p:cNvPr id="134" name="Straight Arrow Connector 133">
              <a:extLst>
                <a:ext uri="{FF2B5EF4-FFF2-40B4-BE49-F238E27FC236}">
                  <a16:creationId xmlns:a16="http://schemas.microsoft.com/office/drawing/2014/main" id="{743806A7-3BB4-B401-76B6-1F5874BE3944}"/>
                </a:ext>
              </a:extLst>
            </p:cNvPr>
            <p:cNvCxnSpPr>
              <a:cxnSpLocks/>
              <a:stCxn id="125" idx="3"/>
              <a:endCxn id="126" idx="1"/>
            </p:cNvCxnSpPr>
            <p:nvPr/>
          </p:nvCxnSpPr>
          <p:spPr>
            <a:xfrm flipV="1">
              <a:off x="10003176" y="4232295"/>
              <a:ext cx="443980" cy="6330"/>
            </a:xfrm>
            <a:prstGeom prst="straightConnector1">
              <a:avLst/>
            </a:prstGeom>
            <a:noFill/>
            <a:ln w="9525" cap="flat" cmpd="sng" algn="ctr">
              <a:solidFill>
                <a:srgbClr val="181818">
                  <a:shade val="95000"/>
                  <a:satMod val="105000"/>
                </a:srgbClr>
              </a:solidFill>
              <a:prstDash val="solid"/>
              <a:tailEnd type="triangle"/>
            </a:ln>
            <a:effectLst/>
          </p:spPr>
        </p:cxnSp>
        <p:cxnSp>
          <p:nvCxnSpPr>
            <p:cNvPr id="135" name="Connector: Elbow 134">
              <a:extLst>
                <a:ext uri="{FF2B5EF4-FFF2-40B4-BE49-F238E27FC236}">
                  <a16:creationId xmlns:a16="http://schemas.microsoft.com/office/drawing/2014/main" id="{F1AB5D8C-04C1-8CEC-77B1-76ECAFA52AA2}"/>
                </a:ext>
              </a:extLst>
            </p:cNvPr>
            <p:cNvCxnSpPr>
              <a:cxnSpLocks/>
              <a:stCxn id="125" idx="2"/>
              <a:endCxn id="127" idx="3"/>
            </p:cNvCxnSpPr>
            <p:nvPr/>
          </p:nvCxnSpPr>
          <p:spPr>
            <a:xfrm rot="5400000">
              <a:off x="8571354" y="4940449"/>
              <a:ext cx="1101680" cy="729999"/>
            </a:xfrm>
            <a:prstGeom prst="bentConnector2">
              <a:avLst/>
            </a:prstGeom>
            <a:noFill/>
            <a:ln w="9525" cap="flat" cmpd="sng" algn="ctr">
              <a:solidFill>
                <a:srgbClr val="181818">
                  <a:shade val="95000"/>
                  <a:satMod val="105000"/>
                </a:srgbClr>
              </a:solidFill>
              <a:prstDash val="lgDash"/>
              <a:tailEnd type="triangle"/>
            </a:ln>
            <a:effectLst/>
          </p:spPr>
        </p:cxnSp>
        <p:sp>
          <p:nvSpPr>
            <p:cNvPr id="136" name="TextBox 135">
              <a:extLst>
                <a:ext uri="{FF2B5EF4-FFF2-40B4-BE49-F238E27FC236}">
                  <a16:creationId xmlns:a16="http://schemas.microsoft.com/office/drawing/2014/main" id="{253BDB1B-F892-EECA-1555-2C4ACEDD1A1C}"/>
                </a:ext>
              </a:extLst>
            </p:cNvPr>
            <p:cNvSpPr txBox="1"/>
            <p:nvPr/>
          </p:nvSpPr>
          <p:spPr>
            <a:xfrm>
              <a:off x="9084246" y="4708945"/>
              <a:ext cx="454926" cy="302403"/>
            </a:xfrm>
            <a:prstGeom prst="rect">
              <a:avLst/>
            </a:prstGeom>
            <a:noFill/>
          </p:spPr>
          <p:txBody>
            <a:bodyPr wrap="none" rtlCol="0">
              <a:spAutoFit/>
            </a:bodyPr>
            <a:lstStyle/>
            <a:p>
              <a:r>
                <a:rPr lang="en-GB" sz="1000" kern="0">
                  <a:solidFill>
                    <a:sysClr val="windowText" lastClr="000000"/>
                  </a:solidFill>
                </a:rPr>
                <a:t>Yes</a:t>
              </a:r>
            </a:p>
          </p:txBody>
        </p:sp>
        <p:sp>
          <p:nvSpPr>
            <p:cNvPr id="137" name="TextBox 136">
              <a:extLst>
                <a:ext uri="{FF2B5EF4-FFF2-40B4-BE49-F238E27FC236}">
                  <a16:creationId xmlns:a16="http://schemas.microsoft.com/office/drawing/2014/main" id="{54B953B1-708E-4961-E14A-F9393808F20F}"/>
                </a:ext>
              </a:extLst>
            </p:cNvPr>
            <p:cNvSpPr txBox="1"/>
            <p:nvPr/>
          </p:nvSpPr>
          <p:spPr>
            <a:xfrm>
              <a:off x="3754293" y="3535989"/>
              <a:ext cx="422605" cy="302403"/>
            </a:xfrm>
            <a:prstGeom prst="rect">
              <a:avLst/>
            </a:prstGeom>
            <a:noFill/>
          </p:spPr>
          <p:txBody>
            <a:bodyPr wrap="none" rtlCol="0">
              <a:spAutoFit/>
            </a:bodyPr>
            <a:lstStyle/>
            <a:p>
              <a:r>
                <a:rPr lang="en-GB" sz="1000" kern="0">
                  <a:solidFill>
                    <a:sysClr val="windowText" lastClr="000000"/>
                  </a:solidFill>
                </a:rPr>
                <a:t>No</a:t>
              </a:r>
            </a:p>
          </p:txBody>
        </p:sp>
        <p:sp>
          <p:nvSpPr>
            <p:cNvPr id="138" name="TextBox 137">
              <a:extLst>
                <a:ext uri="{FF2B5EF4-FFF2-40B4-BE49-F238E27FC236}">
                  <a16:creationId xmlns:a16="http://schemas.microsoft.com/office/drawing/2014/main" id="{64E41DDF-17B9-C036-8512-558C5EBDB799}"/>
                </a:ext>
              </a:extLst>
            </p:cNvPr>
            <p:cNvSpPr txBox="1"/>
            <p:nvPr/>
          </p:nvSpPr>
          <p:spPr>
            <a:xfrm>
              <a:off x="10035050" y="4007381"/>
              <a:ext cx="422605" cy="302403"/>
            </a:xfrm>
            <a:prstGeom prst="rect">
              <a:avLst/>
            </a:prstGeom>
            <a:noFill/>
          </p:spPr>
          <p:txBody>
            <a:bodyPr wrap="none" rtlCol="0">
              <a:spAutoFit/>
            </a:bodyPr>
            <a:lstStyle/>
            <a:p>
              <a:r>
                <a:rPr lang="en-GB" sz="1000" kern="0">
                  <a:solidFill>
                    <a:sysClr val="windowText" lastClr="000000"/>
                  </a:solidFill>
                </a:rPr>
                <a:t>No</a:t>
              </a:r>
            </a:p>
          </p:txBody>
        </p:sp>
        <p:sp>
          <p:nvSpPr>
            <p:cNvPr id="139" name="TextBox 138">
              <a:extLst>
                <a:ext uri="{FF2B5EF4-FFF2-40B4-BE49-F238E27FC236}">
                  <a16:creationId xmlns:a16="http://schemas.microsoft.com/office/drawing/2014/main" id="{3882DA0B-D6CD-208C-2E11-FD02781347A4}"/>
                </a:ext>
              </a:extLst>
            </p:cNvPr>
            <p:cNvSpPr txBox="1"/>
            <p:nvPr/>
          </p:nvSpPr>
          <p:spPr>
            <a:xfrm>
              <a:off x="4554602" y="4232298"/>
              <a:ext cx="343822" cy="491406"/>
            </a:xfrm>
            <a:prstGeom prst="rect">
              <a:avLst/>
            </a:prstGeom>
            <a:noFill/>
          </p:spPr>
          <p:txBody>
            <a:bodyPr wrap="none" rtlCol="0">
              <a:spAutoFit/>
            </a:bodyPr>
            <a:lstStyle/>
            <a:p>
              <a:r>
                <a:rPr lang="en-GB" sz="1000" kern="0" err="1">
                  <a:solidFill>
                    <a:sysClr val="windowText" lastClr="000000"/>
                  </a:solidFill>
                </a:rPr>
                <a:t>Sì</a:t>
              </a:r>
              <a:r>
                <a:rPr lang="en-GB" sz="1000" kern="0">
                  <a:solidFill>
                    <a:sysClr val="windowText" lastClr="000000"/>
                  </a:solidFill>
                </a:rPr>
                <a:t>
</a:t>
              </a:r>
            </a:p>
          </p:txBody>
        </p:sp>
        <p:sp>
          <p:nvSpPr>
            <p:cNvPr id="140" name="Rectangle 139">
              <a:extLst>
                <a:ext uri="{FF2B5EF4-FFF2-40B4-BE49-F238E27FC236}">
                  <a16:creationId xmlns:a16="http://schemas.microsoft.com/office/drawing/2014/main" id="{6E435C94-E2E2-C4DA-8834-13C12D1D3054}"/>
                </a:ext>
              </a:extLst>
            </p:cNvPr>
            <p:cNvSpPr/>
            <p:nvPr/>
          </p:nvSpPr>
          <p:spPr>
            <a:xfrm>
              <a:off x="5070068" y="3907859"/>
              <a:ext cx="1031966" cy="679268"/>
            </a:xfrm>
            <a:prstGeom prst="rect">
              <a:avLst/>
            </a:prstGeom>
            <a:solidFill>
              <a:srgbClr val="FF8C0A"/>
            </a:solidFill>
            <a:ln w="25400" cap="flat" cmpd="sng" algn="ctr">
              <a:noFill/>
              <a:prstDash val="solid"/>
            </a:ln>
            <a:effectLst/>
          </p:spPr>
          <p:txBody>
            <a:bodyPr rtlCol="0" anchor="ctr"/>
            <a:lstStyle/>
            <a:p>
              <a:pPr lvl="0" algn="ctr"/>
              <a:r>
                <a:rPr lang="it-IT" sz="800" kern="0">
                  <a:solidFill>
                    <a:srgbClr val="181818"/>
                  </a:solidFill>
                </a:rPr>
                <a:t>Pianificare la valutazione remota con il Fornitore</a:t>
              </a:r>
              <a:endParaRPr kumimoji="0" lang="en-GB" sz="800" b="0" i="0" u="none" strike="noStrike" kern="0" cap="none" spc="0" normalizeH="0" baseline="0" noProof="0">
                <a:ln>
                  <a:noFill/>
                </a:ln>
                <a:solidFill>
                  <a:srgbClr val="181818"/>
                </a:solidFill>
                <a:effectLst/>
                <a:uLnTx/>
                <a:uFillTx/>
                <a:ea typeface="+mn-ea"/>
                <a:cs typeface="+mn-cs"/>
              </a:endParaRPr>
            </a:p>
          </p:txBody>
        </p:sp>
        <p:cxnSp>
          <p:nvCxnSpPr>
            <p:cNvPr id="141" name="Straight Arrow Connector 140">
              <a:extLst>
                <a:ext uri="{FF2B5EF4-FFF2-40B4-BE49-F238E27FC236}">
                  <a16:creationId xmlns:a16="http://schemas.microsoft.com/office/drawing/2014/main" id="{74A03D58-F67B-1F69-3C50-B91CA9AE4E9F}"/>
                </a:ext>
              </a:extLst>
            </p:cNvPr>
            <p:cNvCxnSpPr>
              <a:cxnSpLocks/>
              <a:endCxn id="140" idx="1"/>
            </p:cNvCxnSpPr>
            <p:nvPr/>
          </p:nvCxnSpPr>
          <p:spPr>
            <a:xfrm flipV="1">
              <a:off x="4700214" y="4247493"/>
              <a:ext cx="369854" cy="4195"/>
            </a:xfrm>
            <a:prstGeom prst="straightConnector1">
              <a:avLst/>
            </a:prstGeom>
            <a:noFill/>
            <a:ln w="9525" cap="flat" cmpd="sng" algn="ctr">
              <a:solidFill>
                <a:srgbClr val="181818">
                  <a:shade val="95000"/>
                  <a:satMod val="105000"/>
                </a:srgbClr>
              </a:solidFill>
              <a:prstDash val="solid"/>
              <a:tailEnd type="triangle"/>
            </a:ln>
            <a:effectLst/>
          </p:spPr>
        </p:cxnSp>
        <p:sp>
          <p:nvSpPr>
            <p:cNvPr id="142" name="Diamond 141">
              <a:extLst>
                <a:ext uri="{FF2B5EF4-FFF2-40B4-BE49-F238E27FC236}">
                  <a16:creationId xmlns:a16="http://schemas.microsoft.com/office/drawing/2014/main" id="{57553E92-C22A-9532-DC16-60E602E143E7}"/>
                </a:ext>
              </a:extLst>
            </p:cNvPr>
            <p:cNvSpPr/>
            <p:nvPr/>
          </p:nvSpPr>
          <p:spPr>
            <a:xfrm>
              <a:off x="6274361" y="3742267"/>
              <a:ext cx="989908" cy="966678"/>
            </a:xfrm>
            <a:prstGeom prst="diamond">
              <a:avLst/>
            </a:prstGeom>
            <a:solidFill>
              <a:srgbClr val="E0E0E0">
                <a:lumMod val="75000"/>
              </a:srgbClr>
            </a:solidFill>
            <a:ln w="25400" cap="flat" cmpd="sng" algn="ctr">
              <a:noFill/>
              <a:prstDash val="solid"/>
            </a:ln>
            <a:effectLst/>
          </p:spPr>
          <p:txBody>
            <a:bodyPr lIns="0" tIns="0" rIns="0" bIns="0"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GB" sz="600" b="0" i="0" u="none" strike="noStrike" kern="0" cap="none" spc="0" normalizeH="0" baseline="0" noProof="0">
                <a:ln>
                  <a:noFill/>
                </a:ln>
                <a:solidFill>
                  <a:srgbClr val="FFFFFF"/>
                </a:solidFill>
                <a:effectLst/>
                <a:uLnTx/>
                <a:uFillTx/>
                <a:ea typeface="+mn-ea"/>
                <a:cs typeface="+mn-cs"/>
              </a:endParaRPr>
            </a:p>
          </p:txBody>
        </p:sp>
        <p:sp>
          <p:nvSpPr>
            <p:cNvPr id="143" name="TextBox 142">
              <a:extLst>
                <a:ext uri="{FF2B5EF4-FFF2-40B4-BE49-F238E27FC236}">
                  <a16:creationId xmlns:a16="http://schemas.microsoft.com/office/drawing/2014/main" id="{0D2CA968-442B-DBB4-140F-14F399312EAF}"/>
                </a:ext>
              </a:extLst>
            </p:cNvPr>
            <p:cNvSpPr txBox="1"/>
            <p:nvPr/>
          </p:nvSpPr>
          <p:spPr>
            <a:xfrm>
              <a:off x="6436749" y="3529637"/>
              <a:ext cx="422605" cy="302403"/>
            </a:xfrm>
            <a:prstGeom prst="rect">
              <a:avLst/>
            </a:prstGeom>
            <a:noFill/>
          </p:spPr>
          <p:txBody>
            <a:bodyPr wrap="none" rtlCol="0">
              <a:spAutoFit/>
            </a:bodyPr>
            <a:lstStyle/>
            <a:p>
              <a:r>
                <a:rPr lang="en-GB" sz="1000" kern="0">
                  <a:solidFill>
                    <a:sysClr val="windowText" lastClr="000000"/>
                  </a:solidFill>
                </a:rPr>
                <a:t>No</a:t>
              </a:r>
            </a:p>
          </p:txBody>
        </p:sp>
        <p:sp>
          <p:nvSpPr>
            <p:cNvPr id="144" name="Rectangle 143">
              <a:extLst>
                <a:ext uri="{FF2B5EF4-FFF2-40B4-BE49-F238E27FC236}">
                  <a16:creationId xmlns:a16="http://schemas.microsoft.com/office/drawing/2014/main" id="{17133373-5BD7-6169-6C34-FD7E360E1D97}"/>
                </a:ext>
              </a:extLst>
            </p:cNvPr>
            <p:cNvSpPr/>
            <p:nvPr/>
          </p:nvSpPr>
          <p:spPr>
            <a:xfrm>
              <a:off x="5960745" y="2384107"/>
              <a:ext cx="1623694" cy="679268"/>
            </a:xfrm>
            <a:prstGeom prst="rect">
              <a:avLst/>
            </a:prstGeom>
            <a:solidFill>
              <a:srgbClr val="0070C0"/>
            </a:solidFill>
            <a:ln w="25400" cap="flat" cmpd="sng" algn="ctr">
              <a:noFill/>
              <a:prstDash val="solid"/>
            </a:ln>
            <a:effectLst/>
          </p:spPr>
          <p:txBody>
            <a:bodyPr rtlCol="0" anchor="ctr"/>
            <a:lstStyle/>
            <a:p>
              <a:pPr lvl="0" algn="ctr"/>
              <a:r>
                <a:rPr lang="it-IT" sz="800" kern="0">
                  <a:solidFill>
                    <a:srgbClr val="FFFFFF"/>
                  </a:solidFill>
                </a:rPr>
                <a:t>Escalation alla persona nominata da Ericsson</a:t>
              </a:r>
              <a:endParaRPr kumimoji="0" lang="en-GB" sz="800" b="0" i="0" u="none" strike="noStrike" kern="0" cap="none" spc="0" normalizeH="0" baseline="0" noProof="0">
                <a:ln>
                  <a:noFill/>
                </a:ln>
                <a:solidFill>
                  <a:srgbClr val="FFFFFF"/>
                </a:solidFill>
                <a:effectLst/>
                <a:uLnTx/>
                <a:uFillTx/>
                <a:ea typeface="+mn-ea"/>
                <a:cs typeface="+mn-cs"/>
              </a:endParaRPr>
            </a:p>
          </p:txBody>
        </p:sp>
        <p:sp>
          <p:nvSpPr>
            <p:cNvPr id="145" name="TextBox 144">
              <a:extLst>
                <a:ext uri="{FF2B5EF4-FFF2-40B4-BE49-F238E27FC236}">
                  <a16:creationId xmlns:a16="http://schemas.microsoft.com/office/drawing/2014/main" id="{C382127E-5E02-EE13-9280-F43E752F5F5A}"/>
                </a:ext>
              </a:extLst>
            </p:cNvPr>
            <p:cNvSpPr txBox="1"/>
            <p:nvPr/>
          </p:nvSpPr>
          <p:spPr>
            <a:xfrm>
              <a:off x="7178072" y="4253608"/>
              <a:ext cx="454926" cy="302403"/>
            </a:xfrm>
            <a:prstGeom prst="rect">
              <a:avLst/>
            </a:prstGeom>
            <a:noFill/>
          </p:spPr>
          <p:txBody>
            <a:bodyPr wrap="none" rtlCol="0">
              <a:spAutoFit/>
            </a:bodyPr>
            <a:lstStyle/>
            <a:p>
              <a:r>
                <a:rPr lang="en-GB" sz="1000" kern="0">
                  <a:solidFill>
                    <a:sysClr val="windowText" lastClr="000000"/>
                  </a:solidFill>
                </a:rPr>
                <a:t>Yes</a:t>
              </a:r>
            </a:p>
          </p:txBody>
        </p:sp>
        <p:cxnSp>
          <p:nvCxnSpPr>
            <p:cNvPr id="146" name="Straight Arrow Connector 145">
              <a:extLst>
                <a:ext uri="{FF2B5EF4-FFF2-40B4-BE49-F238E27FC236}">
                  <a16:creationId xmlns:a16="http://schemas.microsoft.com/office/drawing/2014/main" id="{459BD3C2-F2FA-4A7C-DBB2-1DE5B6FEE68D}"/>
                </a:ext>
              </a:extLst>
            </p:cNvPr>
            <p:cNvCxnSpPr>
              <a:cxnSpLocks/>
              <a:stCxn id="142" idx="0"/>
              <a:endCxn id="144" idx="2"/>
            </p:cNvCxnSpPr>
            <p:nvPr/>
          </p:nvCxnSpPr>
          <p:spPr>
            <a:xfrm flipV="1">
              <a:off x="6769315" y="3063375"/>
              <a:ext cx="3277" cy="678892"/>
            </a:xfrm>
            <a:prstGeom prst="straightConnector1">
              <a:avLst/>
            </a:prstGeom>
            <a:noFill/>
            <a:ln w="9525" cap="flat" cmpd="sng" algn="ctr">
              <a:solidFill>
                <a:srgbClr val="181818">
                  <a:shade val="95000"/>
                  <a:satMod val="105000"/>
                </a:srgbClr>
              </a:solidFill>
              <a:prstDash val="solid"/>
              <a:tailEnd type="triangle"/>
            </a:ln>
            <a:effectLst/>
          </p:spPr>
        </p:cxnSp>
        <p:cxnSp>
          <p:nvCxnSpPr>
            <p:cNvPr id="147" name="Connector: Elbow 146">
              <a:extLst>
                <a:ext uri="{FF2B5EF4-FFF2-40B4-BE49-F238E27FC236}">
                  <a16:creationId xmlns:a16="http://schemas.microsoft.com/office/drawing/2014/main" id="{0FF57845-4FAF-A11D-F96F-3E3BCE4DBB1C}"/>
                </a:ext>
              </a:extLst>
            </p:cNvPr>
            <p:cNvCxnSpPr>
              <a:stCxn id="144" idx="1"/>
              <a:endCxn id="140" idx="0"/>
            </p:cNvCxnSpPr>
            <p:nvPr/>
          </p:nvCxnSpPr>
          <p:spPr>
            <a:xfrm rot="10800000" flipV="1">
              <a:off x="5586051" y="2723741"/>
              <a:ext cx="374694" cy="1184118"/>
            </a:xfrm>
            <a:prstGeom prst="bentConnector2">
              <a:avLst/>
            </a:prstGeom>
            <a:noFill/>
            <a:ln w="9525" cap="flat" cmpd="sng" algn="ctr">
              <a:solidFill>
                <a:srgbClr val="181818">
                  <a:shade val="95000"/>
                  <a:satMod val="105000"/>
                </a:srgbClr>
              </a:solidFill>
              <a:prstDash val="lgDashDot"/>
              <a:tailEnd type="triangle"/>
            </a:ln>
            <a:effectLst/>
          </p:spPr>
        </p:cxnSp>
        <p:cxnSp>
          <p:nvCxnSpPr>
            <p:cNvPr id="148" name="Straight Arrow Connector 147">
              <a:extLst>
                <a:ext uri="{FF2B5EF4-FFF2-40B4-BE49-F238E27FC236}">
                  <a16:creationId xmlns:a16="http://schemas.microsoft.com/office/drawing/2014/main" id="{9D55EF04-9583-7DD7-6914-8969FB5B4566}"/>
                </a:ext>
              </a:extLst>
            </p:cNvPr>
            <p:cNvCxnSpPr>
              <a:cxnSpLocks/>
              <a:stCxn id="140" idx="3"/>
              <a:endCxn id="142" idx="1"/>
            </p:cNvCxnSpPr>
            <p:nvPr/>
          </p:nvCxnSpPr>
          <p:spPr>
            <a:xfrm flipV="1">
              <a:off x="6102034" y="4225606"/>
              <a:ext cx="172327" cy="21887"/>
            </a:xfrm>
            <a:prstGeom prst="straightConnector1">
              <a:avLst/>
            </a:prstGeom>
            <a:noFill/>
            <a:ln w="9525" cap="flat" cmpd="sng" algn="ctr">
              <a:solidFill>
                <a:srgbClr val="181818">
                  <a:shade val="95000"/>
                  <a:satMod val="105000"/>
                </a:srgbClr>
              </a:solidFill>
              <a:prstDash val="solid"/>
              <a:tailEnd type="triangle"/>
            </a:ln>
            <a:effectLst/>
          </p:spPr>
        </p:cxnSp>
        <p:cxnSp>
          <p:nvCxnSpPr>
            <p:cNvPr id="149" name="Straight Arrow Connector 148">
              <a:extLst>
                <a:ext uri="{FF2B5EF4-FFF2-40B4-BE49-F238E27FC236}">
                  <a16:creationId xmlns:a16="http://schemas.microsoft.com/office/drawing/2014/main" id="{3A35D86B-7DAD-CE14-3136-B80A1339CCA6}"/>
                </a:ext>
              </a:extLst>
            </p:cNvPr>
            <p:cNvCxnSpPr>
              <a:cxnSpLocks/>
              <a:stCxn id="142" idx="3"/>
            </p:cNvCxnSpPr>
            <p:nvPr/>
          </p:nvCxnSpPr>
          <p:spPr>
            <a:xfrm flipV="1">
              <a:off x="7264270" y="4220762"/>
              <a:ext cx="321576" cy="4844"/>
            </a:xfrm>
            <a:prstGeom prst="straightConnector1">
              <a:avLst/>
            </a:prstGeom>
            <a:noFill/>
            <a:ln w="9525" cap="flat" cmpd="sng" algn="ctr">
              <a:solidFill>
                <a:srgbClr val="181818">
                  <a:shade val="95000"/>
                  <a:satMod val="105000"/>
                </a:srgbClr>
              </a:solidFill>
              <a:prstDash val="solid"/>
              <a:tailEnd type="triangle"/>
            </a:ln>
            <a:effectLst/>
          </p:spPr>
        </p:cxnSp>
        <p:sp>
          <p:nvSpPr>
            <p:cNvPr id="150" name="TextBox 149">
              <a:extLst>
                <a:ext uri="{FF2B5EF4-FFF2-40B4-BE49-F238E27FC236}">
                  <a16:creationId xmlns:a16="http://schemas.microsoft.com/office/drawing/2014/main" id="{4C16708E-110E-8915-9741-391CDE806FE3}"/>
                </a:ext>
              </a:extLst>
            </p:cNvPr>
            <p:cNvSpPr txBox="1"/>
            <p:nvPr/>
          </p:nvSpPr>
          <p:spPr>
            <a:xfrm>
              <a:off x="3576940" y="4130499"/>
              <a:ext cx="919748" cy="245703"/>
            </a:xfrm>
            <a:prstGeom prst="rect">
              <a:avLst/>
            </a:prstGeom>
            <a:noFill/>
          </p:spPr>
          <p:txBody>
            <a:bodyPr wrap="square">
              <a:spAutoFit/>
            </a:bodyPr>
            <a:lstStyle/>
            <a:p>
              <a:pPr algn="ctr"/>
              <a:r>
                <a:rPr lang="en-GB" sz="700" kern="0" err="1">
                  <a:solidFill>
                    <a:srgbClr val="FFFFFF"/>
                  </a:solidFill>
                </a:rPr>
                <a:t>Completato</a:t>
              </a:r>
              <a:r>
                <a:rPr lang="en-GB" sz="700" kern="0">
                  <a:solidFill>
                    <a:srgbClr val="FFFFFF"/>
                  </a:solidFill>
                </a:rPr>
                <a:t>?</a:t>
              </a:r>
            </a:p>
          </p:txBody>
        </p:sp>
        <p:sp>
          <p:nvSpPr>
            <p:cNvPr id="151" name="TextBox 150">
              <a:extLst>
                <a:ext uri="{FF2B5EF4-FFF2-40B4-BE49-F238E27FC236}">
                  <a16:creationId xmlns:a16="http://schemas.microsoft.com/office/drawing/2014/main" id="{41752121-0347-661B-4562-F52EB591689A}"/>
                </a:ext>
              </a:extLst>
            </p:cNvPr>
            <p:cNvSpPr txBox="1"/>
            <p:nvPr/>
          </p:nvSpPr>
          <p:spPr>
            <a:xfrm>
              <a:off x="6357675" y="4102589"/>
              <a:ext cx="858053" cy="378004"/>
            </a:xfrm>
            <a:prstGeom prst="rect">
              <a:avLst/>
            </a:prstGeom>
            <a:noFill/>
          </p:spPr>
          <p:txBody>
            <a:bodyPr wrap="square">
              <a:spAutoFit/>
            </a:bodyPr>
            <a:lstStyle/>
            <a:p>
              <a:pPr algn="ctr"/>
              <a:r>
                <a:rPr lang="en-GB" sz="700" kern="0" err="1">
                  <a:solidFill>
                    <a:srgbClr val="FFFFFF"/>
                  </a:solidFill>
                </a:rPr>
                <a:t>Accettato</a:t>
              </a:r>
              <a:r>
                <a:rPr lang="en-GB" sz="700" kern="0">
                  <a:solidFill>
                    <a:srgbClr val="FFFFFF"/>
                  </a:solidFill>
                </a:rPr>
                <a:t>?
</a:t>
              </a:r>
            </a:p>
          </p:txBody>
        </p:sp>
        <p:sp>
          <p:nvSpPr>
            <p:cNvPr id="152" name="TextBox 151">
              <a:extLst>
                <a:ext uri="{FF2B5EF4-FFF2-40B4-BE49-F238E27FC236}">
                  <a16:creationId xmlns:a16="http://schemas.microsoft.com/office/drawing/2014/main" id="{CA844E4E-C575-5C70-74E3-E00D2CB760EB}"/>
                </a:ext>
              </a:extLst>
            </p:cNvPr>
            <p:cNvSpPr txBox="1"/>
            <p:nvPr/>
          </p:nvSpPr>
          <p:spPr>
            <a:xfrm>
              <a:off x="9079288" y="4020499"/>
              <a:ext cx="867872" cy="510305"/>
            </a:xfrm>
            <a:prstGeom prst="rect">
              <a:avLst/>
            </a:prstGeom>
            <a:noFill/>
          </p:spPr>
          <p:txBody>
            <a:bodyPr wrap="square">
              <a:spAutoFit/>
            </a:bodyPr>
            <a:lstStyle/>
            <a:p>
              <a:pPr algn="ctr"/>
              <a:r>
                <a:rPr lang="en-GB" sz="700" kern="0" err="1">
                  <a:solidFill>
                    <a:srgbClr val="FFFFFF"/>
                  </a:solidFill>
                </a:rPr>
                <a:t>Azioni</a:t>
              </a:r>
              <a:r>
                <a:rPr lang="en-GB" sz="700" kern="0">
                  <a:solidFill>
                    <a:srgbClr val="FFFFFF"/>
                  </a:solidFill>
                </a:rPr>
                <a:t> </a:t>
              </a:r>
              <a:r>
                <a:rPr lang="en-GB" sz="700" kern="0" err="1">
                  <a:solidFill>
                    <a:srgbClr val="FFFFFF"/>
                  </a:solidFill>
                </a:rPr>
                <a:t>correttive</a:t>
              </a:r>
              <a:r>
                <a:rPr lang="en-GB" sz="700" kern="0">
                  <a:solidFill>
                    <a:srgbClr val="FFFFFF"/>
                  </a:solidFill>
                </a:rPr>
                <a:t>?
</a:t>
              </a:r>
            </a:p>
          </p:txBody>
        </p:sp>
      </p:grpSp>
      <p:pic>
        <p:nvPicPr>
          <p:cNvPr id="2" name="Graphic 1">
            <a:extLst>
              <a:ext uri="{FF2B5EF4-FFF2-40B4-BE49-F238E27FC236}">
                <a16:creationId xmlns:a16="http://schemas.microsoft.com/office/drawing/2014/main" id="{D0A76946-C076-EA77-37DA-169DE3A2F104}"/>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547615" y="291526"/>
            <a:ext cx="256032" cy="256032"/>
          </a:xfrm>
          <a:prstGeom prst="rect">
            <a:avLst/>
          </a:prstGeom>
        </p:spPr>
      </p:pic>
      <p:cxnSp>
        <p:nvCxnSpPr>
          <p:cNvPr id="9" name="Straight Connector 8">
            <a:extLst>
              <a:ext uri="{FF2B5EF4-FFF2-40B4-BE49-F238E27FC236}">
                <a16:creationId xmlns:a16="http://schemas.microsoft.com/office/drawing/2014/main" id="{D0DA29BA-6B8C-5D83-0D32-E679919D790E}"/>
              </a:ext>
            </a:extLst>
          </p:cNvPr>
          <p:cNvCxnSpPr/>
          <p:nvPr/>
        </p:nvCxnSpPr>
        <p:spPr>
          <a:xfrm>
            <a:off x="630620" y="734762"/>
            <a:ext cx="10731063" cy="0"/>
          </a:xfrm>
          <a:prstGeom prst="line">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10" name="Straight Arrow Connector 9">
            <a:extLst>
              <a:ext uri="{FF2B5EF4-FFF2-40B4-BE49-F238E27FC236}">
                <a16:creationId xmlns:a16="http://schemas.microsoft.com/office/drawing/2014/main" id="{B8717951-ACBE-4988-6DC0-D9906371B646}"/>
              </a:ext>
            </a:extLst>
          </p:cNvPr>
          <p:cNvCxnSpPr>
            <a:cxnSpLocks/>
          </p:cNvCxnSpPr>
          <p:nvPr/>
        </p:nvCxnSpPr>
        <p:spPr bwMode="auto">
          <a:xfrm flipH="1">
            <a:off x="203916" y="1695380"/>
            <a:ext cx="11740458" cy="0"/>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 name="TextBox 10">
            <a:extLst>
              <a:ext uri="{FF2B5EF4-FFF2-40B4-BE49-F238E27FC236}">
                <a16:creationId xmlns:a16="http://schemas.microsoft.com/office/drawing/2014/main" id="{29D83730-10E7-BBC1-4765-D716FCA05F27}"/>
              </a:ext>
            </a:extLst>
          </p:cNvPr>
          <p:cNvSpPr txBox="1"/>
          <p:nvPr/>
        </p:nvSpPr>
        <p:spPr>
          <a:xfrm>
            <a:off x="866597" y="1061546"/>
            <a:ext cx="4724065" cy="1191816"/>
          </a:xfrm>
          <a:prstGeom prst="roundRect">
            <a:avLst/>
          </a:prstGeom>
          <a:solidFill>
            <a:srgbClr val="ECEFF4"/>
          </a:solidFill>
          <a:ln w="19050">
            <a:solidFill>
              <a:srgbClr val="FF8C0A"/>
            </a:solidFill>
          </a:ln>
        </p:spPr>
        <p:txBody>
          <a:bodyPr wrap="square" rtlCol="0">
            <a:spAutoFit/>
          </a:bodyPr>
          <a:lstStyle/>
          <a:p>
            <a:r>
              <a:rPr lang="it-IT" sz="1600">
                <a:latin typeface="Calibri" panose="020F0502020204030204" pitchFamily="34" charset="0"/>
                <a:cs typeface="Times New Roman" panose="02020603050405020304" pitchFamily="18" charset="0"/>
              </a:rPr>
              <a:t>Il processo prevede una serie di controlli/audit da parte di Società esterne incaricate da Ericsson che valutano il livello di maturità dei Partner/Fornitori, fornendo dei piani di migliormento mirati</a:t>
            </a:r>
            <a:endParaRPr lang="it-IT" sz="1600"/>
          </a:p>
        </p:txBody>
      </p:sp>
      <p:sp>
        <p:nvSpPr>
          <p:cNvPr id="12" name="TextBox 11">
            <a:extLst>
              <a:ext uri="{FF2B5EF4-FFF2-40B4-BE49-F238E27FC236}">
                <a16:creationId xmlns:a16="http://schemas.microsoft.com/office/drawing/2014/main" id="{A87B39DF-2A75-6CBA-1AB4-244AF9B7A52D}"/>
              </a:ext>
            </a:extLst>
          </p:cNvPr>
          <p:cNvSpPr txBox="1"/>
          <p:nvPr/>
        </p:nvSpPr>
        <p:spPr>
          <a:xfrm>
            <a:off x="6366402" y="1182935"/>
            <a:ext cx="4802232" cy="919401"/>
          </a:xfrm>
          <a:prstGeom prst="roundRect">
            <a:avLst/>
          </a:prstGeom>
          <a:solidFill>
            <a:schemeClr val="bg1"/>
          </a:solidFill>
          <a:ln w="19050">
            <a:solidFill>
              <a:srgbClr val="00B050"/>
            </a:solidFill>
          </a:ln>
        </p:spPr>
        <p:txBody>
          <a:bodyPr wrap="square" rtlCol="0">
            <a:spAutoFit/>
          </a:bodyPr>
          <a:lstStyle/>
          <a:p>
            <a:r>
              <a:rPr lang="it-IT" sz="1600"/>
              <a:t>Valutare </a:t>
            </a:r>
            <a:r>
              <a:rPr lang="it-IT" sz="1600">
                <a:effectLst/>
                <a:latin typeface="Calibri" panose="020F0502020204030204" pitchFamily="34" charset="0"/>
                <a:ea typeface="Calibri" panose="020F0502020204030204" pitchFamily="34" charset="0"/>
                <a:cs typeface="Times New Roman" panose="02020603050405020304" pitchFamily="18" charset="0"/>
              </a:rPr>
              <a:t>il livello di maturità EHS dei Partner/Fornitori Ericsson così da garantire il rispetto degli standard minimi Ericsson in campo.</a:t>
            </a:r>
            <a:endParaRPr lang="it-IT" sz="1600"/>
          </a:p>
        </p:txBody>
      </p:sp>
      <p:sp>
        <p:nvSpPr>
          <p:cNvPr id="13" name="Oval 12">
            <a:extLst>
              <a:ext uri="{FF2B5EF4-FFF2-40B4-BE49-F238E27FC236}">
                <a16:creationId xmlns:a16="http://schemas.microsoft.com/office/drawing/2014/main" id="{99AF38E3-299A-24DF-4959-AE50B3DEF68A}"/>
              </a:ext>
            </a:extLst>
          </p:cNvPr>
          <p:cNvSpPr/>
          <p:nvPr/>
        </p:nvSpPr>
        <p:spPr>
          <a:xfrm>
            <a:off x="5777283" y="954470"/>
            <a:ext cx="715654" cy="542188"/>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pic>
        <p:nvPicPr>
          <p:cNvPr id="14" name="Graphic 13" descr="Bullseye with solid fill">
            <a:extLst>
              <a:ext uri="{FF2B5EF4-FFF2-40B4-BE49-F238E27FC236}">
                <a16:creationId xmlns:a16="http://schemas.microsoft.com/office/drawing/2014/main" id="{B9448413-99E5-99E6-7F29-901722C88B55}"/>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6022627" y="913465"/>
            <a:ext cx="569184" cy="569184"/>
          </a:xfrm>
          <a:prstGeom prst="rect">
            <a:avLst/>
          </a:prstGeom>
        </p:spPr>
      </p:pic>
      <p:sp>
        <p:nvSpPr>
          <p:cNvPr id="15" name="Oval 14">
            <a:extLst>
              <a:ext uri="{FF2B5EF4-FFF2-40B4-BE49-F238E27FC236}">
                <a16:creationId xmlns:a16="http://schemas.microsoft.com/office/drawing/2014/main" id="{97C4A527-DC14-6C6C-0183-073834A182EC}"/>
              </a:ext>
            </a:extLst>
          </p:cNvPr>
          <p:cNvSpPr/>
          <p:nvPr/>
        </p:nvSpPr>
        <p:spPr>
          <a:xfrm>
            <a:off x="464807" y="854344"/>
            <a:ext cx="599090" cy="567558"/>
          </a:xfrm>
          <a:prstGeom prst="ellipse">
            <a:avLst/>
          </a:prstGeom>
          <a:solidFill>
            <a:srgbClr val="FF8C0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Oval 15">
            <a:extLst>
              <a:ext uri="{FF2B5EF4-FFF2-40B4-BE49-F238E27FC236}">
                <a16:creationId xmlns:a16="http://schemas.microsoft.com/office/drawing/2014/main" id="{8CAE6927-5936-6A62-89A3-AFFEAAA52511}"/>
              </a:ext>
            </a:extLst>
          </p:cNvPr>
          <p:cNvSpPr/>
          <p:nvPr/>
        </p:nvSpPr>
        <p:spPr>
          <a:xfrm>
            <a:off x="475910" y="869002"/>
            <a:ext cx="536029" cy="501332"/>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7" name="Graphic 16" descr="History with solid fill">
            <a:extLst>
              <a:ext uri="{FF2B5EF4-FFF2-40B4-BE49-F238E27FC236}">
                <a16:creationId xmlns:a16="http://schemas.microsoft.com/office/drawing/2014/main" id="{88514D3E-E187-2E79-EBC8-376E8E503ACC}"/>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10071" y="899817"/>
            <a:ext cx="467708" cy="467708"/>
          </a:xfrm>
          <a:prstGeom prst="rect">
            <a:avLst/>
          </a:prstGeom>
        </p:spPr>
      </p:pic>
      <p:cxnSp>
        <p:nvCxnSpPr>
          <p:cNvPr id="23" name="Straight Arrow Connector 22">
            <a:extLst>
              <a:ext uri="{FF2B5EF4-FFF2-40B4-BE49-F238E27FC236}">
                <a16:creationId xmlns:a16="http://schemas.microsoft.com/office/drawing/2014/main" id="{A6503940-CB1C-6379-74C3-FA574CFDAD22}"/>
              </a:ext>
            </a:extLst>
          </p:cNvPr>
          <p:cNvCxnSpPr>
            <a:cxnSpLocks/>
          </p:cNvCxnSpPr>
          <p:nvPr/>
        </p:nvCxnSpPr>
        <p:spPr bwMode="auto">
          <a:xfrm flipH="1" flipV="1">
            <a:off x="190785" y="1689081"/>
            <a:ext cx="13131" cy="2935589"/>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Straight Arrow Connector 23">
            <a:extLst>
              <a:ext uri="{FF2B5EF4-FFF2-40B4-BE49-F238E27FC236}">
                <a16:creationId xmlns:a16="http://schemas.microsoft.com/office/drawing/2014/main" id="{2E8741A7-A6B1-2752-4495-6A694937EC49}"/>
              </a:ext>
            </a:extLst>
          </p:cNvPr>
          <p:cNvCxnSpPr>
            <a:cxnSpLocks/>
          </p:cNvCxnSpPr>
          <p:nvPr/>
        </p:nvCxnSpPr>
        <p:spPr bwMode="auto">
          <a:xfrm flipV="1">
            <a:off x="11944374" y="1689081"/>
            <a:ext cx="0" cy="2919870"/>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70825464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47" name="Straight Arrow Connector 46">
            <a:extLst>
              <a:ext uri="{FF2B5EF4-FFF2-40B4-BE49-F238E27FC236}">
                <a16:creationId xmlns:a16="http://schemas.microsoft.com/office/drawing/2014/main" id="{6EAD61A9-072A-9B1D-FA54-C70EE017FF23}"/>
              </a:ext>
            </a:extLst>
          </p:cNvPr>
          <p:cNvCxnSpPr>
            <a:cxnSpLocks/>
          </p:cNvCxnSpPr>
          <p:nvPr/>
        </p:nvCxnSpPr>
        <p:spPr bwMode="auto">
          <a:xfrm flipH="1">
            <a:off x="178441" y="4837830"/>
            <a:ext cx="1198602" cy="4144"/>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 name="TextBox 4">
            <a:extLst>
              <a:ext uri="{FF2B5EF4-FFF2-40B4-BE49-F238E27FC236}">
                <a16:creationId xmlns:a16="http://schemas.microsoft.com/office/drawing/2014/main" id="{08F2B45B-2BC1-44B2-4465-F8FD2B97328F}"/>
              </a:ext>
            </a:extLst>
          </p:cNvPr>
          <p:cNvSpPr txBox="1"/>
          <p:nvPr/>
        </p:nvSpPr>
        <p:spPr>
          <a:xfrm>
            <a:off x="563742" y="231187"/>
            <a:ext cx="10646661" cy="523220"/>
          </a:xfrm>
          <a:prstGeom prst="rect">
            <a:avLst/>
          </a:prstGeom>
          <a:noFill/>
        </p:spPr>
        <p:txBody>
          <a:bodyPr wrap="square" rtlCol="0">
            <a:spAutoFit/>
          </a:bodyPr>
          <a:lstStyle/>
          <a:p>
            <a:r>
              <a:rPr lang="en-US" sz="2800" b="1">
                <a:solidFill>
                  <a:schemeClr val="tx1">
                    <a:lumMod val="75000"/>
                    <a:lumOff val="25000"/>
                  </a:schemeClr>
                </a:solidFill>
              </a:rPr>
              <a:t>Intelligent Site Engineering (ISE) - </a:t>
            </a:r>
            <a:r>
              <a:rPr lang="en-US" sz="2800" b="1" err="1">
                <a:solidFill>
                  <a:schemeClr val="tx1">
                    <a:lumMod val="75000"/>
                    <a:lumOff val="25000"/>
                  </a:schemeClr>
                </a:solidFill>
              </a:rPr>
              <a:t>Panoramica</a:t>
            </a:r>
            <a:endParaRPr lang="en-US" sz="2800" b="1">
              <a:solidFill>
                <a:schemeClr val="tx1">
                  <a:lumMod val="75000"/>
                  <a:lumOff val="25000"/>
                </a:schemeClr>
              </a:solidFill>
            </a:endParaRPr>
          </a:p>
        </p:txBody>
      </p:sp>
      <p:cxnSp>
        <p:nvCxnSpPr>
          <p:cNvPr id="35" name="Straight Connector 34">
            <a:extLst>
              <a:ext uri="{FF2B5EF4-FFF2-40B4-BE49-F238E27FC236}">
                <a16:creationId xmlns:a16="http://schemas.microsoft.com/office/drawing/2014/main" id="{6DA4F8F9-EAFC-DA02-1EAC-A1777C1A0701}"/>
              </a:ext>
            </a:extLst>
          </p:cNvPr>
          <p:cNvCxnSpPr/>
          <p:nvPr/>
        </p:nvCxnSpPr>
        <p:spPr>
          <a:xfrm>
            <a:off x="630620" y="734762"/>
            <a:ext cx="10731063" cy="0"/>
          </a:xfrm>
          <a:prstGeom prst="line">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
        <p:nvSpPr>
          <p:cNvPr id="2" name="TextBox 1">
            <a:extLst>
              <a:ext uri="{FF2B5EF4-FFF2-40B4-BE49-F238E27FC236}">
                <a16:creationId xmlns:a16="http://schemas.microsoft.com/office/drawing/2014/main" id="{122FD5BD-DAF5-1A87-AE17-933C9433B867}"/>
              </a:ext>
            </a:extLst>
          </p:cNvPr>
          <p:cNvSpPr txBox="1"/>
          <p:nvPr/>
        </p:nvSpPr>
        <p:spPr>
          <a:xfrm>
            <a:off x="975933" y="2741184"/>
            <a:ext cx="858982" cy="369332"/>
          </a:xfrm>
          <a:prstGeom prst="rect">
            <a:avLst/>
          </a:prstGeom>
          <a:noFill/>
        </p:spPr>
        <p:txBody>
          <a:bodyPr wrap="square" rtlCol="0">
            <a:spAutoFit/>
          </a:bodyPr>
          <a:lstStyle/>
          <a:p>
            <a:r>
              <a:rPr lang="it-IT">
                <a:hlinkClick r:id="rId3"/>
              </a:rPr>
              <a:t>LINK</a:t>
            </a:r>
            <a:endParaRPr lang="it-IT"/>
          </a:p>
        </p:txBody>
      </p:sp>
      <p:cxnSp>
        <p:nvCxnSpPr>
          <p:cNvPr id="34" name="Straight Connector 33">
            <a:extLst>
              <a:ext uri="{FF2B5EF4-FFF2-40B4-BE49-F238E27FC236}">
                <a16:creationId xmlns:a16="http://schemas.microsoft.com/office/drawing/2014/main" id="{DE0432A5-928F-77BC-00FD-4C47320EA01A}"/>
              </a:ext>
            </a:extLst>
          </p:cNvPr>
          <p:cNvCxnSpPr/>
          <p:nvPr/>
        </p:nvCxnSpPr>
        <p:spPr>
          <a:xfrm>
            <a:off x="630620" y="734762"/>
            <a:ext cx="10731063" cy="0"/>
          </a:xfrm>
          <a:prstGeom prst="line">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0C63C86E-BF91-4793-CA4B-F6A95CBA0E83}"/>
              </a:ext>
            </a:extLst>
          </p:cNvPr>
          <p:cNvCxnSpPr/>
          <p:nvPr/>
        </p:nvCxnSpPr>
        <p:spPr>
          <a:xfrm>
            <a:off x="630620" y="734762"/>
            <a:ext cx="10731063" cy="0"/>
          </a:xfrm>
          <a:prstGeom prst="line">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37" name="Straight Arrow Connector 36">
            <a:extLst>
              <a:ext uri="{FF2B5EF4-FFF2-40B4-BE49-F238E27FC236}">
                <a16:creationId xmlns:a16="http://schemas.microsoft.com/office/drawing/2014/main" id="{36798850-9724-D2CA-DBC8-10E51B96BE27}"/>
              </a:ext>
            </a:extLst>
          </p:cNvPr>
          <p:cNvCxnSpPr>
            <a:cxnSpLocks/>
          </p:cNvCxnSpPr>
          <p:nvPr/>
        </p:nvCxnSpPr>
        <p:spPr bwMode="auto">
          <a:xfrm flipH="1">
            <a:off x="203916" y="1695380"/>
            <a:ext cx="11740458" cy="0"/>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8" name="TextBox 37">
            <a:extLst>
              <a:ext uri="{FF2B5EF4-FFF2-40B4-BE49-F238E27FC236}">
                <a16:creationId xmlns:a16="http://schemas.microsoft.com/office/drawing/2014/main" id="{18D0BA13-5C75-04F7-FA22-D8DAAB1E09BC}"/>
              </a:ext>
            </a:extLst>
          </p:cNvPr>
          <p:cNvSpPr txBox="1"/>
          <p:nvPr/>
        </p:nvSpPr>
        <p:spPr>
          <a:xfrm>
            <a:off x="866598" y="917608"/>
            <a:ext cx="4603414" cy="1736646"/>
          </a:xfrm>
          <a:prstGeom prst="roundRect">
            <a:avLst/>
          </a:prstGeom>
          <a:solidFill>
            <a:srgbClr val="ECEFF4"/>
          </a:solidFill>
          <a:ln w="19050">
            <a:solidFill>
              <a:srgbClr val="AF78D2"/>
            </a:solidFill>
          </a:ln>
        </p:spPr>
        <p:txBody>
          <a:bodyPr wrap="square" rtlCol="0">
            <a:spAutoFit/>
          </a:bodyPr>
          <a:lstStyle/>
          <a:p>
            <a:r>
              <a:rPr lang="it-IT" sz="1600" dirty="0"/>
              <a:t>La metodologia </a:t>
            </a:r>
            <a:r>
              <a:rPr lang="en-US" sz="1600" b="1" dirty="0">
                <a:cs typeface="Arial" panose="020B0604020202020204" pitchFamily="34" charset="0"/>
              </a:rPr>
              <a:t>INTELLIGENT SITE ENGINEERING </a:t>
            </a:r>
            <a:r>
              <a:rPr lang="it-IT" sz="1600" dirty="0"/>
              <a:t>mediante l’utilizzo di diversi strumenti digitali come </a:t>
            </a:r>
            <a:r>
              <a:rPr lang="en-US" sz="1600" dirty="0"/>
              <a:t>lasers scan e </a:t>
            </a:r>
            <a:r>
              <a:rPr lang="en-US" sz="1600" dirty="0" err="1"/>
              <a:t>droni</a:t>
            </a:r>
            <a:r>
              <a:rPr lang="en-US" sz="1600" dirty="0"/>
              <a:t>, </a:t>
            </a:r>
            <a:r>
              <a:rPr lang="en-US" sz="1600" dirty="0" err="1"/>
              <a:t>permette</a:t>
            </a:r>
            <a:r>
              <a:rPr lang="en-US" sz="1600" dirty="0"/>
              <a:t> </a:t>
            </a:r>
            <a:r>
              <a:rPr lang="en-US" sz="1600" dirty="0" err="1"/>
              <a:t>l’acquisizione</a:t>
            </a:r>
            <a:r>
              <a:rPr lang="en-US" sz="1600" dirty="0"/>
              <a:t> delle </a:t>
            </a:r>
            <a:r>
              <a:rPr lang="en-US" sz="1600" dirty="0" err="1"/>
              <a:t>informazioni</a:t>
            </a:r>
            <a:r>
              <a:rPr lang="en-US" sz="1600" dirty="0"/>
              <a:t> di </a:t>
            </a:r>
            <a:r>
              <a:rPr lang="en-US" sz="1600" dirty="0" err="1"/>
              <a:t>sito</a:t>
            </a:r>
            <a:r>
              <a:rPr lang="en-US" sz="1600" dirty="0"/>
              <a:t> </a:t>
            </a:r>
            <a:r>
              <a:rPr lang="it-IT" sz="1600" dirty="0"/>
              <a:t>con un elevato livello di precisione, creando una copia virtuale gemella digitale del sito reale (Digital Twin).</a:t>
            </a:r>
          </a:p>
        </p:txBody>
      </p:sp>
      <p:sp>
        <p:nvSpPr>
          <p:cNvPr id="39" name="TextBox 38">
            <a:extLst>
              <a:ext uri="{FF2B5EF4-FFF2-40B4-BE49-F238E27FC236}">
                <a16:creationId xmlns:a16="http://schemas.microsoft.com/office/drawing/2014/main" id="{8AE91132-63B2-A336-18DA-52C9E25E8609}"/>
              </a:ext>
            </a:extLst>
          </p:cNvPr>
          <p:cNvSpPr txBox="1"/>
          <p:nvPr/>
        </p:nvSpPr>
        <p:spPr>
          <a:xfrm>
            <a:off x="6290203" y="937395"/>
            <a:ext cx="5351821" cy="1464231"/>
          </a:xfrm>
          <a:prstGeom prst="roundRect">
            <a:avLst/>
          </a:prstGeom>
          <a:solidFill>
            <a:schemeClr val="bg1"/>
          </a:solidFill>
          <a:ln w="19050">
            <a:solidFill>
              <a:srgbClr val="00B050"/>
            </a:solidFill>
          </a:ln>
        </p:spPr>
        <p:txBody>
          <a:bodyPr wrap="square" rtlCol="0">
            <a:spAutoFit/>
          </a:bodyPr>
          <a:lstStyle/>
          <a:p>
            <a:r>
              <a:rPr lang="it-IT" sz="1600"/>
              <a:t>Effettuare una visita virtuale del sito, permettendo di ispezionarlo da remoto con un elevato livello di accuratezza, così da ridurre il numero di visite in loco (limitando i climb per ditte di permitting e progettazione) e riducendo l’esposizione al rischio degli operatori in campo.</a:t>
            </a:r>
          </a:p>
        </p:txBody>
      </p:sp>
      <p:sp>
        <p:nvSpPr>
          <p:cNvPr id="40" name="Oval 39">
            <a:extLst>
              <a:ext uri="{FF2B5EF4-FFF2-40B4-BE49-F238E27FC236}">
                <a16:creationId xmlns:a16="http://schemas.microsoft.com/office/drawing/2014/main" id="{EE6FA58A-6E1D-B918-9340-6270FDB95CD8}"/>
              </a:ext>
            </a:extLst>
          </p:cNvPr>
          <p:cNvSpPr/>
          <p:nvPr/>
        </p:nvSpPr>
        <p:spPr>
          <a:xfrm>
            <a:off x="5734948" y="768202"/>
            <a:ext cx="715654" cy="542188"/>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pic>
        <p:nvPicPr>
          <p:cNvPr id="41" name="Graphic 40" descr="Bullseye with solid fill">
            <a:extLst>
              <a:ext uri="{FF2B5EF4-FFF2-40B4-BE49-F238E27FC236}">
                <a16:creationId xmlns:a16="http://schemas.microsoft.com/office/drawing/2014/main" id="{45C0EFD5-F600-46A8-A5D5-135975D89167}"/>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954891" y="744131"/>
            <a:ext cx="569184" cy="569184"/>
          </a:xfrm>
          <a:prstGeom prst="rect">
            <a:avLst/>
          </a:prstGeom>
        </p:spPr>
      </p:pic>
      <p:cxnSp>
        <p:nvCxnSpPr>
          <p:cNvPr id="45" name="Straight Arrow Connector 44">
            <a:extLst>
              <a:ext uri="{FF2B5EF4-FFF2-40B4-BE49-F238E27FC236}">
                <a16:creationId xmlns:a16="http://schemas.microsoft.com/office/drawing/2014/main" id="{446367E0-F1A8-E41E-9CA4-83BBA9412598}"/>
              </a:ext>
            </a:extLst>
          </p:cNvPr>
          <p:cNvCxnSpPr>
            <a:cxnSpLocks/>
          </p:cNvCxnSpPr>
          <p:nvPr/>
        </p:nvCxnSpPr>
        <p:spPr bwMode="auto">
          <a:xfrm flipV="1">
            <a:off x="190784" y="1689081"/>
            <a:ext cx="1" cy="3145751"/>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6" name="Straight Arrow Connector 45">
            <a:extLst>
              <a:ext uri="{FF2B5EF4-FFF2-40B4-BE49-F238E27FC236}">
                <a16:creationId xmlns:a16="http://schemas.microsoft.com/office/drawing/2014/main" id="{F70E07B8-B9B2-09FB-6ED8-EBD4852E19F7}"/>
              </a:ext>
            </a:extLst>
          </p:cNvPr>
          <p:cNvCxnSpPr>
            <a:cxnSpLocks/>
          </p:cNvCxnSpPr>
          <p:nvPr/>
        </p:nvCxnSpPr>
        <p:spPr bwMode="auto">
          <a:xfrm flipV="1">
            <a:off x="11944372" y="1689081"/>
            <a:ext cx="2" cy="3158274"/>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 name="Oval 5">
            <a:extLst>
              <a:ext uri="{FF2B5EF4-FFF2-40B4-BE49-F238E27FC236}">
                <a16:creationId xmlns:a16="http://schemas.microsoft.com/office/drawing/2014/main" id="{5DFEE4FC-CB7A-6246-952B-FFB874944E08}"/>
              </a:ext>
            </a:extLst>
          </p:cNvPr>
          <p:cNvSpPr/>
          <p:nvPr/>
        </p:nvSpPr>
        <p:spPr>
          <a:xfrm>
            <a:off x="415633" y="833181"/>
            <a:ext cx="599090" cy="567558"/>
          </a:xfrm>
          <a:prstGeom prst="ellipse">
            <a:avLst/>
          </a:prstGeom>
          <a:solidFill>
            <a:srgbClr val="AF78D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Oval 8">
            <a:extLst>
              <a:ext uri="{FF2B5EF4-FFF2-40B4-BE49-F238E27FC236}">
                <a16:creationId xmlns:a16="http://schemas.microsoft.com/office/drawing/2014/main" id="{4A2FF5E8-B7C8-D3F0-C830-4717E2FD30F2}"/>
              </a:ext>
            </a:extLst>
          </p:cNvPr>
          <p:cNvSpPr/>
          <p:nvPr/>
        </p:nvSpPr>
        <p:spPr>
          <a:xfrm>
            <a:off x="431133" y="850919"/>
            <a:ext cx="536029" cy="501332"/>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4" name="Graphic 13" descr="Bar chart with solid fill">
            <a:extLst>
              <a:ext uri="{FF2B5EF4-FFF2-40B4-BE49-F238E27FC236}">
                <a16:creationId xmlns:a16="http://schemas.microsoft.com/office/drawing/2014/main" id="{15C60654-0836-0300-DBD9-25C8FC1E3FA4}"/>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460646" y="883927"/>
            <a:ext cx="462032" cy="462032"/>
          </a:xfrm>
          <a:prstGeom prst="rect">
            <a:avLst/>
          </a:prstGeom>
        </p:spPr>
      </p:pic>
      <p:cxnSp>
        <p:nvCxnSpPr>
          <p:cNvPr id="49" name="Straight Arrow Connector 48">
            <a:extLst>
              <a:ext uri="{FF2B5EF4-FFF2-40B4-BE49-F238E27FC236}">
                <a16:creationId xmlns:a16="http://schemas.microsoft.com/office/drawing/2014/main" id="{A7029C7A-F9FF-B330-2334-B75E30B98051}"/>
              </a:ext>
            </a:extLst>
          </p:cNvPr>
          <p:cNvCxnSpPr>
            <a:cxnSpLocks/>
          </p:cNvCxnSpPr>
          <p:nvPr/>
        </p:nvCxnSpPr>
        <p:spPr bwMode="auto">
          <a:xfrm flipH="1" flipV="1">
            <a:off x="10991850" y="4833962"/>
            <a:ext cx="962025" cy="14263"/>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 name="TextBox 2">
            <a:extLst>
              <a:ext uri="{FF2B5EF4-FFF2-40B4-BE49-F238E27FC236}">
                <a16:creationId xmlns:a16="http://schemas.microsoft.com/office/drawing/2014/main" id="{9BD708F1-01D6-B4FD-492B-A007E8F18974}"/>
              </a:ext>
            </a:extLst>
          </p:cNvPr>
          <p:cNvSpPr txBox="1"/>
          <p:nvPr/>
        </p:nvSpPr>
        <p:spPr>
          <a:xfrm>
            <a:off x="1396093" y="3101184"/>
            <a:ext cx="9548132" cy="3473291"/>
          </a:xfrm>
          <a:prstGeom prst="roundRect">
            <a:avLst/>
          </a:prstGeom>
          <a:noFill/>
          <a:ln w="19050">
            <a:solidFill>
              <a:srgbClr val="AF78D2"/>
            </a:solidFill>
          </a:ln>
        </p:spPr>
        <p:txBody>
          <a:bodyPr wrap="square" rtlCol="0">
            <a:spAutoFit/>
          </a:bodyPr>
          <a:lstStyle/>
          <a:p>
            <a:endParaRPr lang="it-IT"/>
          </a:p>
          <a:p>
            <a:endParaRPr lang="it-IT"/>
          </a:p>
          <a:p>
            <a:endParaRPr lang="it-IT"/>
          </a:p>
          <a:p>
            <a:endParaRPr lang="it-IT"/>
          </a:p>
          <a:p>
            <a:endParaRPr lang="it-IT"/>
          </a:p>
          <a:p>
            <a:endParaRPr lang="it-IT"/>
          </a:p>
          <a:p>
            <a:endParaRPr lang="it-IT"/>
          </a:p>
          <a:p>
            <a:endParaRPr lang="it-IT"/>
          </a:p>
          <a:p>
            <a:endParaRPr lang="it-IT"/>
          </a:p>
          <a:p>
            <a:endParaRPr lang="it-IT"/>
          </a:p>
          <a:p>
            <a:endParaRPr lang="it-IT"/>
          </a:p>
        </p:txBody>
      </p:sp>
      <p:grpSp>
        <p:nvGrpSpPr>
          <p:cNvPr id="7" name="Group 6">
            <a:extLst>
              <a:ext uri="{FF2B5EF4-FFF2-40B4-BE49-F238E27FC236}">
                <a16:creationId xmlns:a16="http://schemas.microsoft.com/office/drawing/2014/main" id="{FEAAE02A-FA97-3C93-AF35-F64F100F4434}"/>
              </a:ext>
            </a:extLst>
          </p:cNvPr>
          <p:cNvGrpSpPr/>
          <p:nvPr/>
        </p:nvGrpSpPr>
        <p:grpSpPr>
          <a:xfrm>
            <a:off x="1567580" y="3150086"/>
            <a:ext cx="9229505" cy="3280276"/>
            <a:chOff x="650152" y="822738"/>
            <a:chExt cx="11407252" cy="4040456"/>
          </a:xfrm>
        </p:grpSpPr>
        <p:pic>
          <p:nvPicPr>
            <p:cNvPr id="16" name="Picture 15">
              <a:extLst>
                <a:ext uri="{FF2B5EF4-FFF2-40B4-BE49-F238E27FC236}">
                  <a16:creationId xmlns:a16="http://schemas.microsoft.com/office/drawing/2014/main" id="{F5F30370-8EB6-AA76-83B1-2F272D7FC0E5}"/>
                </a:ext>
              </a:extLst>
            </p:cNvPr>
            <p:cNvPicPr>
              <a:picLocks noChangeAspect="1"/>
            </p:cNvPicPr>
            <p:nvPr/>
          </p:nvPicPr>
          <p:blipFill rotWithShape="1">
            <a:blip r:embed="rId8"/>
            <a:srcRect l="4561"/>
            <a:stretch/>
          </p:blipFill>
          <p:spPr>
            <a:xfrm>
              <a:off x="650152" y="1038276"/>
              <a:ext cx="4944809" cy="1535303"/>
            </a:xfrm>
            <a:prstGeom prst="rect">
              <a:avLst/>
            </a:prstGeom>
          </p:spPr>
        </p:pic>
        <p:sp>
          <p:nvSpPr>
            <p:cNvPr id="17" name="Rectangle 16">
              <a:extLst>
                <a:ext uri="{FF2B5EF4-FFF2-40B4-BE49-F238E27FC236}">
                  <a16:creationId xmlns:a16="http://schemas.microsoft.com/office/drawing/2014/main" id="{12907104-6320-AE4F-8DCD-394F15757FF8}"/>
                </a:ext>
              </a:extLst>
            </p:cNvPr>
            <p:cNvSpPr/>
            <p:nvPr/>
          </p:nvSpPr>
          <p:spPr>
            <a:xfrm>
              <a:off x="3261127" y="1821421"/>
              <a:ext cx="2379946" cy="73687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sz="1600"/>
            </a:p>
          </p:txBody>
        </p:sp>
        <p:sp>
          <p:nvSpPr>
            <p:cNvPr id="18" name="TextBox 17">
              <a:extLst>
                <a:ext uri="{FF2B5EF4-FFF2-40B4-BE49-F238E27FC236}">
                  <a16:creationId xmlns:a16="http://schemas.microsoft.com/office/drawing/2014/main" id="{9F6AF2C5-3368-5D88-BEFB-4D0B4D946953}"/>
                </a:ext>
              </a:extLst>
            </p:cNvPr>
            <p:cNvSpPr txBox="1"/>
            <p:nvPr/>
          </p:nvSpPr>
          <p:spPr>
            <a:xfrm>
              <a:off x="3379295" y="2319576"/>
              <a:ext cx="2917446" cy="710815"/>
            </a:xfrm>
            <a:prstGeom prst="rect">
              <a:avLst/>
            </a:prstGeom>
            <a:noFill/>
          </p:spPr>
          <p:txBody>
            <a:bodyPr wrap="square">
              <a:spAutoFit/>
            </a:bodyPr>
            <a:lstStyle/>
            <a:p>
              <a:pPr algn="just"/>
              <a:r>
                <a:rPr lang="it-IT" sz="1050"/>
                <a:t>La </a:t>
              </a:r>
              <a:r>
                <a:rPr lang="it-IT" sz="1050">
                  <a:solidFill>
                    <a:schemeClr val="tx1"/>
                  </a:solidFill>
                </a:rPr>
                <a:t>metodologia acquisisce gli attributi di un sito con elevati livelli di precisione, attraverso l’utilizzo di laser e/o droni.</a:t>
              </a:r>
              <a:endParaRPr lang="it-IT" sz="1100">
                <a:solidFill>
                  <a:schemeClr val="tx1"/>
                </a:solidFill>
              </a:endParaRPr>
            </a:p>
          </p:txBody>
        </p:sp>
        <p:pic>
          <p:nvPicPr>
            <p:cNvPr id="20" name="Picture 19">
              <a:extLst>
                <a:ext uri="{FF2B5EF4-FFF2-40B4-BE49-F238E27FC236}">
                  <a16:creationId xmlns:a16="http://schemas.microsoft.com/office/drawing/2014/main" id="{14067F67-0A53-5863-4DF1-14912084367C}"/>
                </a:ext>
              </a:extLst>
            </p:cNvPr>
            <p:cNvPicPr>
              <a:picLocks noChangeAspect="1"/>
            </p:cNvPicPr>
            <p:nvPr/>
          </p:nvPicPr>
          <p:blipFill>
            <a:blip r:embed="rId9"/>
            <a:stretch>
              <a:fillRect/>
            </a:stretch>
          </p:blipFill>
          <p:spPr>
            <a:xfrm>
              <a:off x="7233822" y="1072105"/>
              <a:ext cx="2076875" cy="1532621"/>
            </a:xfrm>
            <a:prstGeom prst="rect">
              <a:avLst/>
            </a:prstGeom>
          </p:spPr>
        </p:pic>
        <p:sp>
          <p:nvSpPr>
            <p:cNvPr id="21" name="TextBox 20">
              <a:extLst>
                <a:ext uri="{FF2B5EF4-FFF2-40B4-BE49-F238E27FC236}">
                  <a16:creationId xmlns:a16="http://schemas.microsoft.com/office/drawing/2014/main" id="{005D7CA5-3953-15A5-6A88-DFF41A8ADC3D}"/>
                </a:ext>
              </a:extLst>
            </p:cNvPr>
            <p:cNvSpPr txBox="1"/>
            <p:nvPr/>
          </p:nvSpPr>
          <p:spPr>
            <a:xfrm>
              <a:off x="3758927" y="2018034"/>
              <a:ext cx="2206660" cy="379102"/>
            </a:xfrm>
            <a:prstGeom prst="rect">
              <a:avLst/>
            </a:prstGeom>
            <a:noFill/>
          </p:spPr>
          <p:txBody>
            <a:bodyPr wrap="square">
              <a:spAutoFit/>
            </a:bodyPr>
            <a:lstStyle/>
            <a:p>
              <a:r>
                <a:rPr lang="it-IT" sz="1400" b="1"/>
                <a:t>Acquisizione dati</a:t>
              </a:r>
            </a:p>
          </p:txBody>
        </p:sp>
        <p:sp>
          <p:nvSpPr>
            <p:cNvPr id="23" name="TextBox 22">
              <a:extLst>
                <a:ext uri="{FF2B5EF4-FFF2-40B4-BE49-F238E27FC236}">
                  <a16:creationId xmlns:a16="http://schemas.microsoft.com/office/drawing/2014/main" id="{8BA5B7FD-36EC-C664-3A0E-0CAB57FB4FFA}"/>
                </a:ext>
              </a:extLst>
            </p:cNvPr>
            <p:cNvSpPr txBox="1"/>
            <p:nvPr/>
          </p:nvSpPr>
          <p:spPr>
            <a:xfrm>
              <a:off x="9197884" y="822738"/>
              <a:ext cx="2859520" cy="379102"/>
            </a:xfrm>
            <a:prstGeom prst="rect">
              <a:avLst/>
            </a:prstGeom>
            <a:noFill/>
          </p:spPr>
          <p:txBody>
            <a:bodyPr wrap="square">
              <a:spAutoFit/>
            </a:bodyPr>
            <a:lstStyle/>
            <a:p>
              <a:r>
                <a:rPr lang="it-IT" sz="1400" b="1"/>
                <a:t>Creazione del «Digital Twin»</a:t>
              </a:r>
            </a:p>
          </p:txBody>
        </p:sp>
        <p:sp>
          <p:nvSpPr>
            <p:cNvPr id="27" name="TextBox 26">
              <a:extLst>
                <a:ext uri="{FF2B5EF4-FFF2-40B4-BE49-F238E27FC236}">
                  <a16:creationId xmlns:a16="http://schemas.microsoft.com/office/drawing/2014/main" id="{432B84DB-A71F-C432-7F5C-492D2E17D015}"/>
                </a:ext>
              </a:extLst>
            </p:cNvPr>
            <p:cNvSpPr txBox="1"/>
            <p:nvPr/>
          </p:nvSpPr>
          <p:spPr>
            <a:xfrm>
              <a:off x="9214368" y="1161297"/>
              <a:ext cx="2787057" cy="1108871"/>
            </a:xfrm>
            <a:prstGeom prst="rect">
              <a:avLst/>
            </a:prstGeom>
            <a:noFill/>
          </p:spPr>
          <p:txBody>
            <a:bodyPr wrap="square">
              <a:spAutoFit/>
            </a:bodyPr>
            <a:lstStyle/>
            <a:p>
              <a:pPr algn="just"/>
              <a:r>
                <a:rPr lang="it-IT" sz="1050"/>
                <a:t>I dati raccolti vengono convalidati e caricati su una piattaforma di digitalizzazione del sito, creando una replica digitale completa – o “gemello digitale” – del sito.</a:t>
              </a:r>
            </a:p>
          </p:txBody>
        </p:sp>
        <p:pic>
          <p:nvPicPr>
            <p:cNvPr id="29" name="Picture 28">
              <a:extLst>
                <a:ext uri="{FF2B5EF4-FFF2-40B4-BE49-F238E27FC236}">
                  <a16:creationId xmlns:a16="http://schemas.microsoft.com/office/drawing/2014/main" id="{E644AEC2-78CD-E30A-1945-43DC96201F9C}"/>
                </a:ext>
              </a:extLst>
            </p:cNvPr>
            <p:cNvPicPr>
              <a:picLocks noChangeAspect="1"/>
            </p:cNvPicPr>
            <p:nvPr/>
          </p:nvPicPr>
          <p:blipFill>
            <a:blip r:embed="rId10"/>
            <a:stretch>
              <a:fillRect/>
            </a:stretch>
          </p:blipFill>
          <p:spPr>
            <a:xfrm>
              <a:off x="9462493" y="3157054"/>
              <a:ext cx="2265720" cy="1636617"/>
            </a:xfrm>
            <a:prstGeom prst="rect">
              <a:avLst/>
            </a:prstGeom>
          </p:spPr>
        </p:pic>
        <p:sp>
          <p:nvSpPr>
            <p:cNvPr id="30" name="TextBox 29">
              <a:extLst>
                <a:ext uri="{FF2B5EF4-FFF2-40B4-BE49-F238E27FC236}">
                  <a16:creationId xmlns:a16="http://schemas.microsoft.com/office/drawing/2014/main" id="{B5A02EF9-B448-C40B-B7C7-09242A62E918}"/>
                </a:ext>
              </a:extLst>
            </p:cNvPr>
            <p:cNvSpPr txBox="1"/>
            <p:nvPr/>
          </p:nvSpPr>
          <p:spPr>
            <a:xfrm>
              <a:off x="6152929" y="3268810"/>
              <a:ext cx="1876163" cy="379102"/>
            </a:xfrm>
            <a:prstGeom prst="rect">
              <a:avLst/>
            </a:prstGeom>
            <a:noFill/>
          </p:spPr>
          <p:txBody>
            <a:bodyPr wrap="square">
              <a:spAutoFit/>
            </a:bodyPr>
            <a:lstStyle/>
            <a:p>
              <a:r>
                <a:rPr lang="it-IT" sz="1400" b="1"/>
                <a:t>Utilizzo AI e ML</a:t>
              </a:r>
            </a:p>
          </p:txBody>
        </p:sp>
        <p:sp>
          <p:nvSpPr>
            <p:cNvPr id="31" name="TextBox 30">
              <a:extLst>
                <a:ext uri="{FF2B5EF4-FFF2-40B4-BE49-F238E27FC236}">
                  <a16:creationId xmlns:a16="http://schemas.microsoft.com/office/drawing/2014/main" id="{2D8FB9B5-4181-DF74-5545-BA62FC847F73}"/>
                </a:ext>
              </a:extLst>
            </p:cNvPr>
            <p:cNvSpPr txBox="1"/>
            <p:nvPr/>
          </p:nvSpPr>
          <p:spPr>
            <a:xfrm>
              <a:off x="5668291" y="3684799"/>
              <a:ext cx="3759525" cy="1108871"/>
            </a:xfrm>
            <a:prstGeom prst="rect">
              <a:avLst/>
            </a:prstGeom>
            <a:noFill/>
          </p:spPr>
          <p:txBody>
            <a:bodyPr wrap="square">
              <a:spAutoFit/>
            </a:bodyPr>
            <a:lstStyle/>
            <a:p>
              <a:pPr algn="just"/>
              <a:r>
                <a:rPr lang="it-IT" sz="1050"/>
                <a:t>Gli algoritmi aiutano a riconoscere automaticamente apparecchiature e infrastrutture, consentendo una configurazione ottimale per la fase successiva di progettazione, senza la necessità di sopralluoghi in campo e risalite su torri da parte degli operatori.</a:t>
              </a:r>
            </a:p>
          </p:txBody>
        </p:sp>
        <p:pic>
          <p:nvPicPr>
            <p:cNvPr id="32" name="Picture 31">
              <a:extLst>
                <a:ext uri="{FF2B5EF4-FFF2-40B4-BE49-F238E27FC236}">
                  <a16:creationId xmlns:a16="http://schemas.microsoft.com/office/drawing/2014/main" id="{2EA9BDC0-F93B-E727-33C9-796860E0F81C}"/>
                </a:ext>
              </a:extLst>
            </p:cNvPr>
            <p:cNvPicPr>
              <a:picLocks noChangeAspect="1"/>
            </p:cNvPicPr>
            <p:nvPr/>
          </p:nvPicPr>
          <p:blipFill>
            <a:blip r:embed="rId11"/>
            <a:stretch>
              <a:fillRect/>
            </a:stretch>
          </p:blipFill>
          <p:spPr>
            <a:xfrm>
              <a:off x="2624405" y="3590704"/>
              <a:ext cx="2437737" cy="1272490"/>
            </a:xfrm>
            <a:prstGeom prst="rect">
              <a:avLst/>
            </a:prstGeom>
          </p:spPr>
        </p:pic>
        <p:sp>
          <p:nvSpPr>
            <p:cNvPr id="33" name="TextBox 32">
              <a:extLst>
                <a:ext uri="{FF2B5EF4-FFF2-40B4-BE49-F238E27FC236}">
                  <a16:creationId xmlns:a16="http://schemas.microsoft.com/office/drawing/2014/main" id="{4BED35C8-F79A-D95B-AF62-B102988E68AA}"/>
                </a:ext>
              </a:extLst>
            </p:cNvPr>
            <p:cNvSpPr txBox="1"/>
            <p:nvPr/>
          </p:nvSpPr>
          <p:spPr>
            <a:xfrm>
              <a:off x="1314713" y="3174625"/>
              <a:ext cx="1876163" cy="379102"/>
            </a:xfrm>
            <a:prstGeom prst="rect">
              <a:avLst/>
            </a:prstGeom>
            <a:noFill/>
          </p:spPr>
          <p:txBody>
            <a:bodyPr wrap="square">
              <a:spAutoFit/>
            </a:bodyPr>
            <a:lstStyle/>
            <a:p>
              <a:r>
                <a:rPr lang="it-IT" sz="1400" b="1"/>
                <a:t>Progettazione</a:t>
              </a:r>
            </a:p>
          </p:txBody>
        </p:sp>
        <p:sp>
          <p:nvSpPr>
            <p:cNvPr id="42" name="TextBox 41">
              <a:extLst>
                <a:ext uri="{FF2B5EF4-FFF2-40B4-BE49-F238E27FC236}">
                  <a16:creationId xmlns:a16="http://schemas.microsoft.com/office/drawing/2014/main" id="{EDB91D94-E219-B995-BDEC-1FF3702DEA5C}"/>
                </a:ext>
              </a:extLst>
            </p:cNvPr>
            <p:cNvSpPr txBox="1"/>
            <p:nvPr/>
          </p:nvSpPr>
          <p:spPr>
            <a:xfrm>
              <a:off x="924879" y="3533440"/>
              <a:ext cx="2288269" cy="710815"/>
            </a:xfrm>
            <a:prstGeom prst="rect">
              <a:avLst/>
            </a:prstGeom>
            <a:noFill/>
          </p:spPr>
          <p:txBody>
            <a:bodyPr wrap="square">
              <a:spAutoFit/>
            </a:bodyPr>
            <a:lstStyle/>
            <a:p>
              <a:pPr algn="just"/>
              <a:r>
                <a:rPr lang="it-IT" sz="1050"/>
                <a:t>La progettazione è più rapida e precisa, con meno rischi per gli operatori.</a:t>
              </a:r>
            </a:p>
          </p:txBody>
        </p:sp>
        <p:sp>
          <p:nvSpPr>
            <p:cNvPr id="43" name="Arrow: Chevron 42">
              <a:extLst>
                <a:ext uri="{FF2B5EF4-FFF2-40B4-BE49-F238E27FC236}">
                  <a16:creationId xmlns:a16="http://schemas.microsoft.com/office/drawing/2014/main" id="{237FDB4A-3C52-4F7B-4B73-A66B31186383}"/>
                </a:ext>
              </a:extLst>
            </p:cNvPr>
            <p:cNvSpPr/>
            <p:nvPr/>
          </p:nvSpPr>
          <p:spPr>
            <a:xfrm>
              <a:off x="6418309" y="1877248"/>
              <a:ext cx="194933" cy="413880"/>
            </a:xfrm>
            <a:prstGeom prst="chevron">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sz="1600">
                <a:solidFill>
                  <a:schemeClr val="tx1"/>
                </a:solidFill>
              </a:endParaRPr>
            </a:p>
          </p:txBody>
        </p:sp>
        <p:sp>
          <p:nvSpPr>
            <p:cNvPr id="44" name="Arrow: Chevron 43">
              <a:extLst>
                <a:ext uri="{FF2B5EF4-FFF2-40B4-BE49-F238E27FC236}">
                  <a16:creationId xmlns:a16="http://schemas.microsoft.com/office/drawing/2014/main" id="{3C139FCF-58D2-C3DF-EBF4-EF7A7B542899}"/>
                </a:ext>
              </a:extLst>
            </p:cNvPr>
            <p:cNvSpPr/>
            <p:nvPr/>
          </p:nvSpPr>
          <p:spPr>
            <a:xfrm>
              <a:off x="6562912" y="1879245"/>
              <a:ext cx="194933" cy="413880"/>
            </a:xfrm>
            <a:prstGeom prst="chevron">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sz="1600">
                <a:solidFill>
                  <a:schemeClr val="tx1"/>
                </a:solidFill>
              </a:endParaRPr>
            </a:p>
          </p:txBody>
        </p:sp>
        <p:sp>
          <p:nvSpPr>
            <p:cNvPr id="48" name="Arrow: Chevron 47">
              <a:extLst>
                <a:ext uri="{FF2B5EF4-FFF2-40B4-BE49-F238E27FC236}">
                  <a16:creationId xmlns:a16="http://schemas.microsoft.com/office/drawing/2014/main" id="{E673B6F4-1BA8-D906-96E2-665F84F75911}"/>
                </a:ext>
              </a:extLst>
            </p:cNvPr>
            <p:cNvSpPr/>
            <p:nvPr/>
          </p:nvSpPr>
          <p:spPr>
            <a:xfrm rot="10800000">
              <a:off x="5112919" y="3615442"/>
              <a:ext cx="194934" cy="413880"/>
            </a:xfrm>
            <a:prstGeom prst="chevron">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sz="1600">
                <a:solidFill>
                  <a:schemeClr val="tx1"/>
                </a:solidFill>
              </a:endParaRPr>
            </a:p>
          </p:txBody>
        </p:sp>
        <p:sp>
          <p:nvSpPr>
            <p:cNvPr id="50" name="Arrow: Chevron 49">
              <a:extLst>
                <a:ext uri="{FF2B5EF4-FFF2-40B4-BE49-F238E27FC236}">
                  <a16:creationId xmlns:a16="http://schemas.microsoft.com/office/drawing/2014/main" id="{C918FE48-D9CB-06E8-9359-76F2599BD5BD}"/>
                </a:ext>
              </a:extLst>
            </p:cNvPr>
            <p:cNvSpPr/>
            <p:nvPr/>
          </p:nvSpPr>
          <p:spPr>
            <a:xfrm rot="10800000">
              <a:off x="5257522" y="3617439"/>
              <a:ext cx="194934" cy="413880"/>
            </a:xfrm>
            <a:prstGeom prst="chevron">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sz="1600">
                <a:solidFill>
                  <a:schemeClr val="tx1"/>
                </a:solidFill>
              </a:endParaRPr>
            </a:p>
          </p:txBody>
        </p:sp>
        <p:sp>
          <p:nvSpPr>
            <p:cNvPr id="51" name="Arrow: Chevron 50">
              <a:extLst>
                <a:ext uri="{FF2B5EF4-FFF2-40B4-BE49-F238E27FC236}">
                  <a16:creationId xmlns:a16="http://schemas.microsoft.com/office/drawing/2014/main" id="{E70DDEB0-9981-C434-3CC4-F942EDFF162C}"/>
                </a:ext>
              </a:extLst>
            </p:cNvPr>
            <p:cNvSpPr/>
            <p:nvPr/>
          </p:nvSpPr>
          <p:spPr>
            <a:xfrm rot="5400000">
              <a:off x="10433473" y="2534577"/>
              <a:ext cx="194934" cy="413879"/>
            </a:xfrm>
            <a:prstGeom prst="chevron">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sz="1600">
                <a:solidFill>
                  <a:schemeClr val="tx1"/>
                </a:solidFill>
              </a:endParaRPr>
            </a:p>
          </p:txBody>
        </p:sp>
        <p:sp>
          <p:nvSpPr>
            <p:cNvPr id="52" name="Arrow: Chevron 51">
              <a:extLst>
                <a:ext uri="{FF2B5EF4-FFF2-40B4-BE49-F238E27FC236}">
                  <a16:creationId xmlns:a16="http://schemas.microsoft.com/office/drawing/2014/main" id="{F2D96B78-AAF9-B54D-5E8F-63C08DDA0440}"/>
                </a:ext>
              </a:extLst>
            </p:cNvPr>
            <p:cNvSpPr/>
            <p:nvPr/>
          </p:nvSpPr>
          <p:spPr>
            <a:xfrm rot="5400000">
              <a:off x="10433473" y="2678050"/>
              <a:ext cx="194934" cy="413879"/>
            </a:xfrm>
            <a:prstGeom prst="chevron">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sz="1600">
                <a:solidFill>
                  <a:schemeClr val="tx1"/>
                </a:solidFill>
              </a:endParaRPr>
            </a:p>
          </p:txBody>
        </p:sp>
        <p:pic>
          <p:nvPicPr>
            <p:cNvPr id="53" name="Graphic 52" descr="Badge 4 with solid fill">
              <a:extLst>
                <a:ext uri="{FF2B5EF4-FFF2-40B4-BE49-F238E27FC236}">
                  <a16:creationId xmlns:a16="http://schemas.microsoft.com/office/drawing/2014/main" id="{A93519CD-5856-139B-9A4C-5A7023068439}"/>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716718" y="2906709"/>
              <a:ext cx="714224" cy="714224"/>
            </a:xfrm>
            <a:prstGeom prst="rect">
              <a:avLst/>
            </a:prstGeom>
          </p:spPr>
        </p:pic>
        <p:pic>
          <p:nvPicPr>
            <p:cNvPr id="54" name="Graphic 53" descr="Badge 3 with solid fill">
              <a:extLst>
                <a:ext uri="{FF2B5EF4-FFF2-40B4-BE49-F238E27FC236}">
                  <a16:creationId xmlns:a16="http://schemas.microsoft.com/office/drawing/2014/main" id="{63362943-6F0E-9CD4-FB7A-8DD578060048}"/>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5523688" y="2990082"/>
              <a:ext cx="713846" cy="713846"/>
            </a:xfrm>
            <a:prstGeom prst="rect">
              <a:avLst/>
            </a:prstGeom>
          </p:spPr>
        </p:pic>
        <p:pic>
          <p:nvPicPr>
            <p:cNvPr id="55" name="Graphic 54" descr="Badge with solid fill">
              <a:extLst>
                <a:ext uri="{FF2B5EF4-FFF2-40B4-BE49-F238E27FC236}">
                  <a16:creationId xmlns:a16="http://schemas.microsoft.com/office/drawing/2014/main" id="{E17CBECD-12DD-E0A1-6F28-44B387ACD370}"/>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8572197" y="862427"/>
              <a:ext cx="699713" cy="699713"/>
            </a:xfrm>
            <a:prstGeom prst="rect">
              <a:avLst/>
            </a:prstGeom>
          </p:spPr>
        </p:pic>
        <p:pic>
          <p:nvPicPr>
            <p:cNvPr id="56" name="Graphic 55" descr="Badge 1 with solid fill">
              <a:extLst>
                <a:ext uri="{FF2B5EF4-FFF2-40B4-BE49-F238E27FC236}">
                  <a16:creationId xmlns:a16="http://schemas.microsoft.com/office/drawing/2014/main" id="{CDB80504-398B-75E7-983D-A19678ACCB67}"/>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3152763" y="1681163"/>
              <a:ext cx="714667" cy="714667"/>
            </a:xfrm>
            <a:prstGeom prst="rect">
              <a:avLst/>
            </a:prstGeom>
          </p:spPr>
        </p:pic>
      </p:grpSp>
    </p:spTree>
    <p:extLst>
      <p:ext uri="{BB962C8B-B14F-4D97-AF65-F5344CB8AC3E}">
        <p14:creationId xmlns:p14="http://schemas.microsoft.com/office/powerpoint/2010/main" val="27313559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6" name="Straight Arrow Connector 35">
            <a:extLst>
              <a:ext uri="{FF2B5EF4-FFF2-40B4-BE49-F238E27FC236}">
                <a16:creationId xmlns:a16="http://schemas.microsoft.com/office/drawing/2014/main" id="{4D9E2B80-FAE8-8A5F-3EA5-5B24B698011C}"/>
              </a:ext>
            </a:extLst>
          </p:cNvPr>
          <p:cNvCxnSpPr>
            <a:cxnSpLocks/>
          </p:cNvCxnSpPr>
          <p:nvPr/>
        </p:nvCxnSpPr>
        <p:spPr bwMode="auto">
          <a:xfrm flipH="1">
            <a:off x="190785" y="4608951"/>
            <a:ext cx="953798" cy="0"/>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 name="TextBox 4">
            <a:extLst>
              <a:ext uri="{FF2B5EF4-FFF2-40B4-BE49-F238E27FC236}">
                <a16:creationId xmlns:a16="http://schemas.microsoft.com/office/drawing/2014/main" id="{08F2B45B-2BC1-44B2-4465-F8FD2B97328F}"/>
              </a:ext>
            </a:extLst>
          </p:cNvPr>
          <p:cNvSpPr txBox="1"/>
          <p:nvPr/>
        </p:nvSpPr>
        <p:spPr>
          <a:xfrm>
            <a:off x="593808" y="224211"/>
            <a:ext cx="10646661" cy="523220"/>
          </a:xfrm>
          <a:prstGeom prst="rect">
            <a:avLst/>
          </a:prstGeom>
          <a:noFill/>
        </p:spPr>
        <p:txBody>
          <a:bodyPr wrap="square" rtlCol="0">
            <a:spAutoFit/>
          </a:bodyPr>
          <a:lstStyle/>
          <a:p>
            <a:r>
              <a:rPr lang="en-US" sz="2800" b="1">
                <a:solidFill>
                  <a:schemeClr val="tx1">
                    <a:lumMod val="75000"/>
                    <a:lumOff val="25000"/>
                  </a:schemeClr>
                </a:solidFill>
              </a:rPr>
              <a:t>Remote Access – Visual Intelligence </a:t>
            </a:r>
          </a:p>
        </p:txBody>
      </p:sp>
      <p:cxnSp>
        <p:nvCxnSpPr>
          <p:cNvPr id="35" name="Straight Connector 34">
            <a:extLst>
              <a:ext uri="{FF2B5EF4-FFF2-40B4-BE49-F238E27FC236}">
                <a16:creationId xmlns:a16="http://schemas.microsoft.com/office/drawing/2014/main" id="{6DA4F8F9-EAFC-DA02-1EAC-A1777C1A0701}"/>
              </a:ext>
            </a:extLst>
          </p:cNvPr>
          <p:cNvCxnSpPr/>
          <p:nvPr/>
        </p:nvCxnSpPr>
        <p:spPr>
          <a:xfrm>
            <a:off x="630620" y="725522"/>
            <a:ext cx="10731063" cy="0"/>
          </a:xfrm>
          <a:prstGeom prst="line">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pic>
        <p:nvPicPr>
          <p:cNvPr id="13" name="Graphic 12">
            <a:extLst>
              <a:ext uri="{FF2B5EF4-FFF2-40B4-BE49-F238E27FC236}">
                <a16:creationId xmlns:a16="http://schemas.microsoft.com/office/drawing/2014/main" id="{78042446-FB13-12A4-1A07-52E68CCF4751}"/>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547615" y="291526"/>
            <a:ext cx="256032" cy="256032"/>
          </a:xfrm>
          <a:prstGeom prst="rect">
            <a:avLst/>
          </a:prstGeom>
        </p:spPr>
      </p:pic>
      <p:cxnSp>
        <p:nvCxnSpPr>
          <p:cNvPr id="22" name="Straight Connector 21">
            <a:extLst>
              <a:ext uri="{FF2B5EF4-FFF2-40B4-BE49-F238E27FC236}">
                <a16:creationId xmlns:a16="http://schemas.microsoft.com/office/drawing/2014/main" id="{1CDE986A-D411-879B-B8A0-0CA6D821EF3F}"/>
              </a:ext>
            </a:extLst>
          </p:cNvPr>
          <p:cNvCxnSpPr/>
          <p:nvPr/>
        </p:nvCxnSpPr>
        <p:spPr>
          <a:xfrm>
            <a:off x="630620" y="734762"/>
            <a:ext cx="10731063" cy="0"/>
          </a:xfrm>
          <a:prstGeom prst="line">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3132C647-9380-F39E-BB60-AAC890D725FC}"/>
              </a:ext>
            </a:extLst>
          </p:cNvPr>
          <p:cNvCxnSpPr/>
          <p:nvPr/>
        </p:nvCxnSpPr>
        <p:spPr>
          <a:xfrm>
            <a:off x="630620" y="734762"/>
            <a:ext cx="10731063" cy="0"/>
          </a:xfrm>
          <a:prstGeom prst="line">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490869C5-89EC-DF6D-058C-76A50665CBC8}"/>
              </a:ext>
            </a:extLst>
          </p:cNvPr>
          <p:cNvCxnSpPr/>
          <p:nvPr/>
        </p:nvCxnSpPr>
        <p:spPr>
          <a:xfrm>
            <a:off x="630620" y="734762"/>
            <a:ext cx="10731063" cy="0"/>
          </a:xfrm>
          <a:prstGeom prst="line">
            <a:avLst/>
          </a:prstGeom>
          <a:ln w="190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25" name="Straight Arrow Connector 24">
            <a:extLst>
              <a:ext uri="{FF2B5EF4-FFF2-40B4-BE49-F238E27FC236}">
                <a16:creationId xmlns:a16="http://schemas.microsoft.com/office/drawing/2014/main" id="{AD652ADC-2C3E-9BC3-C773-7B9C5BC8D622}"/>
              </a:ext>
            </a:extLst>
          </p:cNvPr>
          <p:cNvCxnSpPr>
            <a:cxnSpLocks/>
          </p:cNvCxnSpPr>
          <p:nvPr/>
        </p:nvCxnSpPr>
        <p:spPr bwMode="auto">
          <a:xfrm flipH="1">
            <a:off x="203916" y="1695380"/>
            <a:ext cx="11740458" cy="0"/>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 name="TextBox 26">
            <a:extLst>
              <a:ext uri="{FF2B5EF4-FFF2-40B4-BE49-F238E27FC236}">
                <a16:creationId xmlns:a16="http://schemas.microsoft.com/office/drawing/2014/main" id="{019C5E7A-29D8-50B9-BEB8-BB81B142BAC1}"/>
              </a:ext>
            </a:extLst>
          </p:cNvPr>
          <p:cNvSpPr txBox="1"/>
          <p:nvPr/>
        </p:nvSpPr>
        <p:spPr>
          <a:xfrm>
            <a:off x="6730465" y="1047466"/>
            <a:ext cx="4323289" cy="1464231"/>
          </a:xfrm>
          <a:prstGeom prst="roundRect">
            <a:avLst/>
          </a:prstGeom>
          <a:solidFill>
            <a:schemeClr val="bg1"/>
          </a:solidFill>
          <a:ln w="19050">
            <a:solidFill>
              <a:srgbClr val="00B050"/>
            </a:solidFill>
          </a:ln>
        </p:spPr>
        <p:txBody>
          <a:bodyPr wrap="square" rtlCol="0">
            <a:spAutoFit/>
          </a:bodyPr>
          <a:lstStyle/>
          <a:p>
            <a:r>
              <a:rPr lang="it-IT" sz="1600" dirty="0"/>
              <a:t>Permette di ridurre il numero di sopralluoghi in campo riducendo l’esposizione al rischio degli operatori. Permette, inoltre </a:t>
            </a:r>
            <a:r>
              <a:rPr lang="en-US" sz="1600" dirty="0" err="1"/>
              <a:t>l’i</a:t>
            </a:r>
            <a:r>
              <a:rPr lang="en-US" altLang="es-ES" sz="1600" dirty="0" err="1"/>
              <a:t>ndividuazione</a:t>
            </a:r>
            <a:r>
              <a:rPr lang="en-US" altLang="es-ES" sz="1600" dirty="0"/>
              <a:t> </a:t>
            </a:r>
            <a:r>
              <a:rPr lang="en-US" altLang="es-ES" sz="1600" dirty="0" err="1"/>
              <a:t>tempestiva</a:t>
            </a:r>
            <a:r>
              <a:rPr lang="en-US" altLang="es-ES" sz="1600" dirty="0"/>
              <a:t> delle </a:t>
            </a:r>
            <a:r>
              <a:rPr lang="en-US" altLang="es-ES" sz="1600" dirty="0" err="1"/>
              <a:t>anomalie</a:t>
            </a:r>
            <a:r>
              <a:rPr lang="en-US" altLang="es-ES" sz="1600" dirty="0"/>
              <a:t> e la loro </a:t>
            </a:r>
            <a:r>
              <a:rPr lang="en-US" altLang="es-ES" sz="1600" dirty="0" err="1"/>
              <a:t>immediata</a:t>
            </a:r>
            <a:r>
              <a:rPr lang="en-US" altLang="es-ES" sz="1600" dirty="0"/>
              <a:t> </a:t>
            </a:r>
            <a:r>
              <a:rPr lang="en-US" altLang="es-ES" sz="1600" dirty="0" err="1"/>
              <a:t>risoluzione</a:t>
            </a:r>
            <a:r>
              <a:rPr lang="it-IT" altLang="es-ES" sz="1600" dirty="0"/>
              <a:t>.</a:t>
            </a:r>
            <a:endParaRPr lang="en-US" altLang="es-ES" sz="1600" dirty="0"/>
          </a:p>
        </p:txBody>
      </p:sp>
      <p:sp>
        <p:nvSpPr>
          <p:cNvPr id="28" name="Oval 27">
            <a:extLst>
              <a:ext uri="{FF2B5EF4-FFF2-40B4-BE49-F238E27FC236}">
                <a16:creationId xmlns:a16="http://schemas.microsoft.com/office/drawing/2014/main" id="{248B7D83-97EA-0736-9929-E486BAC4A2FE}"/>
              </a:ext>
            </a:extLst>
          </p:cNvPr>
          <p:cNvSpPr/>
          <p:nvPr/>
        </p:nvSpPr>
        <p:spPr>
          <a:xfrm>
            <a:off x="6378222" y="929073"/>
            <a:ext cx="495711" cy="542188"/>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pic>
        <p:nvPicPr>
          <p:cNvPr id="29" name="Graphic 28" descr="Bullseye with solid fill">
            <a:extLst>
              <a:ext uri="{FF2B5EF4-FFF2-40B4-BE49-F238E27FC236}">
                <a16:creationId xmlns:a16="http://schemas.microsoft.com/office/drawing/2014/main" id="{AE3CACFF-51E2-0724-55CE-0239486F69E7}"/>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6393073" y="892209"/>
            <a:ext cx="569184" cy="569184"/>
          </a:xfrm>
          <a:prstGeom prst="rect">
            <a:avLst/>
          </a:prstGeom>
        </p:spPr>
      </p:pic>
      <p:cxnSp>
        <p:nvCxnSpPr>
          <p:cNvPr id="30" name="Straight Arrow Connector 29">
            <a:extLst>
              <a:ext uri="{FF2B5EF4-FFF2-40B4-BE49-F238E27FC236}">
                <a16:creationId xmlns:a16="http://schemas.microsoft.com/office/drawing/2014/main" id="{4A0A3732-2CA8-B95D-4E57-94EBC3ACF16E}"/>
              </a:ext>
            </a:extLst>
          </p:cNvPr>
          <p:cNvCxnSpPr>
            <a:cxnSpLocks/>
          </p:cNvCxnSpPr>
          <p:nvPr/>
        </p:nvCxnSpPr>
        <p:spPr bwMode="auto">
          <a:xfrm flipH="1" flipV="1">
            <a:off x="190785" y="1689081"/>
            <a:ext cx="13131" cy="2935589"/>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 name="Straight Arrow Connector 30">
            <a:extLst>
              <a:ext uri="{FF2B5EF4-FFF2-40B4-BE49-F238E27FC236}">
                <a16:creationId xmlns:a16="http://schemas.microsoft.com/office/drawing/2014/main" id="{5A656EDB-8167-EE56-15C7-6B7A7ECDFF81}"/>
              </a:ext>
            </a:extLst>
          </p:cNvPr>
          <p:cNvCxnSpPr>
            <a:cxnSpLocks/>
          </p:cNvCxnSpPr>
          <p:nvPr/>
        </p:nvCxnSpPr>
        <p:spPr bwMode="auto">
          <a:xfrm flipV="1">
            <a:off x="11944374" y="1689081"/>
            <a:ext cx="0" cy="2919870"/>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 name="Straight Arrow Connector 39">
            <a:extLst>
              <a:ext uri="{FF2B5EF4-FFF2-40B4-BE49-F238E27FC236}">
                <a16:creationId xmlns:a16="http://schemas.microsoft.com/office/drawing/2014/main" id="{2487B00F-2ABF-0740-4B0C-2DFD5C7DF6DA}"/>
              </a:ext>
            </a:extLst>
          </p:cNvPr>
          <p:cNvCxnSpPr>
            <a:cxnSpLocks/>
          </p:cNvCxnSpPr>
          <p:nvPr/>
        </p:nvCxnSpPr>
        <p:spPr bwMode="auto">
          <a:xfrm flipH="1" flipV="1">
            <a:off x="11361683" y="4608951"/>
            <a:ext cx="582691" cy="3084"/>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4" name="Group 3">
            <a:extLst>
              <a:ext uri="{FF2B5EF4-FFF2-40B4-BE49-F238E27FC236}">
                <a16:creationId xmlns:a16="http://schemas.microsoft.com/office/drawing/2014/main" id="{FD807A26-814F-EEEE-8D7A-CF8B79C21BD7}"/>
              </a:ext>
            </a:extLst>
          </p:cNvPr>
          <p:cNvGrpSpPr/>
          <p:nvPr/>
        </p:nvGrpSpPr>
        <p:grpSpPr>
          <a:xfrm>
            <a:off x="593808" y="2776002"/>
            <a:ext cx="10706675" cy="4134751"/>
            <a:chOff x="335937" y="2267428"/>
            <a:chExt cx="11666952" cy="4577463"/>
          </a:xfrm>
        </p:grpSpPr>
        <p:pic>
          <p:nvPicPr>
            <p:cNvPr id="11" name="Picture 10">
              <a:extLst>
                <a:ext uri="{FF2B5EF4-FFF2-40B4-BE49-F238E27FC236}">
                  <a16:creationId xmlns:a16="http://schemas.microsoft.com/office/drawing/2014/main" id="{688FC9FB-ED98-362E-4232-B0F67508ECC2}"/>
                </a:ext>
              </a:extLst>
            </p:cNvPr>
            <p:cNvPicPr>
              <a:picLocks noChangeAspect="1"/>
            </p:cNvPicPr>
            <p:nvPr/>
          </p:nvPicPr>
          <p:blipFill rotWithShape="1">
            <a:blip r:embed="rId6"/>
            <a:srcRect r="8065"/>
            <a:stretch/>
          </p:blipFill>
          <p:spPr>
            <a:xfrm>
              <a:off x="5444887" y="2345808"/>
              <a:ext cx="2016457" cy="1586079"/>
            </a:xfrm>
            <a:prstGeom prst="rect">
              <a:avLst/>
            </a:prstGeom>
          </p:spPr>
        </p:pic>
        <p:grpSp>
          <p:nvGrpSpPr>
            <p:cNvPr id="6" name="Group 5">
              <a:extLst>
                <a:ext uri="{FF2B5EF4-FFF2-40B4-BE49-F238E27FC236}">
                  <a16:creationId xmlns:a16="http://schemas.microsoft.com/office/drawing/2014/main" id="{C421D833-FBC8-260E-0E86-78D71EE2AE74}"/>
                </a:ext>
              </a:extLst>
            </p:cNvPr>
            <p:cNvGrpSpPr/>
            <p:nvPr/>
          </p:nvGrpSpPr>
          <p:grpSpPr>
            <a:xfrm>
              <a:off x="2888863" y="3571682"/>
              <a:ext cx="1065470" cy="1095930"/>
              <a:chOff x="4550240" y="3826741"/>
              <a:chExt cx="1611313" cy="1766888"/>
            </a:xfrm>
          </p:grpSpPr>
          <p:sp>
            <p:nvSpPr>
              <p:cNvPr id="53" name="Freeform 3">
                <a:extLst>
                  <a:ext uri="{FF2B5EF4-FFF2-40B4-BE49-F238E27FC236}">
                    <a16:creationId xmlns:a16="http://schemas.microsoft.com/office/drawing/2014/main" id="{6077B44B-D860-5E3B-B94A-98CB8A38B679}"/>
                  </a:ext>
                </a:extLst>
              </p:cNvPr>
              <p:cNvSpPr>
                <a:spLocks noChangeAspect="1" noEditPoints="1"/>
              </p:cNvSpPr>
              <p:nvPr/>
            </p:nvSpPr>
            <p:spPr bwMode="auto">
              <a:xfrm>
                <a:off x="4550240" y="4150591"/>
                <a:ext cx="1443038" cy="1443038"/>
              </a:xfrm>
              <a:custGeom>
                <a:avLst/>
                <a:gdLst>
                  <a:gd name="T0" fmla="*/ 2147483646 w 385"/>
                  <a:gd name="T1" fmla="*/ 2147483646 h 385"/>
                  <a:gd name="T2" fmla="*/ 2147483646 w 385"/>
                  <a:gd name="T3" fmla="*/ 2147483646 h 385"/>
                  <a:gd name="T4" fmla="*/ 2147483646 w 385"/>
                  <a:gd name="T5" fmla="*/ 2147483646 h 385"/>
                  <a:gd name="T6" fmla="*/ 2147483646 w 385"/>
                  <a:gd name="T7" fmla="*/ 2147483646 h 385"/>
                  <a:gd name="T8" fmla="*/ 2147483646 w 385"/>
                  <a:gd name="T9" fmla="*/ 2147483646 h 385"/>
                  <a:gd name="T10" fmla="*/ 2147483646 w 385"/>
                  <a:gd name="T11" fmla="*/ 2147483646 h 385"/>
                  <a:gd name="T12" fmla="*/ 2147483646 w 385"/>
                  <a:gd name="T13" fmla="*/ 2147483646 h 385"/>
                  <a:gd name="T14" fmla="*/ 2147483646 w 385"/>
                  <a:gd name="T15" fmla="*/ 2147483646 h 385"/>
                  <a:gd name="T16" fmla="*/ 2147483646 w 385"/>
                  <a:gd name="T17" fmla="*/ 2147483646 h 385"/>
                  <a:gd name="T18" fmla="*/ 2147483646 w 385"/>
                  <a:gd name="T19" fmla="*/ 2147483646 h 385"/>
                  <a:gd name="T20" fmla="*/ 2147483646 w 385"/>
                  <a:gd name="T21" fmla="*/ 2147483646 h 385"/>
                  <a:gd name="T22" fmla="*/ 2147483646 w 385"/>
                  <a:gd name="T23" fmla="*/ 2147483646 h 385"/>
                  <a:gd name="T24" fmla="*/ 2147483646 w 385"/>
                  <a:gd name="T25" fmla="*/ 2147483646 h 385"/>
                  <a:gd name="T26" fmla="*/ 2147483646 w 385"/>
                  <a:gd name="T27" fmla="*/ 2147483646 h 385"/>
                  <a:gd name="T28" fmla="*/ 2147483646 w 385"/>
                  <a:gd name="T29" fmla="*/ 2147483646 h 385"/>
                  <a:gd name="T30" fmla="*/ 2147483646 w 385"/>
                  <a:gd name="T31" fmla="*/ 2147483646 h 385"/>
                  <a:gd name="T32" fmla="*/ 2147483646 w 385"/>
                  <a:gd name="T33" fmla="*/ 2147483646 h 385"/>
                  <a:gd name="T34" fmla="*/ 2147483646 w 385"/>
                  <a:gd name="T35" fmla="*/ 2147483646 h 385"/>
                  <a:gd name="T36" fmla="*/ 2147483646 w 385"/>
                  <a:gd name="T37" fmla="*/ 2147483646 h 385"/>
                  <a:gd name="T38" fmla="*/ 2147483646 w 385"/>
                  <a:gd name="T39" fmla="*/ 2147483646 h 385"/>
                  <a:gd name="T40" fmla="*/ 2147483646 w 385"/>
                  <a:gd name="T41" fmla="*/ 2147483646 h 385"/>
                  <a:gd name="T42" fmla="*/ 2147483646 w 385"/>
                  <a:gd name="T43" fmla="*/ 2147483646 h 385"/>
                  <a:gd name="T44" fmla="*/ 2147483646 w 385"/>
                  <a:gd name="T45" fmla="*/ 2147483646 h 385"/>
                  <a:gd name="T46" fmla="*/ 2147483646 w 385"/>
                  <a:gd name="T47" fmla="*/ 2147483646 h 385"/>
                  <a:gd name="T48" fmla="*/ 2147483646 w 385"/>
                  <a:gd name="T49" fmla="*/ 2147483646 h 385"/>
                  <a:gd name="T50" fmla="*/ 2147483646 w 385"/>
                  <a:gd name="T51" fmla="*/ 2147483646 h 385"/>
                  <a:gd name="T52" fmla="*/ 2147483646 w 385"/>
                  <a:gd name="T53" fmla="*/ 2147483646 h 385"/>
                  <a:gd name="T54" fmla="*/ 2147483646 w 385"/>
                  <a:gd name="T55" fmla="*/ 2147483646 h 385"/>
                  <a:gd name="T56" fmla="*/ 2147483646 w 385"/>
                  <a:gd name="T57" fmla="*/ 2147483646 h 385"/>
                  <a:gd name="T58" fmla="*/ 2147483646 w 385"/>
                  <a:gd name="T59" fmla="*/ 2147483646 h 385"/>
                  <a:gd name="T60" fmla="*/ 2147483646 w 385"/>
                  <a:gd name="T61" fmla="*/ 2147483646 h 385"/>
                  <a:gd name="T62" fmla="*/ 2147483646 w 385"/>
                  <a:gd name="T63" fmla="*/ 2147483646 h 385"/>
                  <a:gd name="T64" fmla="*/ 2147483646 w 385"/>
                  <a:gd name="T65" fmla="*/ 2147483646 h 385"/>
                  <a:gd name="T66" fmla="*/ 2147483646 w 385"/>
                  <a:gd name="T67" fmla="*/ 2147483646 h 385"/>
                  <a:gd name="T68" fmla="*/ 2147483646 w 385"/>
                  <a:gd name="T69" fmla="*/ 2147483646 h 385"/>
                  <a:gd name="T70" fmla="*/ 2147483646 w 385"/>
                  <a:gd name="T71" fmla="*/ 2147483646 h 385"/>
                  <a:gd name="T72" fmla="*/ 2147483646 w 385"/>
                  <a:gd name="T73" fmla="*/ 2147483646 h 385"/>
                  <a:gd name="T74" fmla="*/ 2147483646 w 385"/>
                  <a:gd name="T75" fmla="*/ 2147483646 h 385"/>
                  <a:gd name="T76" fmla="*/ 2147483646 w 385"/>
                  <a:gd name="T77" fmla="*/ 2147483646 h 385"/>
                  <a:gd name="T78" fmla="*/ 2147483646 w 385"/>
                  <a:gd name="T79" fmla="*/ 2147483646 h 385"/>
                  <a:gd name="T80" fmla="*/ 2147483646 w 385"/>
                  <a:gd name="T81" fmla="*/ 2147483646 h 385"/>
                  <a:gd name="T82" fmla="*/ 2147483646 w 385"/>
                  <a:gd name="T83" fmla="*/ 2147483646 h 385"/>
                  <a:gd name="T84" fmla="*/ 2147483646 w 385"/>
                  <a:gd name="T85" fmla="*/ 2147483646 h 385"/>
                  <a:gd name="T86" fmla="*/ 2147483646 w 385"/>
                  <a:gd name="T87" fmla="*/ 2147483646 h 385"/>
                  <a:gd name="T88" fmla="*/ 2147483646 w 385"/>
                  <a:gd name="T89" fmla="*/ 2147483646 h 385"/>
                  <a:gd name="T90" fmla="*/ 2147483646 w 385"/>
                  <a:gd name="T91" fmla="*/ 2147483646 h 385"/>
                  <a:gd name="T92" fmla="*/ 2147483646 w 385"/>
                  <a:gd name="T93" fmla="*/ 2147483646 h 385"/>
                  <a:gd name="T94" fmla="*/ 2147483646 w 385"/>
                  <a:gd name="T95" fmla="*/ 2147483646 h 385"/>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Lst>
                <a:ahLst/>
                <a:cxnLst>
                  <a:cxn ang="T96">
                    <a:pos x="T0" y="T1"/>
                  </a:cxn>
                  <a:cxn ang="T97">
                    <a:pos x="T2" y="T3"/>
                  </a:cxn>
                  <a:cxn ang="T98">
                    <a:pos x="T4" y="T5"/>
                  </a:cxn>
                  <a:cxn ang="T99">
                    <a:pos x="T6" y="T7"/>
                  </a:cxn>
                  <a:cxn ang="T100">
                    <a:pos x="T8" y="T9"/>
                  </a:cxn>
                  <a:cxn ang="T101">
                    <a:pos x="T10" y="T11"/>
                  </a:cxn>
                  <a:cxn ang="T102">
                    <a:pos x="T12" y="T13"/>
                  </a:cxn>
                  <a:cxn ang="T103">
                    <a:pos x="T14" y="T15"/>
                  </a:cxn>
                  <a:cxn ang="T104">
                    <a:pos x="T16" y="T17"/>
                  </a:cxn>
                  <a:cxn ang="T105">
                    <a:pos x="T18" y="T19"/>
                  </a:cxn>
                  <a:cxn ang="T106">
                    <a:pos x="T20" y="T21"/>
                  </a:cxn>
                  <a:cxn ang="T107">
                    <a:pos x="T22" y="T23"/>
                  </a:cxn>
                  <a:cxn ang="T108">
                    <a:pos x="T24" y="T25"/>
                  </a:cxn>
                  <a:cxn ang="T109">
                    <a:pos x="T26" y="T27"/>
                  </a:cxn>
                  <a:cxn ang="T110">
                    <a:pos x="T28" y="T29"/>
                  </a:cxn>
                  <a:cxn ang="T111">
                    <a:pos x="T30" y="T31"/>
                  </a:cxn>
                  <a:cxn ang="T112">
                    <a:pos x="T32" y="T33"/>
                  </a:cxn>
                  <a:cxn ang="T113">
                    <a:pos x="T34" y="T35"/>
                  </a:cxn>
                  <a:cxn ang="T114">
                    <a:pos x="T36" y="T37"/>
                  </a:cxn>
                  <a:cxn ang="T115">
                    <a:pos x="T38" y="T39"/>
                  </a:cxn>
                  <a:cxn ang="T116">
                    <a:pos x="T40" y="T41"/>
                  </a:cxn>
                  <a:cxn ang="T117">
                    <a:pos x="T42" y="T43"/>
                  </a:cxn>
                  <a:cxn ang="T118">
                    <a:pos x="T44" y="T45"/>
                  </a:cxn>
                  <a:cxn ang="T119">
                    <a:pos x="T46" y="T47"/>
                  </a:cxn>
                  <a:cxn ang="T120">
                    <a:pos x="T48" y="T49"/>
                  </a:cxn>
                  <a:cxn ang="T121">
                    <a:pos x="T50" y="T51"/>
                  </a:cxn>
                  <a:cxn ang="T122">
                    <a:pos x="T52" y="T53"/>
                  </a:cxn>
                  <a:cxn ang="T123">
                    <a:pos x="T54" y="T55"/>
                  </a:cxn>
                  <a:cxn ang="T124">
                    <a:pos x="T56" y="T57"/>
                  </a:cxn>
                  <a:cxn ang="T125">
                    <a:pos x="T58" y="T59"/>
                  </a:cxn>
                  <a:cxn ang="T126">
                    <a:pos x="T60" y="T61"/>
                  </a:cxn>
                  <a:cxn ang="T127">
                    <a:pos x="T62" y="T63"/>
                  </a:cxn>
                  <a:cxn ang="T128">
                    <a:pos x="T64" y="T65"/>
                  </a:cxn>
                  <a:cxn ang="T129">
                    <a:pos x="T66" y="T67"/>
                  </a:cxn>
                  <a:cxn ang="T130">
                    <a:pos x="T68" y="T69"/>
                  </a:cxn>
                  <a:cxn ang="T131">
                    <a:pos x="T70" y="T71"/>
                  </a:cxn>
                  <a:cxn ang="T132">
                    <a:pos x="T72" y="T73"/>
                  </a:cxn>
                  <a:cxn ang="T133">
                    <a:pos x="T74" y="T75"/>
                  </a:cxn>
                  <a:cxn ang="T134">
                    <a:pos x="T76" y="T77"/>
                  </a:cxn>
                  <a:cxn ang="T135">
                    <a:pos x="T78" y="T79"/>
                  </a:cxn>
                  <a:cxn ang="T136">
                    <a:pos x="T80" y="T81"/>
                  </a:cxn>
                  <a:cxn ang="T137">
                    <a:pos x="T82" y="T83"/>
                  </a:cxn>
                  <a:cxn ang="T138">
                    <a:pos x="T84" y="T85"/>
                  </a:cxn>
                  <a:cxn ang="T139">
                    <a:pos x="T86" y="T87"/>
                  </a:cxn>
                  <a:cxn ang="T140">
                    <a:pos x="T88" y="T89"/>
                  </a:cxn>
                  <a:cxn ang="T141">
                    <a:pos x="T90" y="T91"/>
                  </a:cxn>
                  <a:cxn ang="T142">
                    <a:pos x="T92" y="T93"/>
                  </a:cxn>
                  <a:cxn ang="T143">
                    <a:pos x="T94" y="T95"/>
                  </a:cxn>
                </a:cxnLst>
                <a:rect l="0" t="0" r="r" b="b"/>
                <a:pathLst>
                  <a:path w="385" h="385">
                    <a:moveTo>
                      <a:pt x="168" y="233"/>
                    </a:moveTo>
                    <a:cubicBezTo>
                      <a:pt x="168" y="233"/>
                      <a:pt x="168" y="233"/>
                      <a:pt x="168" y="234"/>
                    </a:cubicBezTo>
                    <a:cubicBezTo>
                      <a:pt x="168" y="234"/>
                      <a:pt x="168" y="234"/>
                      <a:pt x="168" y="234"/>
                    </a:cubicBezTo>
                    <a:lnTo>
                      <a:pt x="168" y="233"/>
                    </a:lnTo>
                    <a:close/>
                    <a:moveTo>
                      <a:pt x="287" y="135"/>
                    </a:moveTo>
                    <a:cubicBezTo>
                      <a:pt x="285" y="137"/>
                      <a:pt x="286" y="139"/>
                      <a:pt x="285" y="141"/>
                    </a:cubicBezTo>
                    <a:cubicBezTo>
                      <a:pt x="284" y="145"/>
                      <a:pt x="280" y="142"/>
                      <a:pt x="278" y="145"/>
                    </a:cubicBezTo>
                    <a:cubicBezTo>
                      <a:pt x="274" y="149"/>
                      <a:pt x="279" y="152"/>
                      <a:pt x="283" y="153"/>
                    </a:cubicBezTo>
                    <a:cubicBezTo>
                      <a:pt x="288" y="154"/>
                      <a:pt x="290" y="150"/>
                      <a:pt x="293" y="147"/>
                    </a:cubicBezTo>
                    <a:cubicBezTo>
                      <a:pt x="295" y="146"/>
                      <a:pt x="296" y="144"/>
                      <a:pt x="298" y="144"/>
                    </a:cubicBezTo>
                    <a:cubicBezTo>
                      <a:pt x="300" y="144"/>
                      <a:pt x="302" y="146"/>
                      <a:pt x="303" y="146"/>
                    </a:cubicBezTo>
                    <a:cubicBezTo>
                      <a:pt x="308" y="146"/>
                      <a:pt x="308" y="141"/>
                      <a:pt x="307" y="138"/>
                    </a:cubicBezTo>
                    <a:cubicBezTo>
                      <a:pt x="305" y="135"/>
                      <a:pt x="302" y="133"/>
                      <a:pt x="299" y="130"/>
                    </a:cubicBezTo>
                    <a:cubicBezTo>
                      <a:pt x="298" y="129"/>
                      <a:pt x="298" y="127"/>
                      <a:pt x="297" y="126"/>
                    </a:cubicBezTo>
                    <a:cubicBezTo>
                      <a:pt x="296" y="124"/>
                      <a:pt x="293" y="124"/>
                      <a:pt x="292" y="125"/>
                    </a:cubicBezTo>
                    <a:cubicBezTo>
                      <a:pt x="290" y="127"/>
                      <a:pt x="292" y="129"/>
                      <a:pt x="291" y="131"/>
                    </a:cubicBezTo>
                    <a:cubicBezTo>
                      <a:pt x="291" y="133"/>
                      <a:pt x="288" y="133"/>
                      <a:pt x="287" y="135"/>
                    </a:cubicBezTo>
                    <a:close/>
                    <a:moveTo>
                      <a:pt x="339" y="68"/>
                    </a:moveTo>
                    <a:cubicBezTo>
                      <a:pt x="336" y="64"/>
                      <a:pt x="331" y="64"/>
                      <a:pt x="327" y="67"/>
                    </a:cubicBezTo>
                    <a:cubicBezTo>
                      <a:pt x="324" y="70"/>
                      <a:pt x="324" y="75"/>
                      <a:pt x="327" y="78"/>
                    </a:cubicBezTo>
                    <a:cubicBezTo>
                      <a:pt x="328" y="79"/>
                      <a:pt x="329" y="81"/>
                      <a:pt x="330" y="82"/>
                    </a:cubicBezTo>
                    <a:cubicBezTo>
                      <a:pt x="320" y="87"/>
                      <a:pt x="315" y="97"/>
                      <a:pt x="314" y="98"/>
                    </a:cubicBezTo>
                    <a:cubicBezTo>
                      <a:pt x="311" y="103"/>
                      <a:pt x="311" y="111"/>
                      <a:pt x="311" y="117"/>
                    </a:cubicBezTo>
                    <a:cubicBezTo>
                      <a:pt x="312" y="122"/>
                      <a:pt x="313" y="129"/>
                      <a:pt x="317" y="133"/>
                    </a:cubicBezTo>
                    <a:cubicBezTo>
                      <a:pt x="322" y="139"/>
                      <a:pt x="326" y="151"/>
                      <a:pt x="318" y="157"/>
                    </a:cubicBezTo>
                    <a:cubicBezTo>
                      <a:pt x="309" y="162"/>
                      <a:pt x="306" y="147"/>
                      <a:pt x="298" y="153"/>
                    </a:cubicBezTo>
                    <a:cubicBezTo>
                      <a:pt x="295" y="156"/>
                      <a:pt x="292" y="159"/>
                      <a:pt x="289" y="163"/>
                    </a:cubicBezTo>
                    <a:cubicBezTo>
                      <a:pt x="286" y="167"/>
                      <a:pt x="286" y="168"/>
                      <a:pt x="291" y="171"/>
                    </a:cubicBezTo>
                    <a:cubicBezTo>
                      <a:pt x="302" y="177"/>
                      <a:pt x="284" y="180"/>
                      <a:pt x="283" y="186"/>
                    </a:cubicBezTo>
                    <a:cubicBezTo>
                      <a:pt x="282" y="196"/>
                      <a:pt x="299" y="185"/>
                      <a:pt x="301" y="184"/>
                    </a:cubicBezTo>
                    <a:cubicBezTo>
                      <a:pt x="311" y="177"/>
                      <a:pt x="325" y="178"/>
                      <a:pt x="335" y="184"/>
                    </a:cubicBezTo>
                    <a:cubicBezTo>
                      <a:pt x="338" y="186"/>
                      <a:pt x="341" y="188"/>
                      <a:pt x="344" y="190"/>
                    </a:cubicBezTo>
                    <a:cubicBezTo>
                      <a:pt x="347" y="191"/>
                      <a:pt x="349" y="193"/>
                      <a:pt x="352" y="194"/>
                    </a:cubicBezTo>
                    <a:cubicBezTo>
                      <a:pt x="355" y="197"/>
                      <a:pt x="357" y="202"/>
                      <a:pt x="360" y="205"/>
                    </a:cubicBezTo>
                    <a:cubicBezTo>
                      <a:pt x="363" y="209"/>
                      <a:pt x="364" y="226"/>
                      <a:pt x="359" y="222"/>
                    </a:cubicBezTo>
                    <a:cubicBezTo>
                      <a:pt x="357" y="219"/>
                      <a:pt x="354" y="216"/>
                      <a:pt x="352" y="212"/>
                    </a:cubicBezTo>
                    <a:cubicBezTo>
                      <a:pt x="347" y="207"/>
                      <a:pt x="345" y="213"/>
                      <a:pt x="340" y="213"/>
                    </a:cubicBezTo>
                    <a:cubicBezTo>
                      <a:pt x="337" y="213"/>
                      <a:pt x="338" y="212"/>
                      <a:pt x="337" y="210"/>
                    </a:cubicBezTo>
                    <a:cubicBezTo>
                      <a:pt x="336" y="205"/>
                      <a:pt x="333" y="202"/>
                      <a:pt x="329" y="199"/>
                    </a:cubicBezTo>
                    <a:cubicBezTo>
                      <a:pt x="325" y="196"/>
                      <a:pt x="319" y="194"/>
                      <a:pt x="314" y="194"/>
                    </a:cubicBezTo>
                    <a:cubicBezTo>
                      <a:pt x="309" y="194"/>
                      <a:pt x="305" y="195"/>
                      <a:pt x="301" y="196"/>
                    </a:cubicBezTo>
                    <a:cubicBezTo>
                      <a:pt x="291" y="198"/>
                      <a:pt x="283" y="198"/>
                      <a:pt x="277" y="207"/>
                    </a:cubicBezTo>
                    <a:cubicBezTo>
                      <a:pt x="273" y="214"/>
                      <a:pt x="267" y="222"/>
                      <a:pt x="268" y="230"/>
                    </a:cubicBezTo>
                    <a:cubicBezTo>
                      <a:pt x="268" y="233"/>
                      <a:pt x="270" y="235"/>
                      <a:pt x="270" y="238"/>
                    </a:cubicBezTo>
                    <a:cubicBezTo>
                      <a:pt x="271" y="242"/>
                      <a:pt x="271" y="246"/>
                      <a:pt x="273" y="250"/>
                    </a:cubicBezTo>
                    <a:cubicBezTo>
                      <a:pt x="275" y="256"/>
                      <a:pt x="281" y="262"/>
                      <a:pt x="287" y="262"/>
                    </a:cubicBezTo>
                    <a:cubicBezTo>
                      <a:pt x="290" y="262"/>
                      <a:pt x="291" y="262"/>
                      <a:pt x="293" y="261"/>
                    </a:cubicBezTo>
                    <a:cubicBezTo>
                      <a:pt x="295" y="260"/>
                      <a:pt x="296" y="257"/>
                      <a:pt x="298" y="257"/>
                    </a:cubicBezTo>
                    <a:cubicBezTo>
                      <a:pt x="303" y="257"/>
                      <a:pt x="305" y="264"/>
                      <a:pt x="307" y="267"/>
                    </a:cubicBezTo>
                    <a:cubicBezTo>
                      <a:pt x="311" y="271"/>
                      <a:pt x="316" y="269"/>
                      <a:pt x="319" y="273"/>
                    </a:cubicBezTo>
                    <a:cubicBezTo>
                      <a:pt x="322" y="277"/>
                      <a:pt x="326" y="284"/>
                      <a:pt x="325" y="289"/>
                    </a:cubicBezTo>
                    <a:cubicBezTo>
                      <a:pt x="323" y="294"/>
                      <a:pt x="315" y="295"/>
                      <a:pt x="313" y="300"/>
                    </a:cubicBezTo>
                    <a:cubicBezTo>
                      <a:pt x="308" y="308"/>
                      <a:pt x="320" y="305"/>
                      <a:pt x="323" y="312"/>
                    </a:cubicBezTo>
                    <a:cubicBezTo>
                      <a:pt x="321" y="314"/>
                      <a:pt x="319" y="316"/>
                      <a:pt x="317" y="317"/>
                    </a:cubicBezTo>
                    <a:cubicBezTo>
                      <a:pt x="285" y="349"/>
                      <a:pt x="241" y="369"/>
                      <a:pt x="192" y="369"/>
                    </a:cubicBezTo>
                    <a:cubicBezTo>
                      <a:pt x="185" y="369"/>
                      <a:pt x="178" y="369"/>
                      <a:pt x="170" y="368"/>
                    </a:cubicBezTo>
                    <a:cubicBezTo>
                      <a:pt x="171" y="366"/>
                      <a:pt x="171" y="365"/>
                      <a:pt x="171" y="364"/>
                    </a:cubicBezTo>
                    <a:cubicBezTo>
                      <a:pt x="174" y="359"/>
                      <a:pt x="176" y="355"/>
                      <a:pt x="181" y="351"/>
                    </a:cubicBezTo>
                    <a:cubicBezTo>
                      <a:pt x="192" y="341"/>
                      <a:pt x="201" y="330"/>
                      <a:pt x="209" y="319"/>
                    </a:cubicBezTo>
                    <a:cubicBezTo>
                      <a:pt x="213" y="313"/>
                      <a:pt x="220" y="312"/>
                      <a:pt x="224" y="306"/>
                    </a:cubicBezTo>
                    <a:cubicBezTo>
                      <a:pt x="226" y="303"/>
                      <a:pt x="226" y="298"/>
                      <a:pt x="227" y="294"/>
                    </a:cubicBezTo>
                    <a:cubicBezTo>
                      <a:pt x="227" y="290"/>
                      <a:pt x="228" y="288"/>
                      <a:pt x="230" y="285"/>
                    </a:cubicBezTo>
                    <a:cubicBezTo>
                      <a:pt x="232" y="282"/>
                      <a:pt x="237" y="279"/>
                      <a:pt x="238" y="276"/>
                    </a:cubicBezTo>
                    <a:cubicBezTo>
                      <a:pt x="240" y="269"/>
                      <a:pt x="230" y="261"/>
                      <a:pt x="224" y="259"/>
                    </a:cubicBezTo>
                    <a:cubicBezTo>
                      <a:pt x="220" y="257"/>
                      <a:pt x="215" y="258"/>
                      <a:pt x="211" y="255"/>
                    </a:cubicBezTo>
                    <a:cubicBezTo>
                      <a:pt x="207" y="254"/>
                      <a:pt x="206" y="251"/>
                      <a:pt x="203" y="248"/>
                    </a:cubicBezTo>
                    <a:cubicBezTo>
                      <a:pt x="200" y="246"/>
                      <a:pt x="196" y="244"/>
                      <a:pt x="192" y="242"/>
                    </a:cubicBezTo>
                    <a:cubicBezTo>
                      <a:pt x="188" y="240"/>
                      <a:pt x="184" y="241"/>
                      <a:pt x="180" y="240"/>
                    </a:cubicBezTo>
                    <a:cubicBezTo>
                      <a:pt x="178" y="239"/>
                      <a:pt x="176" y="237"/>
                      <a:pt x="174" y="236"/>
                    </a:cubicBezTo>
                    <a:cubicBezTo>
                      <a:pt x="172" y="235"/>
                      <a:pt x="170" y="235"/>
                      <a:pt x="168" y="234"/>
                    </a:cubicBezTo>
                    <a:cubicBezTo>
                      <a:pt x="166" y="233"/>
                      <a:pt x="163" y="235"/>
                      <a:pt x="162" y="237"/>
                    </a:cubicBezTo>
                    <a:cubicBezTo>
                      <a:pt x="160" y="240"/>
                      <a:pt x="160" y="243"/>
                      <a:pt x="160" y="246"/>
                    </a:cubicBezTo>
                    <a:cubicBezTo>
                      <a:pt x="160" y="247"/>
                      <a:pt x="160" y="247"/>
                      <a:pt x="160" y="247"/>
                    </a:cubicBezTo>
                    <a:cubicBezTo>
                      <a:pt x="160" y="247"/>
                      <a:pt x="160" y="247"/>
                      <a:pt x="160" y="247"/>
                    </a:cubicBezTo>
                    <a:cubicBezTo>
                      <a:pt x="155" y="246"/>
                      <a:pt x="153" y="243"/>
                      <a:pt x="151" y="240"/>
                    </a:cubicBezTo>
                    <a:cubicBezTo>
                      <a:pt x="149" y="237"/>
                      <a:pt x="149" y="235"/>
                      <a:pt x="146" y="234"/>
                    </a:cubicBezTo>
                    <a:cubicBezTo>
                      <a:pt x="144" y="233"/>
                      <a:pt x="143" y="234"/>
                      <a:pt x="141" y="232"/>
                    </a:cubicBezTo>
                    <a:cubicBezTo>
                      <a:pt x="137" y="229"/>
                      <a:pt x="136" y="224"/>
                      <a:pt x="131" y="221"/>
                    </a:cubicBezTo>
                    <a:cubicBezTo>
                      <a:pt x="129" y="219"/>
                      <a:pt x="125" y="221"/>
                      <a:pt x="122" y="220"/>
                    </a:cubicBezTo>
                    <a:cubicBezTo>
                      <a:pt x="117" y="217"/>
                      <a:pt x="122" y="208"/>
                      <a:pt x="125" y="205"/>
                    </a:cubicBezTo>
                    <a:cubicBezTo>
                      <a:pt x="127" y="204"/>
                      <a:pt x="128" y="204"/>
                      <a:pt x="130" y="204"/>
                    </a:cubicBezTo>
                    <a:cubicBezTo>
                      <a:pt x="132" y="203"/>
                      <a:pt x="134" y="201"/>
                      <a:pt x="137" y="201"/>
                    </a:cubicBezTo>
                    <a:cubicBezTo>
                      <a:pt x="140" y="200"/>
                      <a:pt x="143" y="202"/>
                      <a:pt x="145" y="204"/>
                    </a:cubicBezTo>
                    <a:cubicBezTo>
                      <a:pt x="149" y="207"/>
                      <a:pt x="152" y="212"/>
                      <a:pt x="156" y="214"/>
                    </a:cubicBezTo>
                    <a:cubicBezTo>
                      <a:pt x="159" y="216"/>
                      <a:pt x="164" y="216"/>
                      <a:pt x="164" y="212"/>
                    </a:cubicBezTo>
                    <a:cubicBezTo>
                      <a:pt x="163" y="207"/>
                      <a:pt x="154" y="207"/>
                      <a:pt x="153" y="202"/>
                    </a:cubicBezTo>
                    <a:cubicBezTo>
                      <a:pt x="153" y="200"/>
                      <a:pt x="157" y="193"/>
                      <a:pt x="158" y="191"/>
                    </a:cubicBezTo>
                    <a:cubicBezTo>
                      <a:pt x="161" y="185"/>
                      <a:pt x="168" y="185"/>
                      <a:pt x="171" y="180"/>
                    </a:cubicBezTo>
                    <a:cubicBezTo>
                      <a:pt x="174" y="177"/>
                      <a:pt x="173" y="172"/>
                      <a:pt x="176" y="169"/>
                    </a:cubicBezTo>
                    <a:cubicBezTo>
                      <a:pt x="179" y="167"/>
                      <a:pt x="185" y="167"/>
                      <a:pt x="189" y="165"/>
                    </a:cubicBezTo>
                    <a:cubicBezTo>
                      <a:pt x="193" y="162"/>
                      <a:pt x="197" y="156"/>
                      <a:pt x="199" y="151"/>
                    </a:cubicBezTo>
                    <a:cubicBezTo>
                      <a:pt x="200" y="144"/>
                      <a:pt x="199" y="141"/>
                      <a:pt x="193" y="138"/>
                    </a:cubicBezTo>
                    <a:cubicBezTo>
                      <a:pt x="189" y="136"/>
                      <a:pt x="185" y="134"/>
                      <a:pt x="181" y="132"/>
                    </a:cubicBezTo>
                    <a:cubicBezTo>
                      <a:pt x="178" y="131"/>
                      <a:pt x="176" y="130"/>
                      <a:pt x="174" y="127"/>
                    </a:cubicBezTo>
                    <a:cubicBezTo>
                      <a:pt x="172" y="126"/>
                      <a:pt x="171" y="124"/>
                      <a:pt x="169" y="123"/>
                    </a:cubicBezTo>
                    <a:cubicBezTo>
                      <a:pt x="167" y="121"/>
                      <a:pt x="166" y="122"/>
                      <a:pt x="164" y="122"/>
                    </a:cubicBezTo>
                    <a:cubicBezTo>
                      <a:pt x="161" y="122"/>
                      <a:pt x="162" y="123"/>
                      <a:pt x="160" y="121"/>
                    </a:cubicBezTo>
                    <a:cubicBezTo>
                      <a:pt x="159" y="121"/>
                      <a:pt x="159" y="118"/>
                      <a:pt x="158" y="117"/>
                    </a:cubicBezTo>
                    <a:cubicBezTo>
                      <a:pt x="155" y="113"/>
                      <a:pt x="147" y="113"/>
                      <a:pt x="145" y="117"/>
                    </a:cubicBezTo>
                    <a:cubicBezTo>
                      <a:pt x="142" y="121"/>
                      <a:pt x="147" y="130"/>
                      <a:pt x="140" y="133"/>
                    </a:cubicBezTo>
                    <a:cubicBezTo>
                      <a:pt x="137" y="134"/>
                      <a:pt x="130" y="131"/>
                      <a:pt x="127" y="129"/>
                    </a:cubicBezTo>
                    <a:cubicBezTo>
                      <a:pt x="120" y="126"/>
                      <a:pt x="118" y="118"/>
                      <a:pt x="123" y="113"/>
                    </a:cubicBezTo>
                    <a:cubicBezTo>
                      <a:pt x="130" y="106"/>
                      <a:pt x="141" y="105"/>
                      <a:pt x="147" y="98"/>
                    </a:cubicBezTo>
                    <a:cubicBezTo>
                      <a:pt x="148" y="96"/>
                      <a:pt x="150" y="94"/>
                      <a:pt x="149" y="91"/>
                    </a:cubicBezTo>
                    <a:cubicBezTo>
                      <a:pt x="149" y="89"/>
                      <a:pt x="146" y="83"/>
                      <a:pt x="145" y="82"/>
                    </a:cubicBezTo>
                    <a:cubicBezTo>
                      <a:pt x="140" y="77"/>
                      <a:pt x="131" y="83"/>
                      <a:pt x="127" y="75"/>
                    </a:cubicBezTo>
                    <a:cubicBezTo>
                      <a:pt x="126" y="73"/>
                      <a:pt x="126" y="72"/>
                      <a:pt x="126" y="70"/>
                    </a:cubicBezTo>
                    <a:cubicBezTo>
                      <a:pt x="125" y="66"/>
                      <a:pt x="125" y="67"/>
                      <a:pt x="121" y="66"/>
                    </a:cubicBezTo>
                    <a:cubicBezTo>
                      <a:pt x="115" y="63"/>
                      <a:pt x="103" y="62"/>
                      <a:pt x="97" y="66"/>
                    </a:cubicBezTo>
                    <a:cubicBezTo>
                      <a:pt x="93" y="68"/>
                      <a:pt x="88" y="74"/>
                      <a:pt x="87" y="78"/>
                    </a:cubicBezTo>
                    <a:cubicBezTo>
                      <a:pt x="86" y="83"/>
                      <a:pt x="89" y="84"/>
                      <a:pt x="93" y="86"/>
                    </a:cubicBezTo>
                    <a:cubicBezTo>
                      <a:pt x="99" y="90"/>
                      <a:pt x="94" y="93"/>
                      <a:pt x="90" y="95"/>
                    </a:cubicBezTo>
                    <a:cubicBezTo>
                      <a:pt x="82" y="99"/>
                      <a:pt x="83" y="95"/>
                      <a:pt x="78" y="90"/>
                    </a:cubicBezTo>
                    <a:cubicBezTo>
                      <a:pt x="76" y="87"/>
                      <a:pt x="73" y="86"/>
                      <a:pt x="70" y="83"/>
                    </a:cubicBezTo>
                    <a:cubicBezTo>
                      <a:pt x="69" y="81"/>
                      <a:pt x="68" y="79"/>
                      <a:pt x="66" y="78"/>
                    </a:cubicBezTo>
                    <a:cubicBezTo>
                      <a:pt x="67" y="77"/>
                      <a:pt x="67" y="71"/>
                      <a:pt x="67" y="68"/>
                    </a:cubicBezTo>
                    <a:cubicBezTo>
                      <a:pt x="67" y="68"/>
                      <a:pt x="67" y="68"/>
                      <a:pt x="67" y="68"/>
                    </a:cubicBezTo>
                    <a:cubicBezTo>
                      <a:pt x="81" y="54"/>
                      <a:pt x="98" y="42"/>
                      <a:pt x="116" y="33"/>
                    </a:cubicBezTo>
                    <a:cubicBezTo>
                      <a:pt x="123" y="37"/>
                      <a:pt x="131" y="41"/>
                      <a:pt x="134" y="43"/>
                    </a:cubicBezTo>
                    <a:cubicBezTo>
                      <a:pt x="137" y="45"/>
                      <a:pt x="134" y="48"/>
                      <a:pt x="136" y="51"/>
                    </a:cubicBezTo>
                    <a:cubicBezTo>
                      <a:pt x="138" y="53"/>
                      <a:pt x="143" y="53"/>
                      <a:pt x="145" y="54"/>
                    </a:cubicBezTo>
                    <a:cubicBezTo>
                      <a:pt x="151" y="56"/>
                      <a:pt x="157" y="62"/>
                      <a:pt x="161" y="67"/>
                    </a:cubicBezTo>
                    <a:cubicBezTo>
                      <a:pt x="163" y="68"/>
                      <a:pt x="163" y="66"/>
                      <a:pt x="163" y="69"/>
                    </a:cubicBezTo>
                    <a:cubicBezTo>
                      <a:pt x="163" y="71"/>
                      <a:pt x="160" y="74"/>
                      <a:pt x="159" y="76"/>
                    </a:cubicBezTo>
                    <a:cubicBezTo>
                      <a:pt x="157" y="81"/>
                      <a:pt x="160" y="86"/>
                      <a:pt x="164" y="90"/>
                    </a:cubicBezTo>
                    <a:cubicBezTo>
                      <a:pt x="169" y="94"/>
                      <a:pt x="173" y="99"/>
                      <a:pt x="179" y="101"/>
                    </a:cubicBezTo>
                    <a:cubicBezTo>
                      <a:pt x="185" y="102"/>
                      <a:pt x="188" y="98"/>
                      <a:pt x="191" y="93"/>
                    </a:cubicBezTo>
                    <a:cubicBezTo>
                      <a:pt x="196" y="82"/>
                      <a:pt x="181" y="75"/>
                      <a:pt x="174" y="70"/>
                    </a:cubicBezTo>
                    <a:cubicBezTo>
                      <a:pt x="169" y="68"/>
                      <a:pt x="170" y="65"/>
                      <a:pt x="171" y="60"/>
                    </a:cubicBezTo>
                    <a:cubicBezTo>
                      <a:pt x="172" y="55"/>
                      <a:pt x="175" y="51"/>
                      <a:pt x="180" y="50"/>
                    </a:cubicBezTo>
                    <a:cubicBezTo>
                      <a:pt x="185" y="48"/>
                      <a:pt x="190" y="50"/>
                      <a:pt x="186" y="55"/>
                    </a:cubicBezTo>
                    <a:cubicBezTo>
                      <a:pt x="184" y="59"/>
                      <a:pt x="178" y="60"/>
                      <a:pt x="179" y="66"/>
                    </a:cubicBezTo>
                    <a:cubicBezTo>
                      <a:pt x="180" y="70"/>
                      <a:pt x="185" y="71"/>
                      <a:pt x="189" y="71"/>
                    </a:cubicBezTo>
                    <a:cubicBezTo>
                      <a:pt x="192" y="70"/>
                      <a:pt x="194" y="68"/>
                      <a:pt x="197" y="73"/>
                    </a:cubicBezTo>
                    <a:cubicBezTo>
                      <a:pt x="199" y="77"/>
                      <a:pt x="197" y="81"/>
                      <a:pt x="201" y="86"/>
                    </a:cubicBezTo>
                    <a:cubicBezTo>
                      <a:pt x="204" y="89"/>
                      <a:pt x="207" y="91"/>
                      <a:pt x="209" y="96"/>
                    </a:cubicBezTo>
                    <a:cubicBezTo>
                      <a:pt x="209" y="97"/>
                      <a:pt x="209" y="99"/>
                      <a:pt x="210" y="101"/>
                    </a:cubicBezTo>
                    <a:cubicBezTo>
                      <a:pt x="211" y="104"/>
                      <a:pt x="214" y="107"/>
                      <a:pt x="216" y="110"/>
                    </a:cubicBezTo>
                    <a:cubicBezTo>
                      <a:pt x="218" y="113"/>
                      <a:pt x="219" y="116"/>
                      <a:pt x="221" y="118"/>
                    </a:cubicBezTo>
                    <a:cubicBezTo>
                      <a:pt x="224" y="122"/>
                      <a:pt x="229" y="120"/>
                      <a:pt x="232" y="117"/>
                    </a:cubicBezTo>
                    <a:cubicBezTo>
                      <a:pt x="237" y="112"/>
                      <a:pt x="234" y="103"/>
                      <a:pt x="240" y="99"/>
                    </a:cubicBezTo>
                    <a:cubicBezTo>
                      <a:pt x="241" y="97"/>
                      <a:pt x="244" y="97"/>
                      <a:pt x="246" y="98"/>
                    </a:cubicBezTo>
                    <a:cubicBezTo>
                      <a:pt x="248" y="98"/>
                      <a:pt x="249" y="100"/>
                      <a:pt x="251" y="101"/>
                    </a:cubicBezTo>
                    <a:cubicBezTo>
                      <a:pt x="252" y="101"/>
                      <a:pt x="254" y="101"/>
                      <a:pt x="255" y="102"/>
                    </a:cubicBezTo>
                    <a:cubicBezTo>
                      <a:pt x="258" y="105"/>
                      <a:pt x="257" y="107"/>
                      <a:pt x="259" y="109"/>
                    </a:cubicBezTo>
                    <a:cubicBezTo>
                      <a:pt x="261" y="113"/>
                      <a:pt x="265" y="113"/>
                      <a:pt x="268" y="113"/>
                    </a:cubicBezTo>
                    <a:cubicBezTo>
                      <a:pt x="279" y="113"/>
                      <a:pt x="287" y="105"/>
                      <a:pt x="282" y="95"/>
                    </a:cubicBezTo>
                    <a:cubicBezTo>
                      <a:pt x="281" y="91"/>
                      <a:pt x="278" y="88"/>
                      <a:pt x="276" y="86"/>
                    </a:cubicBezTo>
                    <a:cubicBezTo>
                      <a:pt x="273" y="85"/>
                      <a:pt x="270" y="85"/>
                      <a:pt x="269" y="82"/>
                    </a:cubicBezTo>
                    <a:cubicBezTo>
                      <a:pt x="266" y="77"/>
                      <a:pt x="269" y="66"/>
                      <a:pt x="271" y="61"/>
                    </a:cubicBezTo>
                    <a:cubicBezTo>
                      <a:pt x="272" y="58"/>
                      <a:pt x="274" y="51"/>
                      <a:pt x="273" y="47"/>
                    </a:cubicBezTo>
                    <a:cubicBezTo>
                      <a:pt x="273" y="45"/>
                      <a:pt x="270" y="43"/>
                      <a:pt x="268" y="41"/>
                    </a:cubicBezTo>
                    <a:cubicBezTo>
                      <a:pt x="267" y="39"/>
                      <a:pt x="263" y="34"/>
                      <a:pt x="260" y="29"/>
                    </a:cubicBezTo>
                    <a:cubicBezTo>
                      <a:pt x="276" y="36"/>
                      <a:pt x="291" y="45"/>
                      <a:pt x="304" y="56"/>
                    </a:cubicBezTo>
                    <a:cubicBezTo>
                      <a:pt x="307" y="59"/>
                      <a:pt x="312" y="58"/>
                      <a:pt x="315" y="55"/>
                    </a:cubicBezTo>
                    <a:cubicBezTo>
                      <a:pt x="318" y="51"/>
                      <a:pt x="317" y="46"/>
                      <a:pt x="314" y="44"/>
                    </a:cubicBezTo>
                    <a:cubicBezTo>
                      <a:pt x="314" y="44"/>
                      <a:pt x="314" y="44"/>
                      <a:pt x="314" y="44"/>
                    </a:cubicBezTo>
                    <a:cubicBezTo>
                      <a:pt x="281" y="16"/>
                      <a:pt x="238" y="0"/>
                      <a:pt x="192" y="0"/>
                    </a:cubicBezTo>
                    <a:cubicBezTo>
                      <a:pt x="86" y="0"/>
                      <a:pt x="0" y="86"/>
                      <a:pt x="0" y="193"/>
                    </a:cubicBezTo>
                    <a:cubicBezTo>
                      <a:pt x="0" y="299"/>
                      <a:pt x="86" y="385"/>
                      <a:pt x="192" y="385"/>
                    </a:cubicBezTo>
                    <a:cubicBezTo>
                      <a:pt x="299" y="385"/>
                      <a:pt x="385" y="299"/>
                      <a:pt x="385" y="193"/>
                    </a:cubicBezTo>
                    <a:cubicBezTo>
                      <a:pt x="385" y="145"/>
                      <a:pt x="367" y="101"/>
                      <a:pt x="339" y="68"/>
                    </a:cubicBezTo>
                    <a:close/>
                    <a:moveTo>
                      <a:pt x="340" y="133"/>
                    </a:moveTo>
                    <a:cubicBezTo>
                      <a:pt x="338" y="133"/>
                      <a:pt x="331" y="130"/>
                      <a:pt x="331" y="128"/>
                    </a:cubicBezTo>
                    <a:cubicBezTo>
                      <a:pt x="331" y="125"/>
                      <a:pt x="337" y="121"/>
                      <a:pt x="338" y="118"/>
                    </a:cubicBezTo>
                    <a:cubicBezTo>
                      <a:pt x="339" y="117"/>
                      <a:pt x="338" y="115"/>
                      <a:pt x="339" y="114"/>
                    </a:cubicBezTo>
                    <a:cubicBezTo>
                      <a:pt x="340" y="113"/>
                      <a:pt x="342" y="113"/>
                      <a:pt x="343" y="112"/>
                    </a:cubicBezTo>
                    <a:cubicBezTo>
                      <a:pt x="344" y="110"/>
                      <a:pt x="344" y="106"/>
                      <a:pt x="344" y="103"/>
                    </a:cubicBezTo>
                    <a:cubicBezTo>
                      <a:pt x="348" y="109"/>
                      <a:pt x="351" y="115"/>
                      <a:pt x="354" y="121"/>
                    </a:cubicBezTo>
                    <a:cubicBezTo>
                      <a:pt x="350" y="127"/>
                      <a:pt x="345" y="133"/>
                      <a:pt x="340" y="133"/>
                    </a:cubicBezTo>
                    <a:close/>
                    <a:moveTo>
                      <a:pt x="169" y="306"/>
                    </a:moveTo>
                    <a:cubicBezTo>
                      <a:pt x="168" y="315"/>
                      <a:pt x="163" y="323"/>
                      <a:pt x="161" y="331"/>
                    </a:cubicBezTo>
                    <a:cubicBezTo>
                      <a:pt x="159" y="337"/>
                      <a:pt x="158" y="340"/>
                      <a:pt x="161" y="345"/>
                    </a:cubicBezTo>
                    <a:cubicBezTo>
                      <a:pt x="165" y="352"/>
                      <a:pt x="164" y="354"/>
                      <a:pt x="163" y="361"/>
                    </a:cubicBezTo>
                    <a:cubicBezTo>
                      <a:pt x="162" y="362"/>
                      <a:pt x="162" y="364"/>
                      <a:pt x="162" y="367"/>
                    </a:cubicBezTo>
                    <a:cubicBezTo>
                      <a:pt x="125" y="360"/>
                      <a:pt x="93" y="343"/>
                      <a:pt x="67" y="317"/>
                    </a:cubicBezTo>
                    <a:cubicBezTo>
                      <a:pt x="35" y="285"/>
                      <a:pt x="16" y="241"/>
                      <a:pt x="16" y="193"/>
                    </a:cubicBezTo>
                    <a:cubicBezTo>
                      <a:pt x="16" y="165"/>
                      <a:pt x="22" y="138"/>
                      <a:pt x="34" y="115"/>
                    </a:cubicBezTo>
                    <a:cubicBezTo>
                      <a:pt x="37" y="120"/>
                      <a:pt x="41" y="126"/>
                      <a:pt x="42" y="128"/>
                    </a:cubicBezTo>
                    <a:cubicBezTo>
                      <a:pt x="44" y="135"/>
                      <a:pt x="49" y="140"/>
                      <a:pt x="53" y="145"/>
                    </a:cubicBezTo>
                    <a:cubicBezTo>
                      <a:pt x="59" y="150"/>
                      <a:pt x="70" y="156"/>
                      <a:pt x="72" y="163"/>
                    </a:cubicBezTo>
                    <a:cubicBezTo>
                      <a:pt x="73" y="166"/>
                      <a:pt x="72" y="168"/>
                      <a:pt x="72" y="171"/>
                    </a:cubicBezTo>
                    <a:cubicBezTo>
                      <a:pt x="71" y="174"/>
                      <a:pt x="72" y="178"/>
                      <a:pt x="72" y="182"/>
                    </a:cubicBezTo>
                    <a:cubicBezTo>
                      <a:pt x="73" y="187"/>
                      <a:pt x="74" y="192"/>
                      <a:pt x="75" y="197"/>
                    </a:cubicBezTo>
                    <a:cubicBezTo>
                      <a:pt x="78" y="214"/>
                      <a:pt x="99" y="220"/>
                      <a:pt x="111" y="229"/>
                    </a:cubicBezTo>
                    <a:cubicBezTo>
                      <a:pt x="115" y="231"/>
                      <a:pt x="119" y="233"/>
                      <a:pt x="123" y="235"/>
                    </a:cubicBezTo>
                    <a:cubicBezTo>
                      <a:pt x="127" y="238"/>
                      <a:pt x="130" y="241"/>
                      <a:pt x="135" y="243"/>
                    </a:cubicBezTo>
                    <a:cubicBezTo>
                      <a:pt x="141" y="245"/>
                      <a:pt x="145" y="246"/>
                      <a:pt x="150" y="250"/>
                    </a:cubicBezTo>
                    <a:cubicBezTo>
                      <a:pt x="151" y="251"/>
                      <a:pt x="154" y="253"/>
                      <a:pt x="156" y="255"/>
                    </a:cubicBezTo>
                    <a:cubicBezTo>
                      <a:pt x="155" y="256"/>
                      <a:pt x="154" y="257"/>
                      <a:pt x="153" y="259"/>
                    </a:cubicBezTo>
                    <a:cubicBezTo>
                      <a:pt x="151" y="261"/>
                      <a:pt x="151" y="263"/>
                      <a:pt x="151" y="267"/>
                    </a:cubicBezTo>
                    <a:cubicBezTo>
                      <a:pt x="151" y="268"/>
                      <a:pt x="151" y="269"/>
                      <a:pt x="151" y="270"/>
                    </a:cubicBezTo>
                    <a:cubicBezTo>
                      <a:pt x="151" y="271"/>
                      <a:pt x="149" y="272"/>
                      <a:pt x="149" y="273"/>
                    </a:cubicBezTo>
                    <a:cubicBezTo>
                      <a:pt x="148" y="280"/>
                      <a:pt x="158" y="285"/>
                      <a:pt x="162" y="289"/>
                    </a:cubicBezTo>
                    <a:cubicBezTo>
                      <a:pt x="168" y="293"/>
                      <a:pt x="170" y="299"/>
                      <a:pt x="169" y="306"/>
                    </a:cubicBezTo>
                    <a:close/>
                  </a:path>
                </a:pathLst>
              </a:custGeom>
              <a:solidFill>
                <a:srgbClr val="00206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sz="1600"/>
              </a:p>
            </p:txBody>
          </p:sp>
          <p:sp>
            <p:nvSpPr>
              <p:cNvPr id="54" name="Freeform 5">
                <a:extLst>
                  <a:ext uri="{FF2B5EF4-FFF2-40B4-BE49-F238E27FC236}">
                    <a16:creationId xmlns:a16="http://schemas.microsoft.com/office/drawing/2014/main" id="{91A8D74B-22F0-8C00-2A5C-19706561190E}"/>
                  </a:ext>
                </a:extLst>
              </p:cNvPr>
              <p:cNvSpPr>
                <a:spLocks noChangeAspect="1" noEditPoints="1"/>
              </p:cNvSpPr>
              <p:nvPr/>
            </p:nvSpPr>
            <p:spPr bwMode="auto">
              <a:xfrm>
                <a:off x="5621803" y="3826741"/>
                <a:ext cx="539750" cy="539750"/>
              </a:xfrm>
              <a:custGeom>
                <a:avLst/>
                <a:gdLst>
                  <a:gd name="T0" fmla="*/ 2147483646 w 144"/>
                  <a:gd name="T1" fmla="*/ 2147483646 h 144"/>
                  <a:gd name="T2" fmla="*/ 2147483646 w 144"/>
                  <a:gd name="T3" fmla="*/ 2147483646 h 144"/>
                  <a:gd name="T4" fmla="*/ 2147483646 w 144"/>
                  <a:gd name="T5" fmla="*/ 2147483646 h 144"/>
                  <a:gd name="T6" fmla="*/ 2147483646 w 144"/>
                  <a:gd name="T7" fmla="*/ 2147483646 h 144"/>
                  <a:gd name="T8" fmla="*/ 2147483646 w 144"/>
                  <a:gd name="T9" fmla="*/ 2147483646 h 144"/>
                  <a:gd name="T10" fmla="*/ 2147483646 w 144"/>
                  <a:gd name="T11" fmla="*/ 2147483646 h 144"/>
                  <a:gd name="T12" fmla="*/ 2147483646 w 144"/>
                  <a:gd name="T13" fmla="*/ 2147483646 h 144"/>
                  <a:gd name="T14" fmla="*/ 2147483646 w 144"/>
                  <a:gd name="T15" fmla="*/ 2147483646 h 144"/>
                  <a:gd name="T16" fmla="*/ 2147483646 w 144"/>
                  <a:gd name="T17" fmla="*/ 0 h 144"/>
                  <a:gd name="T18" fmla="*/ 0 w 144"/>
                  <a:gd name="T19" fmla="*/ 2147483646 h 144"/>
                  <a:gd name="T20" fmla="*/ 2147483646 w 144"/>
                  <a:gd name="T21" fmla="*/ 2147483646 h 144"/>
                  <a:gd name="T22" fmla="*/ 2147483646 w 144"/>
                  <a:gd name="T23" fmla="*/ 2147483646 h 144"/>
                  <a:gd name="T24" fmla="*/ 0 w 144"/>
                  <a:gd name="T25" fmla="*/ 2147483646 h 144"/>
                  <a:gd name="T26" fmla="*/ 2147483646 w 144"/>
                  <a:gd name="T27" fmla="*/ 2147483646 h 144"/>
                  <a:gd name="T28" fmla="*/ 2147483646 w 144"/>
                  <a:gd name="T29" fmla="*/ 2147483646 h 144"/>
                  <a:gd name="T30" fmla="*/ 2147483646 w 144"/>
                  <a:gd name="T31" fmla="*/ 2147483646 h 144"/>
                  <a:gd name="T32" fmla="*/ 2147483646 w 144"/>
                  <a:gd name="T33" fmla="*/ 2147483646 h 144"/>
                  <a:gd name="T34" fmla="*/ 2147483646 w 144"/>
                  <a:gd name="T35" fmla="*/ 2147483646 h 144"/>
                  <a:gd name="T36" fmla="*/ 2147483646 w 144"/>
                  <a:gd name="T37" fmla="*/ 2147483646 h 144"/>
                  <a:gd name="T38" fmla="*/ 2147483646 w 144"/>
                  <a:gd name="T39" fmla="*/ 2147483646 h 144"/>
                  <a:gd name="T40" fmla="*/ 2147483646 w 144"/>
                  <a:gd name="T41" fmla="*/ 2147483646 h 144"/>
                  <a:gd name="T42" fmla="*/ 2147483646 w 144"/>
                  <a:gd name="T43" fmla="*/ 2147483646 h 144"/>
                  <a:gd name="T44" fmla="*/ 2147483646 w 144"/>
                  <a:gd name="T45" fmla="*/ 2147483646 h 144"/>
                  <a:gd name="T46" fmla="*/ 2147483646 w 144"/>
                  <a:gd name="T47" fmla="*/ 2147483646 h 144"/>
                  <a:gd name="T48" fmla="*/ 2147483646 w 144"/>
                  <a:gd name="T49" fmla="*/ 2147483646 h 144"/>
                  <a:gd name="T50" fmla="*/ 2147483646 w 144"/>
                  <a:gd name="T51" fmla="*/ 2147483646 h 144"/>
                  <a:gd name="T52" fmla="*/ 0 w 144"/>
                  <a:gd name="T53" fmla="*/ 2147483646 h 144"/>
                  <a:gd name="T54" fmla="*/ 2147483646 w 144"/>
                  <a:gd name="T55" fmla="*/ 2147483646 h 144"/>
                  <a:gd name="T56" fmla="*/ 2147483646 w 144"/>
                  <a:gd name="T57" fmla="*/ 2147483646 h 144"/>
                  <a:gd name="T58" fmla="*/ 2147483646 w 144"/>
                  <a:gd name="T59" fmla="*/ 2147483646 h 144"/>
                  <a:gd name="T60" fmla="*/ 2147483646 w 144"/>
                  <a:gd name="T61" fmla="*/ 2147483646 h 144"/>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0" t="0" r="r" b="b"/>
                <a:pathLst>
                  <a:path w="144" h="144">
                    <a:moveTo>
                      <a:pt x="8" y="16"/>
                    </a:moveTo>
                    <a:cubicBezTo>
                      <a:pt x="8" y="16"/>
                      <a:pt x="8" y="16"/>
                      <a:pt x="8" y="16"/>
                    </a:cubicBezTo>
                    <a:cubicBezTo>
                      <a:pt x="41" y="16"/>
                      <a:pt x="71" y="29"/>
                      <a:pt x="93" y="51"/>
                    </a:cubicBezTo>
                    <a:cubicBezTo>
                      <a:pt x="115" y="73"/>
                      <a:pt x="128" y="103"/>
                      <a:pt x="128" y="136"/>
                    </a:cubicBezTo>
                    <a:cubicBezTo>
                      <a:pt x="128" y="141"/>
                      <a:pt x="132" y="144"/>
                      <a:pt x="136" y="144"/>
                    </a:cubicBezTo>
                    <a:cubicBezTo>
                      <a:pt x="138" y="144"/>
                      <a:pt x="140" y="144"/>
                      <a:pt x="142" y="142"/>
                    </a:cubicBezTo>
                    <a:cubicBezTo>
                      <a:pt x="143" y="141"/>
                      <a:pt x="144" y="139"/>
                      <a:pt x="144" y="136"/>
                    </a:cubicBezTo>
                    <a:cubicBezTo>
                      <a:pt x="144" y="99"/>
                      <a:pt x="129" y="65"/>
                      <a:pt x="104" y="40"/>
                    </a:cubicBezTo>
                    <a:cubicBezTo>
                      <a:pt x="79" y="15"/>
                      <a:pt x="45" y="0"/>
                      <a:pt x="8" y="0"/>
                    </a:cubicBezTo>
                    <a:cubicBezTo>
                      <a:pt x="3" y="0"/>
                      <a:pt x="0" y="3"/>
                      <a:pt x="0" y="8"/>
                    </a:cubicBezTo>
                    <a:cubicBezTo>
                      <a:pt x="0" y="12"/>
                      <a:pt x="3" y="16"/>
                      <a:pt x="8" y="16"/>
                    </a:cubicBezTo>
                    <a:close/>
                    <a:moveTo>
                      <a:pt x="8" y="77"/>
                    </a:moveTo>
                    <a:cubicBezTo>
                      <a:pt x="3" y="77"/>
                      <a:pt x="0" y="80"/>
                      <a:pt x="0" y="85"/>
                    </a:cubicBezTo>
                    <a:cubicBezTo>
                      <a:pt x="0" y="89"/>
                      <a:pt x="3" y="93"/>
                      <a:pt x="8" y="93"/>
                    </a:cubicBezTo>
                    <a:cubicBezTo>
                      <a:pt x="20" y="93"/>
                      <a:pt x="30" y="98"/>
                      <a:pt x="38" y="106"/>
                    </a:cubicBezTo>
                    <a:cubicBezTo>
                      <a:pt x="46" y="114"/>
                      <a:pt x="51" y="124"/>
                      <a:pt x="51" y="136"/>
                    </a:cubicBezTo>
                    <a:cubicBezTo>
                      <a:pt x="51" y="141"/>
                      <a:pt x="55" y="144"/>
                      <a:pt x="59" y="144"/>
                    </a:cubicBezTo>
                    <a:cubicBezTo>
                      <a:pt x="61" y="144"/>
                      <a:pt x="63" y="144"/>
                      <a:pt x="65" y="142"/>
                    </a:cubicBezTo>
                    <a:cubicBezTo>
                      <a:pt x="66" y="141"/>
                      <a:pt x="67" y="139"/>
                      <a:pt x="67" y="136"/>
                    </a:cubicBezTo>
                    <a:cubicBezTo>
                      <a:pt x="67" y="120"/>
                      <a:pt x="60" y="105"/>
                      <a:pt x="50" y="94"/>
                    </a:cubicBezTo>
                    <a:cubicBezTo>
                      <a:pt x="39" y="84"/>
                      <a:pt x="24" y="77"/>
                      <a:pt x="8" y="77"/>
                    </a:cubicBezTo>
                    <a:close/>
                    <a:moveTo>
                      <a:pt x="98" y="144"/>
                    </a:moveTo>
                    <a:cubicBezTo>
                      <a:pt x="100" y="144"/>
                      <a:pt x="102" y="144"/>
                      <a:pt x="103" y="142"/>
                    </a:cubicBezTo>
                    <a:cubicBezTo>
                      <a:pt x="105" y="141"/>
                      <a:pt x="106" y="139"/>
                      <a:pt x="106" y="136"/>
                    </a:cubicBezTo>
                    <a:cubicBezTo>
                      <a:pt x="106" y="109"/>
                      <a:pt x="95" y="85"/>
                      <a:pt x="77" y="67"/>
                    </a:cubicBezTo>
                    <a:cubicBezTo>
                      <a:pt x="59" y="49"/>
                      <a:pt x="35" y="38"/>
                      <a:pt x="8" y="38"/>
                    </a:cubicBezTo>
                    <a:cubicBezTo>
                      <a:pt x="3" y="38"/>
                      <a:pt x="0" y="42"/>
                      <a:pt x="0" y="46"/>
                    </a:cubicBezTo>
                    <a:cubicBezTo>
                      <a:pt x="0" y="51"/>
                      <a:pt x="3" y="54"/>
                      <a:pt x="8" y="54"/>
                    </a:cubicBezTo>
                    <a:cubicBezTo>
                      <a:pt x="30" y="54"/>
                      <a:pt x="51" y="64"/>
                      <a:pt x="66" y="78"/>
                    </a:cubicBezTo>
                    <a:cubicBezTo>
                      <a:pt x="80" y="93"/>
                      <a:pt x="90" y="114"/>
                      <a:pt x="90" y="136"/>
                    </a:cubicBezTo>
                    <a:cubicBezTo>
                      <a:pt x="90" y="141"/>
                      <a:pt x="93" y="144"/>
                      <a:pt x="98" y="144"/>
                    </a:cubicBezTo>
                    <a:close/>
                  </a:path>
                </a:pathLst>
              </a:custGeom>
              <a:solidFill>
                <a:srgbClr val="00206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sz="1600"/>
              </a:p>
            </p:txBody>
          </p:sp>
        </p:grpSp>
        <p:grpSp>
          <p:nvGrpSpPr>
            <p:cNvPr id="8" name="Group 7">
              <a:extLst>
                <a:ext uri="{FF2B5EF4-FFF2-40B4-BE49-F238E27FC236}">
                  <a16:creationId xmlns:a16="http://schemas.microsoft.com/office/drawing/2014/main" id="{2EB7BC87-257B-662E-59FC-797D37AFFA3A}"/>
                </a:ext>
              </a:extLst>
            </p:cNvPr>
            <p:cNvGrpSpPr/>
            <p:nvPr/>
          </p:nvGrpSpPr>
          <p:grpSpPr>
            <a:xfrm>
              <a:off x="335937" y="3512433"/>
              <a:ext cx="2049575" cy="1696172"/>
              <a:chOff x="813698" y="2341563"/>
              <a:chExt cx="3565525" cy="3086100"/>
            </a:xfrm>
          </p:grpSpPr>
          <p:sp>
            <p:nvSpPr>
              <p:cNvPr id="50" name="Freeform 5">
                <a:extLst>
                  <a:ext uri="{FF2B5EF4-FFF2-40B4-BE49-F238E27FC236}">
                    <a16:creationId xmlns:a16="http://schemas.microsoft.com/office/drawing/2014/main" id="{E3051E09-AA91-C5FF-5E1E-530ACD5610AF}"/>
                  </a:ext>
                </a:extLst>
              </p:cNvPr>
              <p:cNvSpPr>
                <a:spLocks noChangeAspect="1" noEditPoints="1"/>
              </p:cNvSpPr>
              <p:nvPr/>
            </p:nvSpPr>
            <p:spPr bwMode="auto">
              <a:xfrm>
                <a:off x="813698" y="2341563"/>
                <a:ext cx="3565525" cy="3086100"/>
              </a:xfrm>
              <a:custGeom>
                <a:avLst/>
                <a:gdLst>
                  <a:gd name="T0" fmla="*/ 2147483646 w 590"/>
                  <a:gd name="T1" fmla="*/ 2147483646 h 440"/>
                  <a:gd name="T2" fmla="*/ 2147483646 w 590"/>
                  <a:gd name="T3" fmla="*/ 2147483646 h 440"/>
                  <a:gd name="T4" fmla="*/ 0 w 590"/>
                  <a:gd name="T5" fmla="*/ 2147483646 h 440"/>
                  <a:gd name="T6" fmla="*/ 0 w 590"/>
                  <a:gd name="T7" fmla="*/ 2147483646 h 440"/>
                  <a:gd name="T8" fmla="*/ 2147483646 w 590"/>
                  <a:gd name="T9" fmla="*/ 0 h 440"/>
                  <a:gd name="T10" fmla="*/ 2147483646 w 590"/>
                  <a:gd name="T11" fmla="*/ 0 h 440"/>
                  <a:gd name="T12" fmla="*/ 2147483646 w 590"/>
                  <a:gd name="T13" fmla="*/ 2147483646 h 440"/>
                  <a:gd name="T14" fmla="*/ 2147483646 w 590"/>
                  <a:gd name="T15" fmla="*/ 2147483646 h 440"/>
                  <a:gd name="T16" fmla="*/ 2147483646 w 590"/>
                  <a:gd name="T17" fmla="*/ 2147483646 h 440"/>
                  <a:gd name="T18" fmla="*/ 2147483646 w 590"/>
                  <a:gd name="T19" fmla="*/ 2147483646 h 440"/>
                  <a:gd name="T20" fmla="*/ 2147483646 w 590"/>
                  <a:gd name="T21" fmla="*/ 2147483646 h 440"/>
                  <a:gd name="T22" fmla="*/ 2147483646 w 590"/>
                  <a:gd name="T23" fmla="*/ 2147483646 h 440"/>
                  <a:gd name="T24" fmla="*/ 2147483646 w 590"/>
                  <a:gd name="T25" fmla="*/ 2147483646 h 440"/>
                  <a:gd name="T26" fmla="*/ 2147483646 w 590"/>
                  <a:gd name="T27" fmla="*/ 2147483646 h 440"/>
                  <a:gd name="T28" fmla="*/ 2147483646 w 590"/>
                  <a:gd name="T29" fmla="*/ 2147483646 h 440"/>
                  <a:gd name="T30" fmla="*/ 2147483646 w 590"/>
                  <a:gd name="T31" fmla="*/ 2147483646 h 440"/>
                  <a:gd name="T32" fmla="*/ 2147483646 w 590"/>
                  <a:gd name="T33" fmla="*/ 2147483646 h 440"/>
                  <a:gd name="T34" fmla="*/ 2147483646 w 590"/>
                  <a:gd name="T35" fmla="*/ 2147483646 h 440"/>
                  <a:gd name="T36" fmla="*/ 2147483646 w 590"/>
                  <a:gd name="T37" fmla="*/ 2147483646 h 440"/>
                  <a:gd name="T38" fmla="*/ 2147483646 w 590"/>
                  <a:gd name="T39" fmla="*/ 2147483646 h 440"/>
                  <a:gd name="T40" fmla="*/ 2147483646 w 590"/>
                  <a:gd name="T41" fmla="*/ 2147483646 h 440"/>
                  <a:gd name="T42" fmla="*/ 2147483646 w 590"/>
                  <a:gd name="T43" fmla="*/ 2147483646 h 440"/>
                  <a:gd name="T44" fmla="*/ 2147483646 w 590"/>
                  <a:gd name="T45" fmla="*/ 2147483646 h 440"/>
                  <a:gd name="T46" fmla="*/ 2147483646 w 590"/>
                  <a:gd name="T47" fmla="*/ 2147483646 h 440"/>
                  <a:gd name="T48" fmla="*/ 2147483646 w 590"/>
                  <a:gd name="T49" fmla="*/ 2147483646 h 440"/>
                  <a:gd name="T50" fmla="*/ 2147483646 w 590"/>
                  <a:gd name="T51" fmla="*/ 2147483646 h 440"/>
                  <a:gd name="T52" fmla="*/ 2147483646 w 590"/>
                  <a:gd name="T53" fmla="*/ 2147483646 h 440"/>
                  <a:gd name="T54" fmla="*/ 2147483646 w 590"/>
                  <a:gd name="T55" fmla="*/ 2147483646 h 440"/>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0" t="0" r="r" b="b"/>
                <a:pathLst>
                  <a:path w="590" h="440">
                    <a:moveTo>
                      <a:pt x="574" y="332"/>
                    </a:moveTo>
                    <a:cubicBezTo>
                      <a:pt x="16" y="332"/>
                      <a:pt x="16" y="332"/>
                      <a:pt x="16" y="332"/>
                    </a:cubicBezTo>
                    <a:cubicBezTo>
                      <a:pt x="8" y="332"/>
                      <a:pt x="0" y="324"/>
                      <a:pt x="0" y="316"/>
                    </a:cubicBezTo>
                    <a:cubicBezTo>
                      <a:pt x="0" y="16"/>
                      <a:pt x="0" y="16"/>
                      <a:pt x="0" y="16"/>
                    </a:cubicBezTo>
                    <a:cubicBezTo>
                      <a:pt x="0" y="7"/>
                      <a:pt x="8" y="0"/>
                      <a:pt x="16" y="0"/>
                    </a:cubicBezTo>
                    <a:cubicBezTo>
                      <a:pt x="574" y="0"/>
                      <a:pt x="574" y="0"/>
                      <a:pt x="574" y="0"/>
                    </a:cubicBezTo>
                    <a:cubicBezTo>
                      <a:pt x="583" y="0"/>
                      <a:pt x="590" y="7"/>
                      <a:pt x="590" y="16"/>
                    </a:cubicBezTo>
                    <a:cubicBezTo>
                      <a:pt x="590" y="316"/>
                      <a:pt x="590" y="316"/>
                      <a:pt x="590" y="316"/>
                    </a:cubicBezTo>
                    <a:cubicBezTo>
                      <a:pt x="590" y="324"/>
                      <a:pt x="583" y="332"/>
                      <a:pt x="574" y="332"/>
                    </a:cubicBezTo>
                    <a:moveTo>
                      <a:pt x="574" y="316"/>
                    </a:moveTo>
                    <a:cubicBezTo>
                      <a:pt x="574" y="324"/>
                      <a:pt x="574" y="324"/>
                      <a:pt x="574" y="324"/>
                    </a:cubicBezTo>
                    <a:lnTo>
                      <a:pt x="574" y="316"/>
                    </a:lnTo>
                    <a:close/>
                    <a:moveTo>
                      <a:pt x="16" y="16"/>
                    </a:moveTo>
                    <a:cubicBezTo>
                      <a:pt x="16" y="316"/>
                      <a:pt x="16" y="316"/>
                      <a:pt x="16" y="316"/>
                    </a:cubicBezTo>
                    <a:cubicBezTo>
                      <a:pt x="574" y="316"/>
                      <a:pt x="574" y="316"/>
                      <a:pt x="574" y="316"/>
                    </a:cubicBezTo>
                    <a:cubicBezTo>
                      <a:pt x="574" y="16"/>
                      <a:pt x="574" y="16"/>
                      <a:pt x="574" y="16"/>
                    </a:cubicBezTo>
                    <a:lnTo>
                      <a:pt x="16" y="16"/>
                    </a:lnTo>
                    <a:close/>
                    <a:moveTo>
                      <a:pt x="405" y="416"/>
                    </a:moveTo>
                    <a:cubicBezTo>
                      <a:pt x="337" y="416"/>
                      <a:pt x="337" y="416"/>
                      <a:pt x="337" y="416"/>
                    </a:cubicBezTo>
                    <a:cubicBezTo>
                      <a:pt x="337" y="344"/>
                      <a:pt x="337" y="344"/>
                      <a:pt x="337" y="344"/>
                    </a:cubicBezTo>
                    <a:cubicBezTo>
                      <a:pt x="253" y="344"/>
                      <a:pt x="253" y="344"/>
                      <a:pt x="253" y="344"/>
                    </a:cubicBezTo>
                    <a:cubicBezTo>
                      <a:pt x="253" y="416"/>
                      <a:pt x="253" y="416"/>
                      <a:pt x="253" y="416"/>
                    </a:cubicBezTo>
                    <a:cubicBezTo>
                      <a:pt x="185" y="416"/>
                      <a:pt x="185" y="416"/>
                      <a:pt x="185" y="416"/>
                    </a:cubicBezTo>
                    <a:cubicBezTo>
                      <a:pt x="174" y="416"/>
                      <a:pt x="165" y="425"/>
                      <a:pt x="165" y="436"/>
                    </a:cubicBezTo>
                    <a:cubicBezTo>
                      <a:pt x="165" y="438"/>
                      <a:pt x="167" y="440"/>
                      <a:pt x="169" y="440"/>
                    </a:cubicBezTo>
                    <a:cubicBezTo>
                      <a:pt x="421" y="440"/>
                      <a:pt x="421" y="440"/>
                      <a:pt x="421" y="440"/>
                    </a:cubicBezTo>
                    <a:cubicBezTo>
                      <a:pt x="424" y="440"/>
                      <a:pt x="425" y="438"/>
                      <a:pt x="425" y="436"/>
                    </a:cubicBezTo>
                    <a:cubicBezTo>
                      <a:pt x="425" y="425"/>
                      <a:pt x="416" y="416"/>
                      <a:pt x="405" y="416"/>
                    </a:cubicBezTo>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a:lstStyle/>
              <a:p>
                <a:endParaRPr lang="en-US" sz="1600"/>
              </a:p>
            </p:txBody>
          </p:sp>
          <p:pic>
            <p:nvPicPr>
              <p:cNvPr id="51" name="Picture 50">
                <a:extLst>
                  <a:ext uri="{FF2B5EF4-FFF2-40B4-BE49-F238E27FC236}">
                    <a16:creationId xmlns:a16="http://schemas.microsoft.com/office/drawing/2014/main" id="{E9B4A055-903E-6196-618C-A93DA88E1826}"/>
                  </a:ext>
                </a:extLst>
              </p:cNvPr>
              <p:cNvPicPr>
                <a:picLocks noChangeAspect="1"/>
              </p:cNvPicPr>
              <p:nvPr/>
            </p:nvPicPr>
            <p:blipFill>
              <a:blip r:embed="rId7"/>
              <a:stretch>
                <a:fillRect/>
              </a:stretch>
            </p:blipFill>
            <p:spPr>
              <a:xfrm>
                <a:off x="881149" y="2359025"/>
                <a:ext cx="3388574" cy="2229600"/>
              </a:xfrm>
              <a:prstGeom prst="rect">
                <a:avLst/>
              </a:prstGeom>
            </p:spPr>
          </p:pic>
          <p:pic>
            <p:nvPicPr>
              <p:cNvPr id="52" name="Picture 51">
                <a:extLst>
                  <a:ext uri="{FF2B5EF4-FFF2-40B4-BE49-F238E27FC236}">
                    <a16:creationId xmlns:a16="http://schemas.microsoft.com/office/drawing/2014/main" id="{0A4F96DD-4D85-2421-5835-DA454342473E}"/>
                  </a:ext>
                </a:extLst>
              </p:cNvPr>
              <p:cNvPicPr>
                <a:picLocks noChangeAspect="1"/>
              </p:cNvPicPr>
              <p:nvPr/>
            </p:nvPicPr>
            <p:blipFill>
              <a:blip r:embed="rId8"/>
              <a:stretch>
                <a:fillRect/>
              </a:stretch>
            </p:blipFill>
            <p:spPr>
              <a:xfrm>
                <a:off x="881149" y="3049588"/>
                <a:ext cx="3009207" cy="1556499"/>
              </a:xfrm>
              <a:prstGeom prst="rect">
                <a:avLst/>
              </a:prstGeom>
            </p:spPr>
          </p:pic>
        </p:grpSp>
        <p:sp>
          <p:nvSpPr>
            <p:cNvPr id="20" name="TextBox 11">
              <a:extLst>
                <a:ext uri="{FF2B5EF4-FFF2-40B4-BE49-F238E27FC236}">
                  <a16:creationId xmlns:a16="http://schemas.microsoft.com/office/drawing/2014/main" id="{1772249E-E43C-2AA8-9050-30039C6E5B3C}"/>
                </a:ext>
              </a:extLst>
            </p:cNvPr>
            <p:cNvSpPr txBox="1">
              <a:spLocks noChangeArrowheads="1"/>
            </p:cNvSpPr>
            <p:nvPr/>
          </p:nvSpPr>
          <p:spPr bwMode="auto">
            <a:xfrm>
              <a:off x="4746596" y="3989792"/>
              <a:ext cx="3429621" cy="52321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000">
                  <a:solidFill>
                    <a:schemeClr val="tx1"/>
                  </a:solidFill>
                  <a:latin typeface="Arial" panose="020B0604020202020204" pitchFamily="34" charset="0"/>
                </a:defRPr>
              </a:lvl1pPr>
              <a:lvl2pPr marL="742950" indent="-285750">
                <a:defRPr sz="2000">
                  <a:solidFill>
                    <a:schemeClr val="tx1"/>
                  </a:solidFill>
                  <a:latin typeface="Arial" panose="020B0604020202020204" pitchFamily="34" charset="0"/>
                </a:defRPr>
              </a:lvl2pPr>
              <a:lvl3pPr marL="1143000" indent="-228600">
                <a:defRPr sz="2000">
                  <a:solidFill>
                    <a:schemeClr val="tx1"/>
                  </a:solidFill>
                  <a:latin typeface="Arial" panose="020B0604020202020204" pitchFamily="34" charset="0"/>
                </a:defRPr>
              </a:lvl3pPr>
              <a:lvl4pPr marL="1600200" indent="-228600">
                <a:defRPr sz="2000">
                  <a:solidFill>
                    <a:schemeClr val="tx1"/>
                  </a:solidFill>
                  <a:latin typeface="Arial" panose="020B0604020202020204" pitchFamily="34" charset="0"/>
                </a:defRPr>
              </a:lvl4pPr>
              <a:lvl5pPr marL="2057400" indent="-228600">
                <a:defRPr sz="2000">
                  <a:solidFill>
                    <a:schemeClr val="tx1"/>
                  </a:solidFill>
                  <a:latin typeface="Arial" panose="020B0604020202020204" pitchFamily="34" charset="0"/>
                </a:defRPr>
              </a:lvl5pPr>
              <a:lvl6pPr marL="2514600" indent="-228600" eaLnBrk="0" fontAlgn="base" hangingPunct="0">
                <a:spcBef>
                  <a:spcPct val="0"/>
                </a:spcBef>
                <a:spcAft>
                  <a:spcPct val="0"/>
                </a:spcAft>
                <a:defRPr sz="2000">
                  <a:solidFill>
                    <a:schemeClr val="tx1"/>
                  </a:solidFill>
                  <a:latin typeface="Arial" panose="020B0604020202020204" pitchFamily="34" charset="0"/>
                </a:defRPr>
              </a:lvl6pPr>
              <a:lvl7pPr marL="2971800" indent="-228600" eaLnBrk="0" fontAlgn="base" hangingPunct="0">
                <a:spcBef>
                  <a:spcPct val="0"/>
                </a:spcBef>
                <a:spcAft>
                  <a:spcPct val="0"/>
                </a:spcAft>
                <a:defRPr sz="2000">
                  <a:solidFill>
                    <a:schemeClr val="tx1"/>
                  </a:solidFill>
                  <a:latin typeface="Arial" panose="020B0604020202020204" pitchFamily="34" charset="0"/>
                </a:defRPr>
              </a:lvl7pPr>
              <a:lvl8pPr marL="3429000" indent="-228600" eaLnBrk="0" fontAlgn="base" hangingPunct="0">
                <a:spcBef>
                  <a:spcPct val="0"/>
                </a:spcBef>
                <a:spcAft>
                  <a:spcPct val="0"/>
                </a:spcAft>
                <a:defRPr sz="2000">
                  <a:solidFill>
                    <a:schemeClr val="tx1"/>
                  </a:solidFill>
                  <a:latin typeface="Arial" panose="020B0604020202020204" pitchFamily="34" charset="0"/>
                </a:defRPr>
              </a:lvl8pPr>
              <a:lvl9pPr marL="3886200" indent="-228600" eaLnBrk="0" fontAlgn="base" hangingPunct="0">
                <a:spcBef>
                  <a:spcPct val="0"/>
                </a:spcBef>
                <a:spcAft>
                  <a:spcPct val="0"/>
                </a:spcAft>
                <a:defRPr sz="2000">
                  <a:solidFill>
                    <a:schemeClr val="tx1"/>
                  </a:solidFill>
                  <a:latin typeface="Arial" panose="020B0604020202020204" pitchFamily="34" charset="0"/>
                </a:defRPr>
              </a:lvl9pPr>
            </a:lstStyle>
            <a:p>
              <a:pPr algn="ctr"/>
              <a:r>
                <a:rPr lang="en-US" altLang="en-US" sz="1200" b="1" dirty="0">
                  <a:solidFill>
                    <a:srgbClr val="002060"/>
                  </a:solidFill>
                  <a:latin typeface="+mn-lt"/>
                </a:rPr>
                <a:t>CONTROLLO VEICOLI (LUCI, RUOTE, CINTURA SICUREZZA, AIRBAGS, KM ETC.)</a:t>
              </a:r>
            </a:p>
          </p:txBody>
        </p:sp>
        <p:pic>
          <p:nvPicPr>
            <p:cNvPr id="37" name="Picture 36">
              <a:extLst>
                <a:ext uri="{FF2B5EF4-FFF2-40B4-BE49-F238E27FC236}">
                  <a16:creationId xmlns:a16="http://schemas.microsoft.com/office/drawing/2014/main" id="{55689214-832E-4C96-80E6-3679822377FC}"/>
                </a:ext>
              </a:extLst>
            </p:cNvPr>
            <p:cNvPicPr>
              <a:picLocks noChangeAspect="1"/>
            </p:cNvPicPr>
            <p:nvPr/>
          </p:nvPicPr>
          <p:blipFill>
            <a:blip r:embed="rId9"/>
            <a:stretch>
              <a:fillRect/>
            </a:stretch>
          </p:blipFill>
          <p:spPr>
            <a:xfrm>
              <a:off x="4554020" y="4651262"/>
              <a:ext cx="1945509" cy="1609092"/>
            </a:xfrm>
            <a:prstGeom prst="rect">
              <a:avLst/>
            </a:prstGeom>
          </p:spPr>
        </p:pic>
        <p:sp>
          <p:nvSpPr>
            <p:cNvPr id="38" name="TextBox 11">
              <a:extLst>
                <a:ext uri="{FF2B5EF4-FFF2-40B4-BE49-F238E27FC236}">
                  <a16:creationId xmlns:a16="http://schemas.microsoft.com/office/drawing/2014/main" id="{538DD084-A3B4-9F0A-75DD-4FE120CFD943}"/>
                </a:ext>
              </a:extLst>
            </p:cNvPr>
            <p:cNvSpPr txBox="1">
              <a:spLocks noChangeArrowheads="1"/>
            </p:cNvSpPr>
            <p:nvPr/>
          </p:nvSpPr>
          <p:spPr bwMode="auto">
            <a:xfrm>
              <a:off x="4492982" y="6321671"/>
              <a:ext cx="1945508" cy="5232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000">
                  <a:solidFill>
                    <a:schemeClr val="tx1"/>
                  </a:solidFill>
                  <a:latin typeface="Arial" panose="020B0604020202020204" pitchFamily="34" charset="0"/>
                </a:defRPr>
              </a:lvl1pPr>
              <a:lvl2pPr marL="742950" indent="-285750">
                <a:defRPr sz="2000">
                  <a:solidFill>
                    <a:schemeClr val="tx1"/>
                  </a:solidFill>
                  <a:latin typeface="Arial" panose="020B0604020202020204" pitchFamily="34" charset="0"/>
                </a:defRPr>
              </a:lvl2pPr>
              <a:lvl3pPr marL="1143000" indent="-228600">
                <a:defRPr sz="2000">
                  <a:solidFill>
                    <a:schemeClr val="tx1"/>
                  </a:solidFill>
                  <a:latin typeface="Arial" panose="020B0604020202020204" pitchFamily="34" charset="0"/>
                </a:defRPr>
              </a:lvl3pPr>
              <a:lvl4pPr marL="1600200" indent="-228600">
                <a:defRPr sz="2000">
                  <a:solidFill>
                    <a:schemeClr val="tx1"/>
                  </a:solidFill>
                  <a:latin typeface="Arial" panose="020B0604020202020204" pitchFamily="34" charset="0"/>
                </a:defRPr>
              </a:lvl4pPr>
              <a:lvl5pPr marL="2057400" indent="-228600">
                <a:defRPr sz="2000">
                  <a:solidFill>
                    <a:schemeClr val="tx1"/>
                  </a:solidFill>
                  <a:latin typeface="Arial" panose="020B0604020202020204" pitchFamily="34" charset="0"/>
                </a:defRPr>
              </a:lvl5pPr>
              <a:lvl6pPr marL="2514600" indent="-228600" eaLnBrk="0" fontAlgn="base" hangingPunct="0">
                <a:spcBef>
                  <a:spcPct val="0"/>
                </a:spcBef>
                <a:spcAft>
                  <a:spcPct val="0"/>
                </a:spcAft>
                <a:defRPr sz="2000">
                  <a:solidFill>
                    <a:schemeClr val="tx1"/>
                  </a:solidFill>
                  <a:latin typeface="Arial" panose="020B0604020202020204" pitchFamily="34" charset="0"/>
                </a:defRPr>
              </a:lvl6pPr>
              <a:lvl7pPr marL="2971800" indent="-228600" eaLnBrk="0" fontAlgn="base" hangingPunct="0">
                <a:spcBef>
                  <a:spcPct val="0"/>
                </a:spcBef>
                <a:spcAft>
                  <a:spcPct val="0"/>
                </a:spcAft>
                <a:defRPr sz="2000">
                  <a:solidFill>
                    <a:schemeClr val="tx1"/>
                  </a:solidFill>
                  <a:latin typeface="Arial" panose="020B0604020202020204" pitchFamily="34" charset="0"/>
                </a:defRPr>
              </a:lvl7pPr>
              <a:lvl8pPr marL="3429000" indent="-228600" eaLnBrk="0" fontAlgn="base" hangingPunct="0">
                <a:spcBef>
                  <a:spcPct val="0"/>
                </a:spcBef>
                <a:spcAft>
                  <a:spcPct val="0"/>
                </a:spcAft>
                <a:defRPr sz="2000">
                  <a:solidFill>
                    <a:schemeClr val="tx1"/>
                  </a:solidFill>
                  <a:latin typeface="Arial" panose="020B0604020202020204" pitchFamily="34" charset="0"/>
                </a:defRPr>
              </a:lvl8pPr>
              <a:lvl9pPr marL="3886200" indent="-228600" eaLnBrk="0" fontAlgn="base" hangingPunct="0">
                <a:spcBef>
                  <a:spcPct val="0"/>
                </a:spcBef>
                <a:spcAft>
                  <a:spcPct val="0"/>
                </a:spcAft>
                <a:defRPr sz="2000">
                  <a:solidFill>
                    <a:schemeClr val="tx1"/>
                  </a:solidFill>
                  <a:latin typeface="Arial" panose="020B0604020202020204" pitchFamily="34" charset="0"/>
                </a:defRPr>
              </a:lvl9pPr>
            </a:lstStyle>
            <a:p>
              <a:pPr algn="ctr"/>
              <a:r>
                <a:rPr lang="en-US" altLang="en-US" sz="1200" b="1">
                  <a:solidFill>
                    <a:srgbClr val="002060"/>
                  </a:solidFill>
                  <a:latin typeface="+mn-lt"/>
                </a:rPr>
                <a:t>CONTROLLO CASSETTA DI PRIMO SOCCORSO</a:t>
              </a:r>
            </a:p>
          </p:txBody>
        </p:sp>
        <p:pic>
          <p:nvPicPr>
            <p:cNvPr id="39" name="Picture 38">
              <a:extLst>
                <a:ext uri="{FF2B5EF4-FFF2-40B4-BE49-F238E27FC236}">
                  <a16:creationId xmlns:a16="http://schemas.microsoft.com/office/drawing/2014/main" id="{3F03ACE0-8921-FC2E-108D-7A0B3106E085}"/>
                </a:ext>
              </a:extLst>
            </p:cNvPr>
            <p:cNvPicPr>
              <a:picLocks noChangeAspect="1"/>
            </p:cNvPicPr>
            <p:nvPr/>
          </p:nvPicPr>
          <p:blipFill>
            <a:blip r:embed="rId10"/>
            <a:stretch>
              <a:fillRect/>
            </a:stretch>
          </p:blipFill>
          <p:spPr>
            <a:xfrm>
              <a:off x="7203887" y="4572690"/>
              <a:ext cx="1949351" cy="1877551"/>
            </a:xfrm>
            <a:prstGeom prst="rect">
              <a:avLst/>
            </a:prstGeom>
          </p:spPr>
        </p:pic>
        <p:sp>
          <p:nvSpPr>
            <p:cNvPr id="41" name="TextBox 11">
              <a:extLst>
                <a:ext uri="{FF2B5EF4-FFF2-40B4-BE49-F238E27FC236}">
                  <a16:creationId xmlns:a16="http://schemas.microsoft.com/office/drawing/2014/main" id="{DB9384C1-D874-C56A-DDA6-EDC6C9924681}"/>
                </a:ext>
              </a:extLst>
            </p:cNvPr>
            <p:cNvSpPr txBox="1">
              <a:spLocks noChangeArrowheads="1"/>
            </p:cNvSpPr>
            <p:nvPr/>
          </p:nvSpPr>
          <p:spPr bwMode="auto">
            <a:xfrm>
              <a:off x="7207730" y="6498141"/>
              <a:ext cx="1945508"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000">
                  <a:solidFill>
                    <a:schemeClr val="tx1"/>
                  </a:solidFill>
                  <a:latin typeface="Arial" panose="020B0604020202020204" pitchFamily="34" charset="0"/>
                </a:defRPr>
              </a:lvl1pPr>
              <a:lvl2pPr marL="742950" indent="-285750">
                <a:defRPr sz="2000">
                  <a:solidFill>
                    <a:schemeClr val="tx1"/>
                  </a:solidFill>
                  <a:latin typeface="Arial" panose="020B0604020202020204" pitchFamily="34" charset="0"/>
                </a:defRPr>
              </a:lvl2pPr>
              <a:lvl3pPr marL="1143000" indent="-228600">
                <a:defRPr sz="2000">
                  <a:solidFill>
                    <a:schemeClr val="tx1"/>
                  </a:solidFill>
                  <a:latin typeface="Arial" panose="020B0604020202020204" pitchFamily="34" charset="0"/>
                </a:defRPr>
              </a:lvl3pPr>
              <a:lvl4pPr marL="1600200" indent="-228600">
                <a:defRPr sz="2000">
                  <a:solidFill>
                    <a:schemeClr val="tx1"/>
                  </a:solidFill>
                  <a:latin typeface="Arial" panose="020B0604020202020204" pitchFamily="34" charset="0"/>
                </a:defRPr>
              </a:lvl4pPr>
              <a:lvl5pPr marL="2057400" indent="-228600">
                <a:defRPr sz="2000">
                  <a:solidFill>
                    <a:schemeClr val="tx1"/>
                  </a:solidFill>
                  <a:latin typeface="Arial" panose="020B0604020202020204" pitchFamily="34" charset="0"/>
                </a:defRPr>
              </a:lvl5pPr>
              <a:lvl6pPr marL="2514600" indent="-228600" eaLnBrk="0" fontAlgn="base" hangingPunct="0">
                <a:spcBef>
                  <a:spcPct val="0"/>
                </a:spcBef>
                <a:spcAft>
                  <a:spcPct val="0"/>
                </a:spcAft>
                <a:defRPr sz="2000">
                  <a:solidFill>
                    <a:schemeClr val="tx1"/>
                  </a:solidFill>
                  <a:latin typeface="Arial" panose="020B0604020202020204" pitchFamily="34" charset="0"/>
                </a:defRPr>
              </a:lvl6pPr>
              <a:lvl7pPr marL="2971800" indent="-228600" eaLnBrk="0" fontAlgn="base" hangingPunct="0">
                <a:spcBef>
                  <a:spcPct val="0"/>
                </a:spcBef>
                <a:spcAft>
                  <a:spcPct val="0"/>
                </a:spcAft>
                <a:defRPr sz="2000">
                  <a:solidFill>
                    <a:schemeClr val="tx1"/>
                  </a:solidFill>
                  <a:latin typeface="Arial" panose="020B0604020202020204" pitchFamily="34" charset="0"/>
                </a:defRPr>
              </a:lvl7pPr>
              <a:lvl8pPr marL="3429000" indent="-228600" eaLnBrk="0" fontAlgn="base" hangingPunct="0">
                <a:spcBef>
                  <a:spcPct val="0"/>
                </a:spcBef>
                <a:spcAft>
                  <a:spcPct val="0"/>
                </a:spcAft>
                <a:defRPr sz="2000">
                  <a:solidFill>
                    <a:schemeClr val="tx1"/>
                  </a:solidFill>
                  <a:latin typeface="Arial" panose="020B0604020202020204" pitchFamily="34" charset="0"/>
                </a:defRPr>
              </a:lvl8pPr>
              <a:lvl9pPr marL="3886200" indent="-228600" eaLnBrk="0" fontAlgn="base" hangingPunct="0">
                <a:spcBef>
                  <a:spcPct val="0"/>
                </a:spcBef>
                <a:spcAft>
                  <a:spcPct val="0"/>
                </a:spcAft>
                <a:defRPr sz="2000">
                  <a:solidFill>
                    <a:schemeClr val="tx1"/>
                  </a:solidFill>
                  <a:latin typeface="Arial" panose="020B0604020202020204" pitchFamily="34" charset="0"/>
                </a:defRPr>
              </a:lvl9pPr>
            </a:lstStyle>
            <a:p>
              <a:pPr algn="ctr"/>
              <a:r>
                <a:rPr lang="en-US" altLang="en-US" sz="1200" b="1">
                  <a:solidFill>
                    <a:srgbClr val="002060"/>
                  </a:solidFill>
                  <a:latin typeface="+mn-lt"/>
                </a:rPr>
                <a:t>CONTROLLO ESTINTORI</a:t>
              </a:r>
            </a:p>
          </p:txBody>
        </p:sp>
        <p:pic>
          <p:nvPicPr>
            <p:cNvPr id="42" name="Picture 41">
              <a:extLst>
                <a:ext uri="{FF2B5EF4-FFF2-40B4-BE49-F238E27FC236}">
                  <a16:creationId xmlns:a16="http://schemas.microsoft.com/office/drawing/2014/main" id="{A1C0F6BC-648F-1345-0DB1-509C94E7B09D}"/>
                </a:ext>
              </a:extLst>
            </p:cNvPr>
            <p:cNvPicPr>
              <a:picLocks noChangeAspect="1"/>
            </p:cNvPicPr>
            <p:nvPr/>
          </p:nvPicPr>
          <p:blipFill>
            <a:blip r:embed="rId11"/>
            <a:stretch>
              <a:fillRect/>
            </a:stretch>
          </p:blipFill>
          <p:spPr>
            <a:xfrm>
              <a:off x="8330039" y="2267428"/>
              <a:ext cx="1668832" cy="1755591"/>
            </a:xfrm>
            <a:prstGeom prst="rect">
              <a:avLst/>
            </a:prstGeom>
          </p:spPr>
        </p:pic>
        <p:sp>
          <p:nvSpPr>
            <p:cNvPr id="43" name="TextBox 11">
              <a:extLst>
                <a:ext uri="{FF2B5EF4-FFF2-40B4-BE49-F238E27FC236}">
                  <a16:creationId xmlns:a16="http://schemas.microsoft.com/office/drawing/2014/main" id="{89188892-87A1-CABA-46DE-7E0BFE5603AF}"/>
                </a:ext>
              </a:extLst>
            </p:cNvPr>
            <p:cNvSpPr txBox="1">
              <a:spLocks noChangeArrowheads="1"/>
            </p:cNvSpPr>
            <p:nvPr/>
          </p:nvSpPr>
          <p:spPr bwMode="auto">
            <a:xfrm>
              <a:off x="8166246" y="4013332"/>
              <a:ext cx="1945508" cy="52321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000">
                  <a:solidFill>
                    <a:schemeClr val="tx1"/>
                  </a:solidFill>
                  <a:latin typeface="Arial" panose="020B0604020202020204" pitchFamily="34" charset="0"/>
                </a:defRPr>
              </a:lvl1pPr>
              <a:lvl2pPr marL="742950" indent="-285750">
                <a:defRPr sz="2000">
                  <a:solidFill>
                    <a:schemeClr val="tx1"/>
                  </a:solidFill>
                  <a:latin typeface="Arial" panose="020B0604020202020204" pitchFamily="34" charset="0"/>
                </a:defRPr>
              </a:lvl2pPr>
              <a:lvl3pPr marL="1143000" indent="-228600">
                <a:defRPr sz="2000">
                  <a:solidFill>
                    <a:schemeClr val="tx1"/>
                  </a:solidFill>
                  <a:latin typeface="Arial" panose="020B0604020202020204" pitchFamily="34" charset="0"/>
                </a:defRPr>
              </a:lvl3pPr>
              <a:lvl4pPr marL="1600200" indent="-228600">
                <a:defRPr sz="2000">
                  <a:solidFill>
                    <a:schemeClr val="tx1"/>
                  </a:solidFill>
                  <a:latin typeface="Arial" panose="020B0604020202020204" pitchFamily="34" charset="0"/>
                </a:defRPr>
              </a:lvl4pPr>
              <a:lvl5pPr marL="2057400" indent="-228600">
                <a:defRPr sz="2000">
                  <a:solidFill>
                    <a:schemeClr val="tx1"/>
                  </a:solidFill>
                  <a:latin typeface="Arial" panose="020B0604020202020204" pitchFamily="34" charset="0"/>
                </a:defRPr>
              </a:lvl5pPr>
              <a:lvl6pPr marL="2514600" indent="-228600" eaLnBrk="0" fontAlgn="base" hangingPunct="0">
                <a:spcBef>
                  <a:spcPct val="0"/>
                </a:spcBef>
                <a:spcAft>
                  <a:spcPct val="0"/>
                </a:spcAft>
                <a:defRPr sz="2000">
                  <a:solidFill>
                    <a:schemeClr val="tx1"/>
                  </a:solidFill>
                  <a:latin typeface="Arial" panose="020B0604020202020204" pitchFamily="34" charset="0"/>
                </a:defRPr>
              </a:lvl6pPr>
              <a:lvl7pPr marL="2971800" indent="-228600" eaLnBrk="0" fontAlgn="base" hangingPunct="0">
                <a:spcBef>
                  <a:spcPct val="0"/>
                </a:spcBef>
                <a:spcAft>
                  <a:spcPct val="0"/>
                </a:spcAft>
                <a:defRPr sz="2000">
                  <a:solidFill>
                    <a:schemeClr val="tx1"/>
                  </a:solidFill>
                  <a:latin typeface="Arial" panose="020B0604020202020204" pitchFamily="34" charset="0"/>
                </a:defRPr>
              </a:lvl7pPr>
              <a:lvl8pPr marL="3429000" indent="-228600" eaLnBrk="0" fontAlgn="base" hangingPunct="0">
                <a:spcBef>
                  <a:spcPct val="0"/>
                </a:spcBef>
                <a:spcAft>
                  <a:spcPct val="0"/>
                </a:spcAft>
                <a:defRPr sz="2000">
                  <a:solidFill>
                    <a:schemeClr val="tx1"/>
                  </a:solidFill>
                  <a:latin typeface="Arial" panose="020B0604020202020204" pitchFamily="34" charset="0"/>
                </a:defRPr>
              </a:lvl8pPr>
              <a:lvl9pPr marL="3886200" indent="-228600" eaLnBrk="0" fontAlgn="base" hangingPunct="0">
                <a:spcBef>
                  <a:spcPct val="0"/>
                </a:spcBef>
                <a:spcAft>
                  <a:spcPct val="0"/>
                </a:spcAft>
                <a:defRPr sz="2000">
                  <a:solidFill>
                    <a:schemeClr val="tx1"/>
                  </a:solidFill>
                  <a:latin typeface="Arial" panose="020B0604020202020204" pitchFamily="34" charset="0"/>
                </a:defRPr>
              </a:lvl9pPr>
            </a:lstStyle>
            <a:p>
              <a:pPr algn="ctr"/>
              <a:r>
                <a:rPr lang="en-US" altLang="en-US" sz="1200" b="1">
                  <a:solidFill>
                    <a:srgbClr val="002060"/>
                  </a:solidFill>
                  <a:latin typeface="+mn-lt"/>
                </a:rPr>
                <a:t>CONTROLLO ATTREZZATURE</a:t>
              </a:r>
            </a:p>
          </p:txBody>
        </p:sp>
        <p:sp>
          <p:nvSpPr>
            <p:cNvPr id="44" name="TextBox 11">
              <a:extLst>
                <a:ext uri="{FF2B5EF4-FFF2-40B4-BE49-F238E27FC236}">
                  <a16:creationId xmlns:a16="http://schemas.microsoft.com/office/drawing/2014/main" id="{DC40EF6F-5966-186B-47B4-259C3E761C9A}"/>
                </a:ext>
              </a:extLst>
            </p:cNvPr>
            <p:cNvSpPr txBox="1">
              <a:spLocks noChangeArrowheads="1"/>
            </p:cNvSpPr>
            <p:nvPr/>
          </p:nvSpPr>
          <p:spPr bwMode="auto">
            <a:xfrm>
              <a:off x="9819471" y="6312228"/>
              <a:ext cx="1945508" cy="5232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000">
                  <a:solidFill>
                    <a:schemeClr val="tx1"/>
                  </a:solidFill>
                  <a:latin typeface="Arial" panose="020B0604020202020204" pitchFamily="34" charset="0"/>
                </a:defRPr>
              </a:lvl1pPr>
              <a:lvl2pPr marL="742950" indent="-285750">
                <a:defRPr sz="2000">
                  <a:solidFill>
                    <a:schemeClr val="tx1"/>
                  </a:solidFill>
                  <a:latin typeface="Arial" panose="020B0604020202020204" pitchFamily="34" charset="0"/>
                </a:defRPr>
              </a:lvl2pPr>
              <a:lvl3pPr marL="1143000" indent="-228600">
                <a:defRPr sz="2000">
                  <a:solidFill>
                    <a:schemeClr val="tx1"/>
                  </a:solidFill>
                  <a:latin typeface="Arial" panose="020B0604020202020204" pitchFamily="34" charset="0"/>
                </a:defRPr>
              </a:lvl3pPr>
              <a:lvl4pPr marL="1600200" indent="-228600">
                <a:defRPr sz="2000">
                  <a:solidFill>
                    <a:schemeClr val="tx1"/>
                  </a:solidFill>
                  <a:latin typeface="Arial" panose="020B0604020202020204" pitchFamily="34" charset="0"/>
                </a:defRPr>
              </a:lvl4pPr>
              <a:lvl5pPr marL="2057400" indent="-228600">
                <a:defRPr sz="2000">
                  <a:solidFill>
                    <a:schemeClr val="tx1"/>
                  </a:solidFill>
                  <a:latin typeface="Arial" panose="020B0604020202020204" pitchFamily="34" charset="0"/>
                </a:defRPr>
              </a:lvl5pPr>
              <a:lvl6pPr marL="2514600" indent="-228600" eaLnBrk="0" fontAlgn="base" hangingPunct="0">
                <a:spcBef>
                  <a:spcPct val="0"/>
                </a:spcBef>
                <a:spcAft>
                  <a:spcPct val="0"/>
                </a:spcAft>
                <a:defRPr sz="2000">
                  <a:solidFill>
                    <a:schemeClr val="tx1"/>
                  </a:solidFill>
                  <a:latin typeface="Arial" panose="020B0604020202020204" pitchFamily="34" charset="0"/>
                </a:defRPr>
              </a:lvl6pPr>
              <a:lvl7pPr marL="2971800" indent="-228600" eaLnBrk="0" fontAlgn="base" hangingPunct="0">
                <a:spcBef>
                  <a:spcPct val="0"/>
                </a:spcBef>
                <a:spcAft>
                  <a:spcPct val="0"/>
                </a:spcAft>
                <a:defRPr sz="2000">
                  <a:solidFill>
                    <a:schemeClr val="tx1"/>
                  </a:solidFill>
                  <a:latin typeface="Arial" panose="020B0604020202020204" pitchFamily="34" charset="0"/>
                </a:defRPr>
              </a:lvl7pPr>
              <a:lvl8pPr marL="3429000" indent="-228600" eaLnBrk="0" fontAlgn="base" hangingPunct="0">
                <a:spcBef>
                  <a:spcPct val="0"/>
                </a:spcBef>
                <a:spcAft>
                  <a:spcPct val="0"/>
                </a:spcAft>
                <a:defRPr sz="2000">
                  <a:solidFill>
                    <a:schemeClr val="tx1"/>
                  </a:solidFill>
                  <a:latin typeface="Arial" panose="020B0604020202020204" pitchFamily="34" charset="0"/>
                </a:defRPr>
              </a:lvl8pPr>
              <a:lvl9pPr marL="3886200" indent="-228600" eaLnBrk="0" fontAlgn="base" hangingPunct="0">
                <a:spcBef>
                  <a:spcPct val="0"/>
                </a:spcBef>
                <a:spcAft>
                  <a:spcPct val="0"/>
                </a:spcAft>
                <a:defRPr sz="2000">
                  <a:solidFill>
                    <a:schemeClr val="tx1"/>
                  </a:solidFill>
                  <a:latin typeface="Arial" panose="020B0604020202020204" pitchFamily="34" charset="0"/>
                </a:defRPr>
              </a:lvl9pPr>
            </a:lstStyle>
            <a:p>
              <a:pPr algn="ctr"/>
              <a:r>
                <a:rPr lang="en-US" altLang="en-US" sz="1200" b="1">
                  <a:solidFill>
                    <a:srgbClr val="002060"/>
                  </a:solidFill>
                  <a:latin typeface="+mn-lt"/>
                </a:rPr>
                <a:t>CONTROLLO HOUSEKEEPING</a:t>
              </a:r>
            </a:p>
          </p:txBody>
        </p:sp>
        <p:pic>
          <p:nvPicPr>
            <p:cNvPr id="45" name="Picture 44">
              <a:extLst>
                <a:ext uri="{FF2B5EF4-FFF2-40B4-BE49-F238E27FC236}">
                  <a16:creationId xmlns:a16="http://schemas.microsoft.com/office/drawing/2014/main" id="{5D9387AE-2046-8AC8-133F-996207BBF3C5}"/>
                </a:ext>
              </a:extLst>
            </p:cNvPr>
            <p:cNvPicPr>
              <a:picLocks noChangeAspect="1"/>
            </p:cNvPicPr>
            <p:nvPr/>
          </p:nvPicPr>
          <p:blipFill>
            <a:blip r:embed="rId12"/>
            <a:stretch>
              <a:fillRect/>
            </a:stretch>
          </p:blipFill>
          <p:spPr>
            <a:xfrm>
              <a:off x="9709806" y="4744531"/>
              <a:ext cx="2293083" cy="1497396"/>
            </a:xfrm>
            <a:prstGeom prst="rect">
              <a:avLst/>
            </a:prstGeom>
          </p:spPr>
        </p:pic>
        <p:sp>
          <p:nvSpPr>
            <p:cNvPr id="46" name="TextBox 11">
              <a:extLst>
                <a:ext uri="{FF2B5EF4-FFF2-40B4-BE49-F238E27FC236}">
                  <a16:creationId xmlns:a16="http://schemas.microsoft.com/office/drawing/2014/main" id="{FC0B53D7-B01F-351C-E7DA-CFCD506B2C68}"/>
                </a:ext>
              </a:extLst>
            </p:cNvPr>
            <p:cNvSpPr txBox="1">
              <a:spLocks noChangeArrowheads="1"/>
            </p:cNvSpPr>
            <p:nvPr/>
          </p:nvSpPr>
          <p:spPr bwMode="auto">
            <a:xfrm>
              <a:off x="2385512" y="2853639"/>
              <a:ext cx="2076792" cy="51109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000">
                  <a:solidFill>
                    <a:schemeClr val="tx1"/>
                  </a:solidFill>
                  <a:latin typeface="Arial" panose="020B0604020202020204" pitchFamily="34" charset="0"/>
                </a:defRPr>
              </a:lvl1pPr>
              <a:lvl2pPr marL="742950" indent="-285750">
                <a:defRPr sz="2000">
                  <a:solidFill>
                    <a:schemeClr val="tx1"/>
                  </a:solidFill>
                  <a:latin typeface="Arial" panose="020B0604020202020204" pitchFamily="34" charset="0"/>
                </a:defRPr>
              </a:lvl2pPr>
              <a:lvl3pPr marL="1143000" indent="-228600">
                <a:defRPr sz="2000">
                  <a:solidFill>
                    <a:schemeClr val="tx1"/>
                  </a:solidFill>
                  <a:latin typeface="Arial" panose="020B0604020202020204" pitchFamily="34" charset="0"/>
                </a:defRPr>
              </a:lvl3pPr>
              <a:lvl4pPr marL="1600200" indent="-228600">
                <a:defRPr sz="2000">
                  <a:solidFill>
                    <a:schemeClr val="tx1"/>
                  </a:solidFill>
                  <a:latin typeface="Arial" panose="020B0604020202020204" pitchFamily="34" charset="0"/>
                </a:defRPr>
              </a:lvl4pPr>
              <a:lvl5pPr marL="2057400" indent="-228600">
                <a:defRPr sz="2000">
                  <a:solidFill>
                    <a:schemeClr val="tx1"/>
                  </a:solidFill>
                  <a:latin typeface="Arial" panose="020B0604020202020204" pitchFamily="34" charset="0"/>
                </a:defRPr>
              </a:lvl5pPr>
              <a:lvl6pPr marL="2514600" indent="-228600" eaLnBrk="0" fontAlgn="base" hangingPunct="0">
                <a:spcBef>
                  <a:spcPct val="0"/>
                </a:spcBef>
                <a:spcAft>
                  <a:spcPct val="0"/>
                </a:spcAft>
                <a:defRPr sz="2000">
                  <a:solidFill>
                    <a:schemeClr val="tx1"/>
                  </a:solidFill>
                  <a:latin typeface="Arial" panose="020B0604020202020204" pitchFamily="34" charset="0"/>
                </a:defRPr>
              </a:lvl6pPr>
              <a:lvl7pPr marL="2971800" indent="-228600" eaLnBrk="0" fontAlgn="base" hangingPunct="0">
                <a:spcBef>
                  <a:spcPct val="0"/>
                </a:spcBef>
                <a:spcAft>
                  <a:spcPct val="0"/>
                </a:spcAft>
                <a:defRPr sz="2000">
                  <a:solidFill>
                    <a:schemeClr val="tx1"/>
                  </a:solidFill>
                  <a:latin typeface="Arial" panose="020B0604020202020204" pitchFamily="34" charset="0"/>
                </a:defRPr>
              </a:lvl7pPr>
              <a:lvl8pPr marL="3429000" indent="-228600" eaLnBrk="0" fontAlgn="base" hangingPunct="0">
                <a:spcBef>
                  <a:spcPct val="0"/>
                </a:spcBef>
                <a:spcAft>
                  <a:spcPct val="0"/>
                </a:spcAft>
                <a:defRPr sz="2000">
                  <a:solidFill>
                    <a:schemeClr val="tx1"/>
                  </a:solidFill>
                  <a:latin typeface="Arial" panose="020B0604020202020204" pitchFamily="34" charset="0"/>
                </a:defRPr>
              </a:lvl8pPr>
              <a:lvl9pPr marL="3886200" indent="-228600" eaLnBrk="0" fontAlgn="base" hangingPunct="0">
                <a:spcBef>
                  <a:spcPct val="0"/>
                </a:spcBef>
                <a:spcAft>
                  <a:spcPct val="0"/>
                </a:spcAft>
                <a:defRPr sz="2000">
                  <a:solidFill>
                    <a:schemeClr val="tx1"/>
                  </a:solidFill>
                  <a:latin typeface="Arial" panose="020B0604020202020204" pitchFamily="34" charset="0"/>
                </a:defRPr>
              </a:lvl9pPr>
            </a:lstStyle>
            <a:p>
              <a:pPr algn="ctr"/>
              <a:r>
                <a:rPr lang="en-US" altLang="en-US" sz="1200" b="1">
                  <a:solidFill>
                    <a:srgbClr val="C00000"/>
                  </a:solidFill>
                  <a:latin typeface="+mn-lt"/>
                </a:rPr>
                <a:t>ALGORITMI DI INTELLIGENZA ARTIFICIALE</a:t>
              </a:r>
            </a:p>
          </p:txBody>
        </p:sp>
        <p:sp>
          <p:nvSpPr>
            <p:cNvPr id="47" name="TextBox 11">
              <a:extLst>
                <a:ext uri="{FF2B5EF4-FFF2-40B4-BE49-F238E27FC236}">
                  <a16:creationId xmlns:a16="http://schemas.microsoft.com/office/drawing/2014/main" id="{C9FCFD87-A16C-A229-EB87-C919A70B2A99}"/>
                </a:ext>
              </a:extLst>
            </p:cNvPr>
            <p:cNvSpPr txBox="1">
              <a:spLocks noChangeArrowheads="1"/>
            </p:cNvSpPr>
            <p:nvPr/>
          </p:nvSpPr>
          <p:spPr bwMode="auto">
            <a:xfrm>
              <a:off x="2385511" y="4843309"/>
              <a:ext cx="2076793" cy="738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000">
                  <a:solidFill>
                    <a:schemeClr val="tx1"/>
                  </a:solidFill>
                  <a:latin typeface="Arial" panose="020B0604020202020204" pitchFamily="34" charset="0"/>
                </a:defRPr>
              </a:lvl1pPr>
              <a:lvl2pPr marL="742950" indent="-285750">
                <a:defRPr sz="2000">
                  <a:solidFill>
                    <a:schemeClr val="tx1"/>
                  </a:solidFill>
                  <a:latin typeface="Arial" panose="020B0604020202020204" pitchFamily="34" charset="0"/>
                </a:defRPr>
              </a:lvl2pPr>
              <a:lvl3pPr marL="1143000" indent="-228600">
                <a:defRPr sz="2000">
                  <a:solidFill>
                    <a:schemeClr val="tx1"/>
                  </a:solidFill>
                  <a:latin typeface="Arial" panose="020B0604020202020204" pitchFamily="34" charset="0"/>
                </a:defRPr>
              </a:lvl3pPr>
              <a:lvl4pPr marL="1600200" indent="-228600">
                <a:defRPr sz="2000">
                  <a:solidFill>
                    <a:schemeClr val="tx1"/>
                  </a:solidFill>
                  <a:latin typeface="Arial" panose="020B0604020202020204" pitchFamily="34" charset="0"/>
                </a:defRPr>
              </a:lvl4pPr>
              <a:lvl5pPr marL="2057400" indent="-228600">
                <a:defRPr sz="2000">
                  <a:solidFill>
                    <a:schemeClr val="tx1"/>
                  </a:solidFill>
                  <a:latin typeface="Arial" panose="020B0604020202020204" pitchFamily="34" charset="0"/>
                </a:defRPr>
              </a:lvl5pPr>
              <a:lvl6pPr marL="2514600" indent="-228600" eaLnBrk="0" fontAlgn="base" hangingPunct="0">
                <a:spcBef>
                  <a:spcPct val="0"/>
                </a:spcBef>
                <a:spcAft>
                  <a:spcPct val="0"/>
                </a:spcAft>
                <a:defRPr sz="2000">
                  <a:solidFill>
                    <a:schemeClr val="tx1"/>
                  </a:solidFill>
                  <a:latin typeface="Arial" panose="020B0604020202020204" pitchFamily="34" charset="0"/>
                </a:defRPr>
              </a:lvl6pPr>
              <a:lvl7pPr marL="2971800" indent="-228600" eaLnBrk="0" fontAlgn="base" hangingPunct="0">
                <a:spcBef>
                  <a:spcPct val="0"/>
                </a:spcBef>
                <a:spcAft>
                  <a:spcPct val="0"/>
                </a:spcAft>
                <a:defRPr sz="2000">
                  <a:solidFill>
                    <a:schemeClr val="tx1"/>
                  </a:solidFill>
                  <a:latin typeface="Arial" panose="020B0604020202020204" pitchFamily="34" charset="0"/>
                </a:defRPr>
              </a:lvl7pPr>
              <a:lvl8pPr marL="3429000" indent="-228600" eaLnBrk="0" fontAlgn="base" hangingPunct="0">
                <a:spcBef>
                  <a:spcPct val="0"/>
                </a:spcBef>
                <a:spcAft>
                  <a:spcPct val="0"/>
                </a:spcAft>
                <a:defRPr sz="2000">
                  <a:solidFill>
                    <a:schemeClr val="tx1"/>
                  </a:solidFill>
                  <a:latin typeface="Arial" panose="020B0604020202020204" pitchFamily="34" charset="0"/>
                </a:defRPr>
              </a:lvl8pPr>
              <a:lvl9pPr marL="3886200" indent="-228600" eaLnBrk="0" fontAlgn="base" hangingPunct="0">
                <a:spcBef>
                  <a:spcPct val="0"/>
                </a:spcBef>
                <a:spcAft>
                  <a:spcPct val="0"/>
                </a:spcAft>
                <a:defRPr sz="2000">
                  <a:solidFill>
                    <a:schemeClr val="tx1"/>
                  </a:solidFill>
                  <a:latin typeface="Arial" panose="020B0604020202020204" pitchFamily="34" charset="0"/>
                </a:defRPr>
              </a:lvl9pPr>
            </a:lstStyle>
            <a:p>
              <a:pPr algn="ctr"/>
              <a:r>
                <a:rPr lang="en-US" altLang="en-US" sz="1200" b="1">
                  <a:solidFill>
                    <a:srgbClr val="C00000"/>
                  </a:solidFill>
                  <a:latin typeface="+mn-lt"/>
                </a:rPr>
                <a:t>RILEVAMENTO AUTOMATICO </a:t>
              </a:r>
            </a:p>
            <a:p>
              <a:pPr algn="ctr"/>
              <a:r>
                <a:rPr lang="en-US" altLang="en-US" sz="1200" b="1">
                  <a:solidFill>
                    <a:srgbClr val="C00000"/>
                  </a:solidFill>
                  <a:latin typeface="+mn-lt"/>
                </a:rPr>
                <a:t>IN TEMPO REALE</a:t>
              </a:r>
            </a:p>
          </p:txBody>
        </p:sp>
      </p:grpSp>
      <p:sp>
        <p:nvSpPr>
          <p:cNvPr id="26" name="TextBox 25">
            <a:extLst>
              <a:ext uri="{FF2B5EF4-FFF2-40B4-BE49-F238E27FC236}">
                <a16:creationId xmlns:a16="http://schemas.microsoft.com/office/drawing/2014/main" id="{BF8DBAB6-23E1-D539-4445-528895631166}"/>
              </a:ext>
            </a:extLst>
          </p:cNvPr>
          <p:cNvSpPr txBox="1"/>
          <p:nvPr/>
        </p:nvSpPr>
        <p:spPr>
          <a:xfrm>
            <a:off x="985125" y="892209"/>
            <a:ext cx="4813804" cy="2009061"/>
          </a:xfrm>
          <a:prstGeom prst="roundRect">
            <a:avLst/>
          </a:prstGeom>
          <a:solidFill>
            <a:srgbClr val="ECEFF4"/>
          </a:solidFill>
          <a:ln w="19050">
            <a:solidFill>
              <a:srgbClr val="AF78D2"/>
            </a:solidFill>
          </a:ln>
        </p:spPr>
        <p:txBody>
          <a:bodyPr wrap="square" rtlCol="0">
            <a:spAutoFit/>
          </a:bodyPr>
          <a:lstStyle/>
          <a:p>
            <a:r>
              <a:rPr lang="en-GB" altLang="en-US" sz="1600" b="1">
                <a:cs typeface="Arial" panose="020B0604020202020204" pitchFamily="34" charset="0"/>
              </a:rPr>
              <a:t>VISUAL INTELLIGENCE </a:t>
            </a:r>
            <a:r>
              <a:rPr lang="en-GB" altLang="en-US" sz="1600">
                <a:cs typeface="Arial" panose="020B0604020202020204" pitchFamily="34" charset="0"/>
              </a:rPr>
              <a:t>è </a:t>
            </a:r>
            <a:r>
              <a:rPr lang="en-US" altLang="en-US" sz="1600">
                <a:cs typeface="Arial" panose="020B0604020202020204" pitchFamily="34" charset="0"/>
              </a:rPr>
              <a:t>la </a:t>
            </a:r>
            <a:r>
              <a:rPr lang="it-IT" altLang="en-US" sz="1600">
                <a:cs typeface="Arial" panose="020B0604020202020204" pitchFamily="34" charset="0"/>
              </a:rPr>
              <a:t>soluzione di videoconferenza di Ericsson che consente attività di monitoraggio del sito, in tempo reale, da remoto e di rilevare eventuali anomalie. </a:t>
            </a:r>
            <a:r>
              <a:rPr lang="it-IT" altLang="zh-CN" sz="1600">
                <a:ea typeface="SimSun" panose="02010600030101010101" pitchFamily="2" charset="-122"/>
              </a:rPr>
              <a:t>Inquadrando il sito con il cellulare, gli algoritmi di intelligenza artificiale permettono di rilevare le anomalie e definirne la tipologia in tempo reale. Attualmente è in fase pilota.</a:t>
            </a:r>
            <a:endParaRPr lang="en-US" sz="1600">
              <a:ea typeface="SimSun" panose="02010600030101010101" pitchFamily="2" charset="-122"/>
            </a:endParaRPr>
          </a:p>
        </p:txBody>
      </p:sp>
      <p:sp>
        <p:nvSpPr>
          <p:cNvPr id="32" name="Oval 31">
            <a:extLst>
              <a:ext uri="{FF2B5EF4-FFF2-40B4-BE49-F238E27FC236}">
                <a16:creationId xmlns:a16="http://schemas.microsoft.com/office/drawing/2014/main" id="{A517499A-18E9-3037-E46A-E702FEE56E76}"/>
              </a:ext>
            </a:extLst>
          </p:cNvPr>
          <p:cNvSpPr/>
          <p:nvPr/>
        </p:nvSpPr>
        <p:spPr>
          <a:xfrm>
            <a:off x="542628" y="790846"/>
            <a:ext cx="599090" cy="567558"/>
          </a:xfrm>
          <a:prstGeom prst="ellipse">
            <a:avLst/>
          </a:prstGeom>
          <a:solidFill>
            <a:srgbClr val="AF78D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Oval 32">
            <a:extLst>
              <a:ext uri="{FF2B5EF4-FFF2-40B4-BE49-F238E27FC236}">
                <a16:creationId xmlns:a16="http://schemas.microsoft.com/office/drawing/2014/main" id="{BA866C34-B91D-C59B-8632-33FC0C7C24A6}"/>
              </a:ext>
            </a:extLst>
          </p:cNvPr>
          <p:cNvSpPr/>
          <p:nvPr/>
        </p:nvSpPr>
        <p:spPr>
          <a:xfrm>
            <a:off x="558128" y="808584"/>
            <a:ext cx="536029" cy="501332"/>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4" name="Graphic 33" descr="Bar chart with solid fill">
            <a:extLst>
              <a:ext uri="{FF2B5EF4-FFF2-40B4-BE49-F238E27FC236}">
                <a16:creationId xmlns:a16="http://schemas.microsoft.com/office/drawing/2014/main" id="{5E8F72A8-D99A-8F01-236F-9769AD1886B9}"/>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587641" y="841592"/>
            <a:ext cx="462032" cy="462032"/>
          </a:xfrm>
          <a:prstGeom prst="rect">
            <a:avLst/>
          </a:prstGeom>
        </p:spPr>
      </p:pic>
      <p:sp>
        <p:nvSpPr>
          <p:cNvPr id="2" name="TextBox 11">
            <a:extLst>
              <a:ext uri="{FF2B5EF4-FFF2-40B4-BE49-F238E27FC236}">
                <a16:creationId xmlns:a16="http://schemas.microsoft.com/office/drawing/2014/main" id="{574543AF-F746-5FE4-E317-FFBFDB4C3930}"/>
              </a:ext>
            </a:extLst>
          </p:cNvPr>
          <p:cNvSpPr txBox="1">
            <a:spLocks noChangeArrowheads="1"/>
          </p:cNvSpPr>
          <p:nvPr/>
        </p:nvSpPr>
        <p:spPr bwMode="auto">
          <a:xfrm>
            <a:off x="169647" y="6369967"/>
            <a:ext cx="3642624" cy="374571"/>
          </a:xfrm>
          <a:prstGeom prst="roundRect">
            <a:avLst/>
          </a:prstGeom>
          <a:solidFill>
            <a:schemeClr val="accent2"/>
          </a:solidFill>
          <a:ln>
            <a:noFill/>
          </a:ln>
        </p:spPr>
        <p:txBody>
          <a:bodyPr wrap="square">
            <a:spAutoFit/>
          </a:bodyPr>
          <a:lstStyle>
            <a:lvl1pPr>
              <a:defRPr sz="2000">
                <a:solidFill>
                  <a:schemeClr val="tx1"/>
                </a:solidFill>
                <a:latin typeface="Arial" panose="020B0604020202020204" pitchFamily="34" charset="0"/>
              </a:defRPr>
            </a:lvl1pPr>
            <a:lvl2pPr marL="742950" indent="-285750">
              <a:defRPr sz="2000">
                <a:solidFill>
                  <a:schemeClr val="tx1"/>
                </a:solidFill>
                <a:latin typeface="Arial" panose="020B0604020202020204" pitchFamily="34" charset="0"/>
              </a:defRPr>
            </a:lvl2pPr>
            <a:lvl3pPr marL="1143000" indent="-228600">
              <a:defRPr sz="2000">
                <a:solidFill>
                  <a:schemeClr val="tx1"/>
                </a:solidFill>
                <a:latin typeface="Arial" panose="020B0604020202020204" pitchFamily="34" charset="0"/>
              </a:defRPr>
            </a:lvl3pPr>
            <a:lvl4pPr marL="1600200" indent="-228600">
              <a:defRPr sz="2000">
                <a:solidFill>
                  <a:schemeClr val="tx1"/>
                </a:solidFill>
                <a:latin typeface="Arial" panose="020B0604020202020204" pitchFamily="34" charset="0"/>
              </a:defRPr>
            </a:lvl4pPr>
            <a:lvl5pPr marL="2057400" indent="-228600">
              <a:defRPr sz="2000">
                <a:solidFill>
                  <a:schemeClr val="tx1"/>
                </a:solidFill>
                <a:latin typeface="Arial" panose="020B0604020202020204" pitchFamily="34" charset="0"/>
              </a:defRPr>
            </a:lvl5pPr>
            <a:lvl6pPr marL="2514600" indent="-228600" eaLnBrk="0" fontAlgn="base" hangingPunct="0">
              <a:spcBef>
                <a:spcPct val="0"/>
              </a:spcBef>
              <a:spcAft>
                <a:spcPct val="0"/>
              </a:spcAft>
              <a:defRPr sz="2000">
                <a:solidFill>
                  <a:schemeClr val="tx1"/>
                </a:solidFill>
                <a:latin typeface="Arial" panose="020B0604020202020204" pitchFamily="34" charset="0"/>
              </a:defRPr>
            </a:lvl6pPr>
            <a:lvl7pPr marL="2971800" indent="-228600" eaLnBrk="0" fontAlgn="base" hangingPunct="0">
              <a:spcBef>
                <a:spcPct val="0"/>
              </a:spcBef>
              <a:spcAft>
                <a:spcPct val="0"/>
              </a:spcAft>
              <a:defRPr sz="2000">
                <a:solidFill>
                  <a:schemeClr val="tx1"/>
                </a:solidFill>
                <a:latin typeface="Arial" panose="020B0604020202020204" pitchFamily="34" charset="0"/>
              </a:defRPr>
            </a:lvl7pPr>
            <a:lvl8pPr marL="3429000" indent="-228600" eaLnBrk="0" fontAlgn="base" hangingPunct="0">
              <a:spcBef>
                <a:spcPct val="0"/>
              </a:spcBef>
              <a:spcAft>
                <a:spcPct val="0"/>
              </a:spcAft>
              <a:defRPr sz="2000">
                <a:solidFill>
                  <a:schemeClr val="tx1"/>
                </a:solidFill>
                <a:latin typeface="Arial" panose="020B0604020202020204" pitchFamily="34" charset="0"/>
              </a:defRPr>
            </a:lvl8pPr>
            <a:lvl9pPr marL="3886200" indent="-228600" eaLnBrk="0" fontAlgn="base" hangingPunct="0">
              <a:spcBef>
                <a:spcPct val="0"/>
              </a:spcBef>
              <a:spcAft>
                <a:spcPct val="0"/>
              </a:spcAft>
              <a:defRPr sz="2000">
                <a:solidFill>
                  <a:schemeClr val="tx1"/>
                </a:solidFill>
                <a:latin typeface="Arial" panose="020B0604020202020204" pitchFamily="34" charset="0"/>
              </a:defRPr>
            </a:lvl9pPr>
          </a:lstStyle>
          <a:p>
            <a:pPr algn="ctr"/>
            <a:r>
              <a:rPr lang="en-US" altLang="en-US" sz="1600" b="1" dirty="0">
                <a:solidFill>
                  <a:schemeClr val="bg1"/>
                </a:solidFill>
                <a:latin typeface="+mn-lt"/>
              </a:rPr>
              <a:t>TRIAL PIANIFICATO IN ITALIA IN Q4 2023</a:t>
            </a:r>
          </a:p>
        </p:txBody>
      </p:sp>
    </p:spTree>
    <p:extLst>
      <p:ext uri="{BB962C8B-B14F-4D97-AF65-F5344CB8AC3E}">
        <p14:creationId xmlns:p14="http://schemas.microsoft.com/office/powerpoint/2010/main" val="6245567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7680020537685678"/>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easmrsa\AppData\Local\Temp\Templafy\PowerPointVsto\Assets\6519a819-0e8c-4ebc-aa5c-2d8f23f83a86.jpeg"/>
</p:tagLst>
</file>

<file path=ppt/tags/tag3.xml><?xml version="1.0" encoding="utf-8"?>
<p:tagLst xmlns:a="http://schemas.openxmlformats.org/drawingml/2006/main" xmlns:r="http://schemas.openxmlformats.org/officeDocument/2006/relationships" xmlns:p="http://schemas.openxmlformats.org/presentationml/2006/main">
  <p:tag name="TEMPLAFYSLIDEID" val="637684227482764497"/>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21</TotalTime>
  <Words>2300</Words>
  <Application>Microsoft Office PowerPoint</Application>
  <PresentationFormat>Widescreen</PresentationFormat>
  <Paragraphs>278</Paragraphs>
  <Slides>13</Slides>
  <Notes>3</Notes>
  <HiddenSlides>0</HiddenSlides>
  <MMClips>0</MMClips>
  <ScaleCrop>false</ScaleCrop>
  <HeadingPairs>
    <vt:vector size="6" baseType="variant">
      <vt:variant>
        <vt:lpstr>Fonts Used</vt:lpstr>
      </vt:variant>
      <vt:variant>
        <vt:i4>9</vt:i4>
      </vt:variant>
      <vt:variant>
        <vt:lpstr>Theme</vt:lpstr>
      </vt:variant>
      <vt:variant>
        <vt:i4>1</vt:i4>
      </vt:variant>
      <vt:variant>
        <vt:lpstr>Slide Titles</vt:lpstr>
      </vt:variant>
      <vt:variant>
        <vt:i4>13</vt:i4>
      </vt:variant>
    </vt:vector>
  </HeadingPairs>
  <TitlesOfParts>
    <vt:vector size="23" baseType="lpstr">
      <vt:lpstr>Arial</vt:lpstr>
      <vt:lpstr>Calibri</vt:lpstr>
      <vt:lpstr>Calibri Light</vt:lpstr>
      <vt:lpstr>Cambria Math</vt:lpstr>
      <vt:lpstr>Ericsson Hilda</vt:lpstr>
      <vt:lpstr>Ericsson Hilda Light</vt:lpstr>
      <vt:lpstr>Fira Sans Extra Condensed Medium</vt:lpstr>
      <vt:lpstr>Times New Roman</vt:lpstr>
      <vt:lpstr>Wingdings</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Ericsson</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Sara Mastrorosa</dc:creator>
  <cp:lastModifiedBy>Sara Mastrorosa</cp:lastModifiedBy>
  <cp:revision>4</cp:revision>
  <dcterms:created xsi:type="dcterms:W3CDTF">2023-09-25T08:09:28Z</dcterms:created>
  <dcterms:modified xsi:type="dcterms:W3CDTF">2023-10-27T07:58:00Z</dcterms:modified>
</cp:coreProperties>
</file>